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codeName="ThisWorkbook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8\2603\HP2603\"/>
    </mc:Choice>
  </mc:AlternateContent>
  <xr:revisionPtr revIDLastSave="0" documentId="13_ncr:1_{486421A1-34D0-4C43-BB8D-07E2C5D3816D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目次" sheetId="91" r:id="rId1"/>
    <sheet name="年齢別・性別人口(01総曲輪)" sheetId="2" r:id="rId2"/>
    <sheet name="年齢別・性別人口(02愛宕)" sheetId="3" r:id="rId3"/>
    <sheet name="年齢別・性別人口(03安野屋)" sheetId="4" r:id="rId4"/>
    <sheet name="年齢別・性別人口(04八人町)" sheetId="5" r:id="rId5"/>
    <sheet name="年齢別・性別人口(05五番町)" sheetId="6" r:id="rId6"/>
    <sheet name="年齢別・性別人口(06柳町)" sheetId="7" r:id="rId7"/>
    <sheet name="年齢別・性別人口(07清水町)" sheetId="8" r:id="rId8"/>
    <sheet name="年齢別・性別人口(08星井町)" sheetId="9" r:id="rId9"/>
    <sheet name="年齢別・性別人口(09西田地方)" sheetId="10" r:id="rId10"/>
    <sheet name="年齢別・性別人口(10堀川)" sheetId="11" r:id="rId11"/>
    <sheet name="年齢別・性別人口(11堀川南)" sheetId="12" r:id="rId12"/>
    <sheet name="年齢別・性別人口(12東部)" sheetId="13" r:id="rId13"/>
    <sheet name="年齢別・性別人口(13奥田)" sheetId="14" r:id="rId14"/>
    <sheet name="年齢別・性別人口(14奥田北)" sheetId="15" r:id="rId15"/>
    <sheet name="年齢別・性別人口(15桜谷)" sheetId="16" r:id="rId16"/>
    <sheet name="年齢別・性別人口(16五福)" sheetId="17" r:id="rId17"/>
    <sheet name="年齢別・性別人口(17神明)" sheetId="18" r:id="rId18"/>
    <sheet name="年齢別・性別人口(18岩瀬)" sheetId="19" r:id="rId19"/>
    <sheet name="年齢別・性別人口(19萩浦)" sheetId="20" r:id="rId20"/>
    <sheet name="年齢別・性別人口(20大広田)" sheetId="21" r:id="rId21"/>
    <sheet name="年齢別・性別人口(21浜黒崎)" sheetId="22" r:id="rId22"/>
    <sheet name="年齢別・性別人口(22針原)" sheetId="23" r:id="rId23"/>
    <sheet name="年齢別・性別人口(23豊田)" sheetId="24" r:id="rId24"/>
    <sheet name="年齢別・性別人口(24広田)" sheetId="25" r:id="rId25"/>
    <sheet name="年齢別・性別人口(25新庄)" sheetId="26" r:id="rId26"/>
    <sheet name="年齢別・性別人口(26藤ノ木)" sheetId="27" r:id="rId27"/>
    <sheet name="年齢別・性別人口(27山室)" sheetId="28" r:id="rId28"/>
    <sheet name="年齢別・性別人口(28山室中部)" sheetId="29" r:id="rId29"/>
    <sheet name="年齢別・性別人口(29太田)" sheetId="30" r:id="rId30"/>
    <sheet name="年齢別・性別人口(30蜷川)" sheetId="31" r:id="rId31"/>
    <sheet name="年齢別・性別人口(31新保)" sheetId="32" r:id="rId32"/>
    <sheet name="年齢別・性別人口(32熊野)" sheetId="33" r:id="rId33"/>
    <sheet name="年齢別・性別人口(33月岡)" sheetId="34" r:id="rId34"/>
    <sheet name="年齢別・性別人口(34四方)" sheetId="35" r:id="rId35"/>
    <sheet name="年齢別・性別人口(35八幡)" sheetId="36" r:id="rId36"/>
    <sheet name="年齢別・性別人口(36草島)" sheetId="37" r:id="rId37"/>
    <sheet name="年齢別・性別人口(37倉垣)" sheetId="38" r:id="rId38"/>
    <sheet name="年齢別・性別人口(38呉羽)" sheetId="39" r:id="rId39"/>
    <sheet name="年齢別・性別人口(39長岡)" sheetId="40" r:id="rId40"/>
    <sheet name="年齢別・性別人口(40寒江)" sheetId="41" r:id="rId41"/>
    <sheet name="年齢別・性別人口(41古沢)" sheetId="42" r:id="rId42"/>
    <sheet name="年齢別・性別人口(42老田)" sheetId="43" r:id="rId43"/>
    <sheet name="年齢別・性別人口(43池多)" sheetId="44" r:id="rId44"/>
    <sheet name="年齢別・性別人口(44水橋中部)" sheetId="45" r:id="rId45"/>
    <sheet name="年齢別・性別人口(45水橋西部)" sheetId="46" r:id="rId46"/>
    <sheet name="年齢別・性別人口(46水橋東部)" sheetId="47" r:id="rId47"/>
    <sheet name="年齢別・性別人口(47三郷)" sheetId="48" r:id="rId48"/>
    <sheet name="年齢別・性別人口(48上条)" sheetId="49" r:id="rId49"/>
    <sheet name="年齢別・性別人口(49光陽)" sheetId="50" r:id="rId50"/>
    <sheet name="年齢別・性別人口(50新庄北）" sheetId="51" r:id="rId51"/>
    <sheet name="年齢別・性別人口(0099富山地域)" sheetId="52" r:id="rId52"/>
    <sheet name="年齢別・性別人口0101下タ)" sheetId="53" r:id="rId53"/>
    <sheet name="年齢別・性別人口(0102小羽)" sheetId="54" r:id="rId54"/>
    <sheet name="年齢別・性別人口(0103船峅)" sheetId="55" r:id="rId55"/>
    <sheet name="年齢別・性別人口(0104大沢野)" sheetId="56" r:id="rId56"/>
    <sheet name="年齢別・性別人口(0105大久保)" sheetId="57" r:id="rId57"/>
    <sheet name="年齢別・性別人口(0199大沢野地域)" sheetId="58" r:id="rId58"/>
    <sheet name="年齢別・性別人口(0201上滝)" sheetId="59" r:id="rId59"/>
    <sheet name="年齢別・性別人口(0202大山)" sheetId="60" r:id="rId60"/>
    <sheet name="年齢別・性別人口(0203大庄)" sheetId="61" r:id="rId61"/>
    <sheet name="年齢別・性別人口(0204福沢)" sheetId="62" r:id="rId62"/>
    <sheet name="年齢別・性別人口(0299大山地域)" sheetId="63" r:id="rId63"/>
    <sheet name="年齢別・性別人口(0301八尾)" sheetId="64" r:id="rId64"/>
    <sheet name="年齢別・性別人口(0302保内)" sheetId="65" r:id="rId65"/>
    <sheet name="年齢別・性別人口(0303杉原)" sheetId="66" r:id="rId66"/>
    <sheet name="年齢別・性別人口(0304卯花)" sheetId="67" r:id="rId67"/>
    <sheet name="年齢別・性別人口(0305室牧)" sheetId="68" r:id="rId68"/>
    <sheet name="年齢別・性別人口(0306黒瀬谷)" sheetId="69" r:id="rId69"/>
    <sheet name="年齢別・性別人口(0307野積)" sheetId="70" r:id="rId70"/>
    <sheet name="年齢別・性別人口(0308仁歩)" sheetId="71" r:id="rId71"/>
    <sheet name="年齢別・性別人口(0309大長谷)" sheetId="72" r:id="rId72"/>
    <sheet name="年齢別・性別人口(0399八尾地域)" sheetId="73" r:id="rId73"/>
    <sheet name="年齢別・性別人口(0401速星)" sheetId="74" r:id="rId74"/>
    <sheet name="年齢別・性別人口(0402鵜坂)" sheetId="75" r:id="rId75"/>
    <sheet name="年齢別・性別人口(0403朝日)" sheetId="76" r:id="rId76"/>
    <sheet name="年齢別・性別人口(0404宮川)" sheetId="77" r:id="rId77"/>
    <sheet name="年齢別・性別人口(0405婦中熊野)" sheetId="78" r:id="rId78"/>
    <sheet name="年齢別・性別人口(0406古里)" sheetId="79" r:id="rId79"/>
    <sheet name="年齢別・性別人口(0407音川)" sheetId="80" r:id="rId80"/>
    <sheet name="年齢別・性別人口(0408神保)" sheetId="81" r:id="rId81"/>
    <sheet name="年齢別・性別人口(0499婦中地域)" sheetId="82" r:id="rId82"/>
    <sheet name="年齢別・性別人口(0501山田南部)" sheetId="83" r:id="rId83"/>
    <sheet name="年齢別・性別人口(0502山田中部)" sheetId="84" r:id="rId84"/>
    <sheet name="年齢別・性別人口(0503山田西部)" sheetId="85" r:id="rId85"/>
    <sheet name="年齢別・性別人口(0504山田東部)" sheetId="86" r:id="rId86"/>
    <sheet name="年齢別・性別人口(0599山田地域)" sheetId="87" r:id="rId87"/>
    <sheet name="年齢別・性別人口(0601細入北部)" sheetId="88" r:id="rId88"/>
    <sheet name="年齢別・性別人口(0602細入南部)" sheetId="89" r:id="rId89"/>
    <sheet name="年齢別・性別人口(0699細入地域)" sheetId="90" r:id="rId90"/>
  </sheets>
  <definedNames>
    <definedName name="_xlnm.Print_Titles" localSheetId="51">'年齢別・性別人口(0099富山地域)'!$4:$4</definedName>
    <definedName name="_xlnm.Print_Titles" localSheetId="53">'年齢別・性別人口(0102小羽)'!$4:$4</definedName>
    <definedName name="_xlnm.Print_Titles" localSheetId="54">'年齢別・性別人口(0103船峅)'!$4:$4</definedName>
    <definedName name="_xlnm.Print_Titles" localSheetId="55">'年齢別・性別人口(0104大沢野)'!$4:$4</definedName>
    <definedName name="_xlnm.Print_Titles" localSheetId="56">'年齢別・性別人口(0105大久保)'!$4:$4</definedName>
    <definedName name="_xlnm.Print_Titles" localSheetId="57">'年齢別・性別人口(0199大沢野地域)'!$4:$4</definedName>
    <definedName name="_xlnm.Print_Titles" localSheetId="1">'年齢別・性別人口(01総曲輪)'!$4:$4</definedName>
    <definedName name="_xlnm.Print_Titles" localSheetId="58">'年齢別・性別人口(0201上滝)'!$4:$4</definedName>
    <definedName name="_xlnm.Print_Titles" localSheetId="59">'年齢別・性別人口(0202大山)'!$4:$4</definedName>
    <definedName name="_xlnm.Print_Titles" localSheetId="60">'年齢別・性別人口(0203大庄)'!$4:$4</definedName>
    <definedName name="_xlnm.Print_Titles" localSheetId="61">'年齢別・性別人口(0204福沢)'!$4:$4</definedName>
    <definedName name="_xlnm.Print_Titles" localSheetId="62">'年齢別・性別人口(0299大山地域)'!$4:$4</definedName>
    <definedName name="_xlnm.Print_Titles" localSheetId="2">'年齢別・性別人口(02愛宕)'!$4:$4</definedName>
    <definedName name="_xlnm.Print_Titles" localSheetId="63">'年齢別・性別人口(0301八尾)'!$4:$4</definedName>
    <definedName name="_xlnm.Print_Titles" localSheetId="64">'年齢別・性別人口(0302保内)'!$4:$4</definedName>
    <definedName name="_xlnm.Print_Titles" localSheetId="65">'年齢別・性別人口(0303杉原)'!$4:$4</definedName>
    <definedName name="_xlnm.Print_Titles" localSheetId="66">'年齢別・性別人口(0304卯花)'!$4:$4</definedName>
    <definedName name="_xlnm.Print_Titles" localSheetId="67">'年齢別・性別人口(0305室牧)'!$4:$4</definedName>
    <definedName name="_xlnm.Print_Titles" localSheetId="68">'年齢別・性別人口(0306黒瀬谷)'!$4:$4</definedName>
    <definedName name="_xlnm.Print_Titles" localSheetId="69">'年齢別・性別人口(0307野積)'!$4:$4</definedName>
    <definedName name="_xlnm.Print_Titles" localSheetId="70">'年齢別・性別人口(0308仁歩)'!$4:$4</definedName>
    <definedName name="_xlnm.Print_Titles" localSheetId="71">'年齢別・性別人口(0309大長谷)'!$4:$4</definedName>
    <definedName name="_xlnm.Print_Titles" localSheetId="72">'年齢別・性別人口(0399八尾地域)'!$4:$4</definedName>
    <definedName name="_xlnm.Print_Titles" localSheetId="3">'年齢別・性別人口(03安野屋)'!$4:$4</definedName>
    <definedName name="_xlnm.Print_Titles" localSheetId="73">'年齢別・性別人口(0401速星)'!$4:$4</definedName>
    <definedName name="_xlnm.Print_Titles" localSheetId="74">'年齢別・性別人口(0402鵜坂)'!$4:$4</definedName>
    <definedName name="_xlnm.Print_Titles" localSheetId="75">'年齢別・性別人口(0403朝日)'!$4:$4</definedName>
    <definedName name="_xlnm.Print_Titles" localSheetId="76">'年齢別・性別人口(0404宮川)'!$4:$4</definedName>
    <definedName name="_xlnm.Print_Titles" localSheetId="77">'年齢別・性別人口(0405婦中熊野)'!$4:$4</definedName>
    <definedName name="_xlnm.Print_Titles" localSheetId="78">'年齢別・性別人口(0406古里)'!$4:$4</definedName>
    <definedName name="_xlnm.Print_Titles" localSheetId="79">'年齢別・性別人口(0407音川)'!$4:$4</definedName>
    <definedName name="_xlnm.Print_Titles" localSheetId="80">'年齢別・性別人口(0408神保)'!$4:$4</definedName>
    <definedName name="_xlnm.Print_Titles" localSheetId="81">'年齢別・性別人口(0499婦中地域)'!$4:$4</definedName>
    <definedName name="_xlnm.Print_Titles" localSheetId="4">'年齢別・性別人口(04八人町)'!$4:$4</definedName>
    <definedName name="_xlnm.Print_Titles" localSheetId="82">'年齢別・性別人口(0501山田南部)'!$4:$4</definedName>
    <definedName name="_xlnm.Print_Titles" localSheetId="83">'年齢別・性別人口(0502山田中部)'!$4:$4</definedName>
    <definedName name="_xlnm.Print_Titles" localSheetId="84">'年齢別・性別人口(0503山田西部)'!$4:$4</definedName>
    <definedName name="_xlnm.Print_Titles" localSheetId="85">'年齢別・性別人口(0504山田東部)'!$4:$4</definedName>
    <definedName name="_xlnm.Print_Titles" localSheetId="86">'年齢別・性別人口(0599山田地域)'!$4:$4</definedName>
    <definedName name="_xlnm.Print_Titles" localSheetId="5">'年齢別・性別人口(05五番町)'!$4:$4</definedName>
    <definedName name="_xlnm.Print_Titles" localSheetId="87">'年齢別・性別人口(0601細入北部)'!$4:$4</definedName>
    <definedName name="_xlnm.Print_Titles" localSheetId="88">'年齢別・性別人口(0602細入南部)'!$4:$4</definedName>
    <definedName name="_xlnm.Print_Titles" localSheetId="89">'年齢別・性別人口(0699細入地域)'!$4:$4</definedName>
    <definedName name="_xlnm.Print_Titles" localSheetId="6">'年齢別・性別人口(06柳町)'!$4:$4</definedName>
    <definedName name="_xlnm.Print_Titles" localSheetId="7">'年齢別・性別人口(07清水町)'!$4:$4</definedName>
    <definedName name="_xlnm.Print_Titles" localSheetId="8">'年齢別・性別人口(08星井町)'!$4:$4</definedName>
    <definedName name="_xlnm.Print_Titles" localSheetId="9">'年齢別・性別人口(09西田地方)'!$4:$4</definedName>
    <definedName name="_xlnm.Print_Titles" localSheetId="10">'年齢別・性別人口(10堀川)'!$4:$4</definedName>
    <definedName name="_xlnm.Print_Titles" localSheetId="11">'年齢別・性別人口(11堀川南)'!$4:$4</definedName>
    <definedName name="_xlnm.Print_Titles" localSheetId="12">'年齢別・性別人口(12東部)'!$4:$4</definedName>
    <definedName name="_xlnm.Print_Titles" localSheetId="13">'年齢別・性別人口(13奥田)'!$4:$4</definedName>
    <definedName name="_xlnm.Print_Titles" localSheetId="14">'年齢別・性別人口(14奥田北)'!$4:$4</definedName>
    <definedName name="_xlnm.Print_Titles" localSheetId="15">'年齢別・性別人口(15桜谷)'!$4:$4</definedName>
    <definedName name="_xlnm.Print_Titles" localSheetId="16">'年齢別・性別人口(16五福)'!$4:$4</definedName>
    <definedName name="_xlnm.Print_Titles" localSheetId="17">'年齢別・性別人口(17神明)'!$4:$4</definedName>
    <definedName name="_xlnm.Print_Titles" localSheetId="18">'年齢別・性別人口(18岩瀬)'!$4:$4</definedName>
    <definedName name="_xlnm.Print_Titles" localSheetId="19">'年齢別・性別人口(19萩浦)'!$4:$4</definedName>
    <definedName name="_xlnm.Print_Titles" localSheetId="20">'年齢別・性別人口(20大広田)'!$4:$4</definedName>
    <definedName name="_xlnm.Print_Titles" localSheetId="21">'年齢別・性別人口(21浜黒崎)'!$4:$4</definedName>
    <definedName name="_xlnm.Print_Titles" localSheetId="22">'年齢別・性別人口(22針原)'!$4:$4</definedName>
    <definedName name="_xlnm.Print_Titles" localSheetId="23">'年齢別・性別人口(23豊田)'!$4:$4</definedName>
    <definedName name="_xlnm.Print_Titles" localSheetId="24">'年齢別・性別人口(24広田)'!$4:$4</definedName>
    <definedName name="_xlnm.Print_Titles" localSheetId="25">'年齢別・性別人口(25新庄)'!$4:$4</definedName>
    <definedName name="_xlnm.Print_Titles" localSheetId="26">'年齢別・性別人口(26藤ノ木)'!$4:$4</definedName>
    <definedName name="_xlnm.Print_Titles" localSheetId="27">'年齢別・性別人口(27山室)'!$4:$4</definedName>
    <definedName name="_xlnm.Print_Titles" localSheetId="28">'年齢別・性別人口(28山室中部)'!$4:$4</definedName>
    <definedName name="_xlnm.Print_Titles" localSheetId="29">'年齢別・性別人口(29太田)'!$4:$4</definedName>
    <definedName name="_xlnm.Print_Titles" localSheetId="30">'年齢別・性別人口(30蜷川)'!$4:$4</definedName>
    <definedName name="_xlnm.Print_Titles" localSheetId="31">'年齢別・性別人口(31新保)'!$4:$4</definedName>
    <definedName name="_xlnm.Print_Titles" localSheetId="32">'年齢別・性別人口(32熊野)'!$4:$4</definedName>
    <definedName name="_xlnm.Print_Titles" localSheetId="33">'年齢別・性別人口(33月岡)'!$4:$4</definedName>
    <definedName name="_xlnm.Print_Titles" localSheetId="34">'年齢別・性別人口(34四方)'!$4:$4</definedName>
    <definedName name="_xlnm.Print_Titles" localSheetId="35">'年齢別・性別人口(35八幡)'!$4:$4</definedName>
    <definedName name="_xlnm.Print_Titles" localSheetId="36">'年齢別・性別人口(36草島)'!$4:$4</definedName>
    <definedName name="_xlnm.Print_Titles" localSheetId="37">'年齢別・性別人口(37倉垣)'!$4:$4</definedName>
    <definedName name="_xlnm.Print_Titles" localSheetId="38">'年齢別・性別人口(38呉羽)'!$4:$4</definedName>
    <definedName name="_xlnm.Print_Titles" localSheetId="39">'年齢別・性別人口(39長岡)'!$4:$4</definedName>
    <definedName name="_xlnm.Print_Titles" localSheetId="40">'年齢別・性別人口(40寒江)'!$4:$4</definedName>
    <definedName name="_xlnm.Print_Titles" localSheetId="41">'年齢別・性別人口(41古沢)'!$4:$4</definedName>
    <definedName name="_xlnm.Print_Titles" localSheetId="42">'年齢別・性別人口(42老田)'!$4:$4</definedName>
    <definedName name="_xlnm.Print_Titles" localSheetId="43">'年齢別・性別人口(43池多)'!$4:$4</definedName>
    <definedName name="_xlnm.Print_Titles" localSheetId="44">'年齢別・性別人口(44水橋中部)'!$4:$4</definedName>
    <definedName name="_xlnm.Print_Titles" localSheetId="45">'年齢別・性別人口(45水橋西部)'!$4:$4</definedName>
    <definedName name="_xlnm.Print_Titles" localSheetId="46">'年齢別・性別人口(46水橋東部)'!$4:$4</definedName>
    <definedName name="_xlnm.Print_Titles" localSheetId="47">'年齢別・性別人口(47三郷)'!$4:$4</definedName>
    <definedName name="_xlnm.Print_Titles" localSheetId="48">'年齢別・性別人口(48上条)'!$4:$4</definedName>
    <definedName name="_xlnm.Print_Titles" localSheetId="49">'年齢別・性別人口(49光陽)'!$4:$4</definedName>
    <definedName name="_xlnm.Print_Titles" localSheetId="50">'年齢別・性別人口(50新庄北）'!$4:$4</definedName>
    <definedName name="_xlnm.Print_Titles" localSheetId="52">'年齢別・性別人口0101下タ)'!$4:$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3686" uniqueCount="221">
  <si>
    <t>《75～79》</t>
  </si>
  <si>
    <t>年齢別・性別人口（古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ワ</t>
    </rPh>
    <phoneticPr fontId="2"/>
  </si>
  <si>
    <t>《25～29》</t>
  </si>
  <si>
    <t>年齢別・性別人口（総曲輪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ソウガワ</t>
    </rPh>
    <phoneticPr fontId="2"/>
  </si>
  <si>
    <t>年齢</t>
    <rPh sb="0" eb="2">
      <t>ネンレイ</t>
    </rPh>
    <phoneticPr fontId="2"/>
  </si>
  <si>
    <t>年齢別・性別人口（藤ノ木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ジ</t>
    </rPh>
    <rPh sb="11" eb="12">
      <t>キ</t>
    </rPh>
    <phoneticPr fontId="2"/>
  </si>
  <si>
    <t>【0～14】</t>
  </si>
  <si>
    <t>《0～4》</t>
  </si>
  <si>
    <t>年齢別・性別人口（清水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シミズマチ</t>
    </rPh>
    <phoneticPr fontId="2"/>
  </si>
  <si>
    <t>《20～24》</t>
  </si>
  <si>
    <t>年齢別・性別人口（奥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phoneticPr fontId="2"/>
  </si>
  <si>
    <t>《5～9》</t>
  </si>
  <si>
    <t>《10～14》</t>
  </si>
  <si>
    <t>年齢別・性別人口（新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ポ</t>
    </rPh>
    <phoneticPr fontId="2"/>
  </si>
  <si>
    <t>《15～19》</t>
  </si>
  <si>
    <t>《30～34》</t>
  </si>
  <si>
    <t>年齢別・性別人口（大広田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ヒロタ</t>
    </rPh>
    <phoneticPr fontId="2"/>
  </si>
  <si>
    <t>《45～49》</t>
  </si>
  <si>
    <t>《35～39》</t>
  </si>
  <si>
    <t>年齢別・性別人口（岩瀬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イワセ</t>
    </rPh>
    <phoneticPr fontId="2"/>
  </si>
  <si>
    <t>《65～69》</t>
  </si>
  <si>
    <t>《40～44》</t>
  </si>
  <si>
    <t>《50～54》</t>
  </si>
  <si>
    <t>年齢別・性別人口（蜷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ナガワ</t>
    </rPh>
    <phoneticPr fontId="2"/>
  </si>
  <si>
    <t>年齢別・性別人口（大庄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ダイ</t>
    </rPh>
    <rPh sb="10" eb="11">
      <t>ショウ</t>
    </rPh>
    <phoneticPr fontId="2"/>
  </si>
  <si>
    <t>年齢別・性別人口（太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タ</t>
    </rPh>
    <phoneticPr fontId="2"/>
  </si>
  <si>
    <t>計</t>
    <rPh sb="0" eb="1">
      <t>ケイ</t>
    </rPh>
    <phoneticPr fontId="2"/>
  </si>
  <si>
    <t>《55～59》</t>
  </si>
  <si>
    <t>《60～64》</t>
  </si>
  <si>
    <t>年齢別・性別人口（新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phoneticPr fontId="2"/>
  </si>
  <si>
    <t>年齢別・性別人口（細入南部）</t>
    <rPh sb="0" eb="2">
      <t>ネンレイ</t>
    </rPh>
    <rPh sb="2" eb="3">
      <t>ベツ</t>
    </rPh>
    <rPh sb="4" eb="6">
      <t>セイベツ</t>
    </rPh>
    <rPh sb="6" eb="8">
      <t>ジンコウ</t>
    </rPh>
    <phoneticPr fontId="2"/>
  </si>
  <si>
    <t>【15～64】</t>
  </si>
  <si>
    <t>年齢別・性別人口（月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ツキオカ</t>
    </rPh>
    <phoneticPr fontId="2"/>
  </si>
  <si>
    <t>《70～74》</t>
  </si>
  <si>
    <t>年齢別・性別人口（古里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ト</t>
    </rPh>
    <phoneticPr fontId="2"/>
  </si>
  <si>
    <t>《80～84》</t>
  </si>
  <si>
    <t>年齢別・性別人口（萩浦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ギ</t>
    </rPh>
    <rPh sb="10" eb="11">
      <t>ウラ</t>
    </rPh>
    <phoneticPr fontId="2"/>
  </si>
  <si>
    <t>《85～89》</t>
  </si>
  <si>
    <t>年齢別・性別人口（西田地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シダ</t>
    </rPh>
    <rPh sb="11" eb="13">
      <t>チホウ</t>
    </rPh>
    <phoneticPr fontId="2"/>
  </si>
  <si>
    <t>《90～94》</t>
  </si>
  <si>
    <t>《95～99》</t>
  </si>
  <si>
    <t>年齢別・性別人口（柳町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ナギマチ</t>
    </rPh>
    <phoneticPr fontId="2"/>
  </si>
  <si>
    <t>年齢別・性別人口（愛宕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タゴ</t>
    </rPh>
    <phoneticPr fontId="2"/>
  </si>
  <si>
    <t>101～</t>
  </si>
  <si>
    <t>《100～》</t>
  </si>
  <si>
    <t>【合計】</t>
    <rPh sb="1" eb="3">
      <t>ゴウケイ</t>
    </rPh>
    <phoneticPr fontId="2"/>
  </si>
  <si>
    <t>【65～】</t>
  </si>
  <si>
    <t>男</t>
    <rPh sb="0" eb="1">
      <t>オトコ</t>
    </rPh>
    <phoneticPr fontId="2"/>
  </si>
  <si>
    <t>年齢別・性別人口（五福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ゴ</t>
    </rPh>
    <rPh sb="10" eb="11">
      <t>フク</t>
    </rPh>
    <phoneticPr fontId="2"/>
  </si>
  <si>
    <t>年齢別・性別人口（桜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サクラ</t>
    </rPh>
    <rPh sb="10" eb="11">
      <t>タニ</t>
    </rPh>
    <phoneticPr fontId="2"/>
  </si>
  <si>
    <t>女</t>
    <rPh sb="0" eb="1">
      <t>オンナ</t>
    </rPh>
    <phoneticPr fontId="2"/>
  </si>
  <si>
    <t>年齢別・性別人口（安野屋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スノ</t>
    </rPh>
    <rPh sb="11" eb="12">
      <t>ヤ</t>
    </rPh>
    <phoneticPr fontId="2"/>
  </si>
  <si>
    <t>年齢別・性別人口（八人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ハチニンマチ</t>
    </rPh>
    <phoneticPr fontId="2"/>
  </si>
  <si>
    <t>年齢別・性別人口（神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メイ</t>
    </rPh>
    <phoneticPr fontId="2"/>
  </si>
  <si>
    <t>年齢別・性別人口（神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ンボ</t>
    </rPh>
    <phoneticPr fontId="2"/>
  </si>
  <si>
    <t>年齢別・性別人口（仁歩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ジン</t>
    </rPh>
    <rPh sb="10" eb="11">
      <t>ホ</t>
    </rPh>
    <phoneticPr fontId="2"/>
  </si>
  <si>
    <t>年齢別・性別人口（五番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ゴバンマチ</t>
    </rPh>
    <phoneticPr fontId="2"/>
  </si>
  <si>
    <t>年齢別・性別人口（星井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ホシイチョウ</t>
    </rPh>
    <phoneticPr fontId="2"/>
  </si>
  <si>
    <t>年齢別・性別人口（堀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phoneticPr fontId="2"/>
  </si>
  <si>
    <t>年齢別・性別人口（堀川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rPh sb="11" eb="12">
      <t>ミナミ</t>
    </rPh>
    <phoneticPr fontId="2"/>
  </si>
  <si>
    <t>年齢別・性別人口（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ウブ</t>
    </rPh>
    <phoneticPr fontId="2"/>
  </si>
  <si>
    <t>年齢別・性別人口（広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ヒロタ</t>
    </rPh>
    <phoneticPr fontId="2"/>
  </si>
  <si>
    <t>年齢別・性別人口（奥田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rPh sb="11" eb="12">
      <t>キタ</t>
    </rPh>
    <phoneticPr fontId="2"/>
  </si>
  <si>
    <t>年齢別・性別人口（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マノ</t>
    </rPh>
    <phoneticPr fontId="2"/>
  </si>
  <si>
    <t>年齢別・性別人口（浜黒崎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マ</t>
    </rPh>
    <rPh sb="10" eb="12">
      <t>クロサキ</t>
    </rPh>
    <phoneticPr fontId="2"/>
  </si>
  <si>
    <t>年齢別・性別人口（四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ヨカタ</t>
    </rPh>
    <phoneticPr fontId="2"/>
  </si>
  <si>
    <t>年齢別・性別人口（上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ョウジョウ</t>
    </rPh>
    <phoneticPr fontId="2"/>
  </si>
  <si>
    <t>年齢別・性別人口（針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リ</t>
    </rPh>
    <rPh sb="10" eb="11">
      <t>ハラ</t>
    </rPh>
    <phoneticPr fontId="2"/>
  </si>
  <si>
    <t>年齢別・性別人口（豊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ヨタ</t>
    </rPh>
    <phoneticPr fontId="2"/>
  </si>
  <si>
    <t>年齢別・性別人口（山室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phoneticPr fontId="2"/>
  </si>
  <si>
    <t>年齢別・性別人口（山室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rPh sb="11" eb="13">
      <t>チュウブ</t>
    </rPh>
    <phoneticPr fontId="2"/>
  </si>
  <si>
    <t>年齢別・性別人口（三郷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サンゴウ</t>
    </rPh>
    <phoneticPr fontId="2"/>
  </si>
  <si>
    <t>年齢別・性別人口（八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チマン</t>
    </rPh>
    <phoneticPr fontId="2"/>
  </si>
  <si>
    <t>年齢別・性別人口（草島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サジマ</t>
    </rPh>
    <phoneticPr fontId="2"/>
  </si>
  <si>
    <t>年齢別・性別人口（倉垣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ラ</t>
    </rPh>
    <rPh sb="10" eb="11">
      <t>カキ</t>
    </rPh>
    <phoneticPr fontId="2"/>
  </si>
  <si>
    <t>年齢別・性別人口（光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コウヨウ</t>
    </rPh>
    <phoneticPr fontId="2"/>
  </si>
  <si>
    <t>年齢別・性別人口（呉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レハ</t>
    </rPh>
    <phoneticPr fontId="2"/>
  </si>
  <si>
    <t>年齢別・性別人口（長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ナガオカ</t>
    </rPh>
    <phoneticPr fontId="2"/>
  </si>
  <si>
    <t>年齢別・性別人口（寒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ン</t>
    </rPh>
    <rPh sb="10" eb="11">
      <t>エ</t>
    </rPh>
    <phoneticPr fontId="2"/>
  </si>
  <si>
    <t>年齢別・性別人口（老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イダ</t>
    </rPh>
    <phoneticPr fontId="2"/>
  </si>
  <si>
    <t>年齢別・性別人口（池多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イケ</t>
    </rPh>
    <rPh sb="10" eb="11">
      <t>タ</t>
    </rPh>
    <phoneticPr fontId="2"/>
  </si>
  <si>
    <t>年齢別・性別人口（水橋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チュウブ</t>
    </rPh>
    <phoneticPr fontId="2"/>
  </si>
  <si>
    <t>年齢別・性別人口（水橋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セイブ</t>
    </rPh>
    <phoneticPr fontId="2"/>
  </si>
  <si>
    <t>年齢別・性別人口（水橋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トウブ</t>
    </rPh>
    <phoneticPr fontId="2"/>
  </si>
  <si>
    <t>年齢別・性別人口（新庄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rPh sb="11" eb="12">
      <t>キタ</t>
    </rPh>
    <phoneticPr fontId="2"/>
  </si>
  <si>
    <t>年齢別・性別人口（婦中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クマノ</t>
    </rPh>
    <phoneticPr fontId="2"/>
  </si>
  <si>
    <t>年齢別・性別人口（富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3">
      <t>チイキ</t>
    </rPh>
    <phoneticPr fontId="2"/>
  </si>
  <si>
    <t>年齢別・性別人口（下タ）</t>
    <rPh sb="0" eb="2">
      <t>ネンレイ</t>
    </rPh>
    <rPh sb="2" eb="3">
      <t>ベツ</t>
    </rPh>
    <rPh sb="4" eb="6">
      <t>セイベツ</t>
    </rPh>
    <rPh sb="6" eb="8">
      <t>ジンコウ</t>
    </rPh>
    <phoneticPr fontId="2"/>
  </si>
  <si>
    <t>年齢別・性別人口（小羽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コ</t>
    </rPh>
    <rPh sb="10" eb="11">
      <t>ハ</t>
    </rPh>
    <phoneticPr fontId="2"/>
  </si>
  <si>
    <t>年齢別・性別人口（船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ネ</t>
    </rPh>
    <rPh sb="10" eb="11">
      <t>クラ</t>
    </rPh>
    <phoneticPr fontId="2"/>
  </si>
  <si>
    <t>年齢別・性別人口（大沢野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ダイサワノ</t>
    </rPh>
    <phoneticPr fontId="2"/>
  </si>
  <si>
    <t>年齢別・性別人口（大久保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クボ</t>
    </rPh>
    <phoneticPr fontId="2"/>
  </si>
  <si>
    <t>年齢別・性別人口（大沢野地域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rPh sb="12" eb="14">
      <t>チイキ</t>
    </rPh>
    <phoneticPr fontId="2"/>
  </si>
  <si>
    <t>年齢別・性別人口（上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ミ</t>
    </rPh>
    <rPh sb="10" eb="11">
      <t>タキ</t>
    </rPh>
    <phoneticPr fontId="2"/>
  </si>
  <si>
    <t>年齢別・性別人口（大山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phoneticPr fontId="2"/>
  </si>
  <si>
    <t>年齢別・性別人口（福沢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ク</t>
    </rPh>
    <rPh sb="10" eb="11">
      <t>サワ</t>
    </rPh>
    <phoneticPr fontId="2"/>
  </si>
  <si>
    <t>年齢別・性別人口（大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rPh sb="11" eb="13">
      <t>チイキ</t>
    </rPh>
    <phoneticPr fontId="2"/>
  </si>
  <si>
    <t>年齢別・性別人口（八尾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phoneticPr fontId="2"/>
  </si>
  <si>
    <t>年齢別・性別人口（保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ホ</t>
    </rPh>
    <rPh sb="10" eb="11">
      <t>ウチ</t>
    </rPh>
    <phoneticPr fontId="2"/>
  </si>
  <si>
    <t>年齢別・性別人口（杉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スギハラ</t>
    </rPh>
    <phoneticPr fontId="2"/>
  </si>
  <si>
    <t>年齢別・性別人口（卯花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ハナ</t>
    </rPh>
    <phoneticPr fontId="2"/>
  </si>
  <si>
    <t>年齢別・性別人口（室牧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ムロ</t>
    </rPh>
    <rPh sb="10" eb="11">
      <t>マキ</t>
    </rPh>
    <phoneticPr fontId="2"/>
  </si>
  <si>
    <t>年齢別・性別人口（黒瀬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ロ</t>
    </rPh>
    <rPh sb="10" eb="12">
      <t>セヤ</t>
    </rPh>
    <phoneticPr fontId="2"/>
  </si>
  <si>
    <t>年齢別・性別人口（野積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ノ</t>
    </rPh>
    <rPh sb="10" eb="11">
      <t>ツ</t>
    </rPh>
    <phoneticPr fontId="2"/>
  </si>
  <si>
    <t>年齢別・性別人口（大長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オ</t>
    </rPh>
    <rPh sb="10" eb="12">
      <t>ナガヤ</t>
    </rPh>
    <phoneticPr fontId="2"/>
  </si>
  <si>
    <t>年齢別・性別人口（八尾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rPh sb="11" eb="13">
      <t>チイキ</t>
    </rPh>
    <phoneticPr fontId="2"/>
  </si>
  <si>
    <t>年齢別・性別人口（速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ヤホシ</t>
    </rPh>
    <phoneticPr fontId="2"/>
  </si>
  <si>
    <t>年齢別・性別人口（鵜坂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サカ</t>
    </rPh>
    <phoneticPr fontId="2"/>
  </si>
  <si>
    <t>年齢別・性別人口（朝日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サヒ</t>
    </rPh>
    <phoneticPr fontId="2"/>
  </si>
  <si>
    <t>年齢別・性別人口（宮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ヤカワ</t>
    </rPh>
    <phoneticPr fontId="2"/>
  </si>
  <si>
    <t>年齢別・性別人口（音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ト</t>
    </rPh>
    <rPh sb="10" eb="11">
      <t>カワ</t>
    </rPh>
    <phoneticPr fontId="2"/>
  </si>
  <si>
    <t>年齢別・性別人口（婦中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チイキ</t>
    </rPh>
    <phoneticPr fontId="2"/>
  </si>
  <si>
    <t>年齢別・性別人口（山田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ナン</t>
    </rPh>
    <rPh sb="12" eb="13">
      <t>ホクブ</t>
    </rPh>
    <phoneticPr fontId="2"/>
  </si>
  <si>
    <t>年齢別・性別人口（山田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チュウ</t>
    </rPh>
    <rPh sb="12" eb="13">
      <t>ホクブ</t>
    </rPh>
    <phoneticPr fontId="2"/>
  </si>
  <si>
    <t>年齢別・性別人口（山田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ニシ</t>
    </rPh>
    <rPh sb="12" eb="13">
      <t>ホクブ</t>
    </rPh>
    <phoneticPr fontId="2"/>
  </si>
  <si>
    <t>年齢別・性別人口（山田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トウブ</t>
    </rPh>
    <phoneticPr fontId="2"/>
  </si>
  <si>
    <t>年齢別・性別人口（山田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チイキ</t>
    </rPh>
    <phoneticPr fontId="2"/>
  </si>
  <si>
    <t>年齢別・性別人口（細入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キタ</t>
    </rPh>
    <rPh sb="12" eb="13">
      <t>ホクブ</t>
    </rPh>
    <phoneticPr fontId="2"/>
  </si>
  <si>
    <t>年齢別・性別人口（細入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3">
      <t>チイキ</t>
    </rPh>
    <phoneticPr fontId="2"/>
  </si>
  <si>
    <t>令和8年3月末</t>
  </si>
  <si>
    <t>年齢別・性別人口（地区別）</t>
    <rPh sb="0" eb="3">
      <t>ネンレイベツ</t>
    </rPh>
    <rPh sb="4" eb="6">
      <t>セイベツ</t>
    </rPh>
    <rPh sb="6" eb="8">
      <t>ジンコウ</t>
    </rPh>
    <rPh sb="9" eb="12">
      <t>チクベツ</t>
    </rPh>
    <phoneticPr fontId="2"/>
  </si>
  <si>
    <t>※御覧になりたい地区名をクリックしてください。</t>
    <rPh sb="1" eb="3">
      <t>ゴラン</t>
    </rPh>
    <rPh sb="8" eb="10">
      <t>チク</t>
    </rPh>
    <rPh sb="10" eb="11">
      <t>メイ</t>
    </rPh>
    <phoneticPr fontId="2"/>
  </si>
  <si>
    <t>富山地域</t>
    <rPh sb="0" eb="2">
      <t>トヤマ</t>
    </rPh>
    <rPh sb="2" eb="4">
      <t>チイキ</t>
    </rPh>
    <phoneticPr fontId="2"/>
  </si>
  <si>
    <t>大沢野地域</t>
    <rPh sb="0" eb="3">
      <t>オオサワノ</t>
    </rPh>
    <rPh sb="3" eb="5">
      <t>チイキ</t>
    </rPh>
    <phoneticPr fontId="2"/>
  </si>
  <si>
    <t>総曲輪</t>
    <rPh sb="0" eb="3">
      <t>ソウガワ</t>
    </rPh>
    <phoneticPr fontId="2"/>
  </si>
  <si>
    <t>下タ</t>
    <rPh sb="0" eb="1">
      <t>シタ</t>
    </rPh>
    <phoneticPr fontId="2"/>
  </si>
  <si>
    <t>愛宕</t>
    <rPh sb="0" eb="2">
      <t>アタゴ</t>
    </rPh>
    <phoneticPr fontId="2"/>
  </si>
  <si>
    <t>小羽</t>
    <rPh sb="0" eb="1">
      <t>チイ</t>
    </rPh>
    <rPh sb="1" eb="2">
      <t>ハネ</t>
    </rPh>
    <phoneticPr fontId="2"/>
  </si>
  <si>
    <t>安野屋</t>
    <rPh sb="0" eb="3">
      <t>ヤスノヤ</t>
    </rPh>
    <phoneticPr fontId="2"/>
  </si>
  <si>
    <t>船峅</t>
    <rPh sb="0" eb="2">
      <t>フナクラ</t>
    </rPh>
    <phoneticPr fontId="2"/>
  </si>
  <si>
    <t>八人町</t>
    <rPh sb="0" eb="3">
      <t>ハチニンマチ</t>
    </rPh>
    <phoneticPr fontId="2"/>
  </si>
  <si>
    <t>大沢野</t>
    <rPh sb="0" eb="3">
      <t>オオサワノ</t>
    </rPh>
    <phoneticPr fontId="2"/>
  </si>
  <si>
    <t>五番町</t>
    <rPh sb="0" eb="3">
      <t>ゴバンマチ</t>
    </rPh>
    <phoneticPr fontId="2"/>
  </si>
  <si>
    <t>大久保</t>
    <rPh sb="0" eb="3">
      <t>オオクボ</t>
    </rPh>
    <phoneticPr fontId="2"/>
  </si>
  <si>
    <t>柳町</t>
    <rPh sb="0" eb="2">
      <t>ヤナギマチ</t>
    </rPh>
    <phoneticPr fontId="2"/>
  </si>
  <si>
    <t>大沢野地域（合計）</t>
    <rPh sb="0" eb="3">
      <t>オオサワノ</t>
    </rPh>
    <rPh sb="3" eb="5">
      <t>チイキ</t>
    </rPh>
    <rPh sb="6" eb="8">
      <t>ゴウケイ</t>
    </rPh>
    <phoneticPr fontId="2"/>
  </si>
  <si>
    <t>清水町</t>
    <rPh sb="0" eb="3">
      <t>シミズマチ</t>
    </rPh>
    <phoneticPr fontId="2"/>
  </si>
  <si>
    <t>星井町</t>
    <rPh sb="0" eb="3">
      <t>ホシイマチ</t>
    </rPh>
    <phoneticPr fontId="2"/>
  </si>
  <si>
    <t>大山地域</t>
    <rPh sb="0" eb="2">
      <t>オオヤマ</t>
    </rPh>
    <rPh sb="2" eb="4">
      <t>チイキ</t>
    </rPh>
    <phoneticPr fontId="2"/>
  </si>
  <si>
    <t>西田地方</t>
    <rPh sb="0" eb="4">
      <t>ニシデンジガタ</t>
    </rPh>
    <phoneticPr fontId="2"/>
  </si>
  <si>
    <t>上滝</t>
    <rPh sb="0" eb="2">
      <t>カミダキ</t>
    </rPh>
    <phoneticPr fontId="2"/>
  </si>
  <si>
    <t>堀川</t>
    <rPh sb="0" eb="2">
      <t>ホリカワ</t>
    </rPh>
    <phoneticPr fontId="2"/>
  </si>
  <si>
    <t>大山</t>
    <rPh sb="0" eb="2">
      <t>オオヤマ</t>
    </rPh>
    <phoneticPr fontId="2"/>
  </si>
  <si>
    <t>堀川南</t>
    <rPh sb="0" eb="2">
      <t>ホリカワ</t>
    </rPh>
    <rPh sb="2" eb="3">
      <t>ミナミ</t>
    </rPh>
    <phoneticPr fontId="2"/>
  </si>
  <si>
    <t>大庄</t>
    <rPh sb="0" eb="2">
      <t>ダイショウ</t>
    </rPh>
    <phoneticPr fontId="2"/>
  </si>
  <si>
    <t>東部</t>
    <rPh sb="0" eb="2">
      <t>トウブ</t>
    </rPh>
    <phoneticPr fontId="2"/>
  </si>
  <si>
    <t>福沢</t>
    <rPh sb="0" eb="2">
      <t>フクサワ</t>
    </rPh>
    <phoneticPr fontId="2"/>
  </si>
  <si>
    <t>奥田</t>
    <rPh sb="0" eb="2">
      <t>オクダ</t>
    </rPh>
    <phoneticPr fontId="2"/>
  </si>
  <si>
    <t>大山地域（合計）</t>
    <rPh sb="0" eb="2">
      <t>オオヤマ</t>
    </rPh>
    <rPh sb="2" eb="4">
      <t>チイキ</t>
    </rPh>
    <rPh sb="5" eb="7">
      <t>ゴウケイ</t>
    </rPh>
    <phoneticPr fontId="2"/>
  </si>
  <si>
    <t>奥田北</t>
    <rPh sb="0" eb="3">
      <t>オクダキタ</t>
    </rPh>
    <phoneticPr fontId="2"/>
  </si>
  <si>
    <t>桜谷</t>
    <rPh sb="0" eb="2">
      <t>サクラタニ</t>
    </rPh>
    <phoneticPr fontId="2"/>
  </si>
  <si>
    <t>八尾地域</t>
    <rPh sb="0" eb="4">
      <t>ヤツオチイキ</t>
    </rPh>
    <phoneticPr fontId="2"/>
  </si>
  <si>
    <t>五福</t>
    <rPh sb="0" eb="2">
      <t>ゴフク</t>
    </rPh>
    <phoneticPr fontId="2"/>
  </si>
  <si>
    <t>八尾</t>
    <rPh sb="0" eb="2">
      <t>ヤツオ</t>
    </rPh>
    <phoneticPr fontId="2"/>
  </si>
  <si>
    <t>神明</t>
    <rPh sb="0" eb="2">
      <t>シンメイ</t>
    </rPh>
    <phoneticPr fontId="2"/>
  </si>
  <si>
    <t>保内</t>
    <rPh sb="0" eb="2">
      <t>ヤスウチ</t>
    </rPh>
    <phoneticPr fontId="2"/>
  </si>
  <si>
    <t>岩瀬</t>
    <rPh sb="0" eb="2">
      <t>イワセ</t>
    </rPh>
    <phoneticPr fontId="2"/>
  </si>
  <si>
    <t>杉原</t>
    <rPh sb="0" eb="2">
      <t>スギハラ</t>
    </rPh>
    <phoneticPr fontId="2"/>
  </si>
  <si>
    <t>萩浦</t>
    <rPh sb="0" eb="1">
      <t>ハギ</t>
    </rPh>
    <rPh sb="1" eb="2">
      <t>ウラ</t>
    </rPh>
    <phoneticPr fontId="2"/>
  </si>
  <si>
    <t>卯花</t>
    <rPh sb="0" eb="2">
      <t>ウノハナ</t>
    </rPh>
    <phoneticPr fontId="2"/>
  </si>
  <si>
    <t>大広田</t>
    <rPh sb="0" eb="3">
      <t>オオヒロタ</t>
    </rPh>
    <phoneticPr fontId="2"/>
  </si>
  <si>
    <t>室牧</t>
    <rPh sb="0" eb="2">
      <t>ムロマキ</t>
    </rPh>
    <phoneticPr fontId="2"/>
  </si>
  <si>
    <t>浜黒崎</t>
    <rPh sb="0" eb="3">
      <t>ハマクロサキ</t>
    </rPh>
    <phoneticPr fontId="2"/>
  </si>
  <si>
    <t>黒瀬谷</t>
    <rPh sb="0" eb="3">
      <t>クロセタニ</t>
    </rPh>
    <phoneticPr fontId="2"/>
  </si>
  <si>
    <t>針原</t>
    <rPh sb="0" eb="2">
      <t>ハリハラ</t>
    </rPh>
    <phoneticPr fontId="2"/>
  </si>
  <si>
    <t>野積</t>
    <rPh sb="0" eb="2">
      <t>ノヅ</t>
    </rPh>
    <phoneticPr fontId="2"/>
  </si>
  <si>
    <t>豊田</t>
    <rPh sb="0" eb="2">
      <t>トヨタ</t>
    </rPh>
    <phoneticPr fontId="2"/>
  </si>
  <si>
    <t>仁歩</t>
    <rPh sb="0" eb="1">
      <t>ニ</t>
    </rPh>
    <rPh sb="1" eb="2">
      <t>アル</t>
    </rPh>
    <phoneticPr fontId="2"/>
  </si>
  <si>
    <t>広田</t>
    <rPh sb="0" eb="2">
      <t>ヒロタ</t>
    </rPh>
    <phoneticPr fontId="2"/>
  </si>
  <si>
    <t>大長谷</t>
    <rPh sb="0" eb="3">
      <t>オオナガタニ</t>
    </rPh>
    <phoneticPr fontId="2"/>
  </si>
  <si>
    <t>新庄</t>
    <rPh sb="0" eb="2">
      <t>シンジョウ</t>
    </rPh>
    <phoneticPr fontId="2"/>
  </si>
  <si>
    <t>八尾地域（合計）</t>
    <rPh sb="0" eb="4">
      <t>ヤツオチイキ</t>
    </rPh>
    <rPh sb="5" eb="7">
      <t>ゴウケイ</t>
    </rPh>
    <phoneticPr fontId="2"/>
  </si>
  <si>
    <t>藤ノ木</t>
    <rPh sb="0" eb="1">
      <t>フジ</t>
    </rPh>
    <rPh sb="2" eb="3">
      <t>キ</t>
    </rPh>
    <phoneticPr fontId="2"/>
  </si>
  <si>
    <t>山室</t>
    <rPh sb="0" eb="2">
      <t>ヤマムロ</t>
    </rPh>
    <phoneticPr fontId="2"/>
  </si>
  <si>
    <t>婦中地域</t>
    <rPh sb="0" eb="2">
      <t>フチュウ</t>
    </rPh>
    <rPh sb="2" eb="4">
      <t>チイキ</t>
    </rPh>
    <phoneticPr fontId="2"/>
  </si>
  <si>
    <t>山室中部</t>
    <rPh sb="0" eb="4">
      <t>ヤマムロチュウブ</t>
    </rPh>
    <phoneticPr fontId="2"/>
  </si>
  <si>
    <t>速星</t>
    <rPh sb="0" eb="2">
      <t>ハヤホシ</t>
    </rPh>
    <phoneticPr fontId="2"/>
  </si>
  <si>
    <t>太田</t>
    <rPh sb="0" eb="2">
      <t>オオタ</t>
    </rPh>
    <phoneticPr fontId="2"/>
  </si>
  <si>
    <t>鵜坂</t>
    <rPh sb="0" eb="2">
      <t>ウサカ</t>
    </rPh>
    <phoneticPr fontId="2"/>
  </si>
  <si>
    <t>蜷川</t>
    <rPh sb="0" eb="2">
      <t>ニナガワ</t>
    </rPh>
    <phoneticPr fontId="2"/>
  </si>
  <si>
    <t>朝日</t>
    <rPh sb="0" eb="2">
      <t>アサヒ</t>
    </rPh>
    <phoneticPr fontId="2"/>
  </si>
  <si>
    <t>新保</t>
    <rPh sb="0" eb="2">
      <t>シンボ</t>
    </rPh>
    <phoneticPr fontId="2"/>
  </si>
  <si>
    <t>宮川</t>
    <rPh sb="0" eb="2">
      <t>ミヤガワ</t>
    </rPh>
    <phoneticPr fontId="2"/>
  </si>
  <si>
    <t>熊野</t>
    <rPh sb="0" eb="2">
      <t>クマノ</t>
    </rPh>
    <phoneticPr fontId="2"/>
  </si>
  <si>
    <t>婦中熊野</t>
    <rPh sb="0" eb="2">
      <t>フチュウ</t>
    </rPh>
    <rPh sb="2" eb="4">
      <t>クマノ</t>
    </rPh>
    <phoneticPr fontId="2"/>
  </si>
  <si>
    <t>月岡</t>
    <rPh sb="0" eb="2">
      <t>ツキオカ</t>
    </rPh>
    <phoneticPr fontId="2"/>
  </si>
  <si>
    <t>古里</t>
    <rPh sb="0" eb="2">
      <t>フルサト</t>
    </rPh>
    <phoneticPr fontId="2"/>
  </si>
  <si>
    <t>四方</t>
    <rPh sb="0" eb="2">
      <t>ヨカタ</t>
    </rPh>
    <phoneticPr fontId="2"/>
  </si>
  <si>
    <t>音川</t>
    <rPh sb="0" eb="2">
      <t>オトガワ</t>
    </rPh>
    <phoneticPr fontId="2"/>
  </si>
  <si>
    <t>八幡</t>
    <rPh sb="0" eb="2">
      <t>ハチマン</t>
    </rPh>
    <phoneticPr fontId="2"/>
  </si>
  <si>
    <t>神保</t>
    <rPh sb="0" eb="2">
      <t>シンボ</t>
    </rPh>
    <phoneticPr fontId="2"/>
  </si>
  <si>
    <t>草島</t>
    <rPh sb="0" eb="2">
      <t>クサジマ</t>
    </rPh>
    <phoneticPr fontId="2"/>
  </si>
  <si>
    <t>婦中地域（合計）</t>
    <rPh sb="0" eb="2">
      <t>フチュウ</t>
    </rPh>
    <rPh sb="2" eb="4">
      <t>チイキ</t>
    </rPh>
    <rPh sb="5" eb="7">
      <t>ゴウケイ</t>
    </rPh>
    <phoneticPr fontId="2"/>
  </si>
  <si>
    <t>倉垣</t>
    <rPh sb="0" eb="2">
      <t>クラガキ</t>
    </rPh>
    <phoneticPr fontId="2"/>
  </si>
  <si>
    <t>呉羽</t>
    <rPh sb="0" eb="2">
      <t>クレハ</t>
    </rPh>
    <phoneticPr fontId="2"/>
  </si>
  <si>
    <t>山田地域</t>
    <rPh sb="0" eb="4">
      <t>ヤマダチイキ</t>
    </rPh>
    <phoneticPr fontId="2"/>
  </si>
  <si>
    <t>長岡</t>
    <rPh sb="0" eb="2">
      <t>ナガオカ</t>
    </rPh>
    <phoneticPr fontId="2"/>
  </si>
  <si>
    <t>山田南部</t>
    <rPh sb="0" eb="2">
      <t>ヤマダ</t>
    </rPh>
    <rPh sb="2" eb="4">
      <t>ナンブ</t>
    </rPh>
    <phoneticPr fontId="2"/>
  </si>
  <si>
    <t>寒江</t>
    <rPh sb="0" eb="1">
      <t>サム</t>
    </rPh>
    <rPh sb="1" eb="2">
      <t>エ</t>
    </rPh>
    <phoneticPr fontId="2"/>
  </si>
  <si>
    <t>山田中部</t>
    <rPh sb="0" eb="2">
      <t>ヤマダ</t>
    </rPh>
    <rPh sb="2" eb="4">
      <t>チュウブ</t>
    </rPh>
    <phoneticPr fontId="2"/>
  </si>
  <si>
    <t>古沢</t>
    <rPh sb="0" eb="2">
      <t>フルサワ</t>
    </rPh>
    <phoneticPr fontId="2"/>
  </si>
  <si>
    <t>山田西部</t>
    <rPh sb="0" eb="2">
      <t>ヤマダ</t>
    </rPh>
    <rPh sb="2" eb="4">
      <t>セイブ</t>
    </rPh>
    <phoneticPr fontId="2"/>
  </si>
  <si>
    <t>老田</t>
    <rPh sb="0" eb="2">
      <t>オイダ</t>
    </rPh>
    <phoneticPr fontId="2"/>
  </si>
  <si>
    <t>山田東部</t>
    <rPh sb="0" eb="4">
      <t>ヤマダトウブ</t>
    </rPh>
    <phoneticPr fontId="2"/>
  </si>
  <si>
    <t>池多</t>
    <rPh sb="0" eb="2">
      <t>イケダ</t>
    </rPh>
    <phoneticPr fontId="2"/>
  </si>
  <si>
    <t>山田地域（合計）</t>
    <rPh sb="0" eb="4">
      <t>ヤマダチイキ</t>
    </rPh>
    <rPh sb="5" eb="7">
      <t>ゴウケイ</t>
    </rPh>
    <phoneticPr fontId="2"/>
  </si>
  <si>
    <t>水橋中部</t>
    <rPh sb="0" eb="2">
      <t>ミズハシ</t>
    </rPh>
    <rPh sb="2" eb="4">
      <t>チュウブ</t>
    </rPh>
    <phoneticPr fontId="2"/>
  </si>
  <si>
    <t>水橋西部</t>
    <rPh sb="0" eb="2">
      <t>ミズハシ</t>
    </rPh>
    <rPh sb="2" eb="4">
      <t>セイブ</t>
    </rPh>
    <phoneticPr fontId="2"/>
  </si>
  <si>
    <t>細入地域</t>
    <rPh sb="0" eb="2">
      <t>ホソイリ</t>
    </rPh>
    <rPh sb="2" eb="4">
      <t>チイキ</t>
    </rPh>
    <phoneticPr fontId="2"/>
  </si>
  <si>
    <t>水橋東部</t>
    <rPh sb="0" eb="2">
      <t>ミズハシ</t>
    </rPh>
    <rPh sb="2" eb="4">
      <t>トウブ</t>
    </rPh>
    <phoneticPr fontId="2"/>
  </si>
  <si>
    <t>細入北部</t>
    <rPh sb="0" eb="2">
      <t>ホソイリ</t>
    </rPh>
    <rPh sb="2" eb="4">
      <t>ホクブ</t>
    </rPh>
    <phoneticPr fontId="2"/>
  </si>
  <si>
    <t>三郷</t>
    <rPh sb="0" eb="2">
      <t>サンゴウ</t>
    </rPh>
    <phoneticPr fontId="2"/>
  </si>
  <si>
    <t>細入南部</t>
    <rPh sb="0" eb="2">
      <t>ホソイリ</t>
    </rPh>
    <rPh sb="2" eb="4">
      <t>ナンブ</t>
    </rPh>
    <phoneticPr fontId="2"/>
  </si>
  <si>
    <t>上条</t>
    <rPh sb="0" eb="1">
      <t>ウエ</t>
    </rPh>
    <rPh sb="1" eb="2">
      <t>ジョウ</t>
    </rPh>
    <phoneticPr fontId="2"/>
  </si>
  <si>
    <t>細入地域（合計）</t>
    <rPh sb="0" eb="2">
      <t>ホソイリ</t>
    </rPh>
    <rPh sb="2" eb="4">
      <t>チイキ</t>
    </rPh>
    <rPh sb="5" eb="7">
      <t>ゴウケイ</t>
    </rPh>
    <phoneticPr fontId="2"/>
  </si>
  <si>
    <t>光陽</t>
    <rPh sb="0" eb="2">
      <t>コウヨウ</t>
    </rPh>
    <phoneticPr fontId="2"/>
  </si>
  <si>
    <t>新庄北</t>
    <rPh sb="0" eb="3">
      <t>シンジョウキタ</t>
    </rPh>
    <phoneticPr fontId="2"/>
  </si>
  <si>
    <t>富山地域（合計）</t>
    <rPh sb="0" eb="4">
      <t>トヤマチイキ</t>
    </rPh>
    <rPh sb="5" eb="7">
      <t>ゴウケイ</t>
    </rPh>
    <phoneticPr fontId="2"/>
  </si>
  <si>
    <t xml:space="preserve">※世帯数が6世帯以下の校区については年齢別人口を公表しておりません。
また、7世帯以上の町丁において6世帯以下の町丁との関連で公表していないものがあります。 
人口計はすべての町丁において公表しています。   </t>
    <rPh sb="11" eb="13">
      <t>コウク</t>
    </rPh>
    <phoneticPr fontId="11"/>
  </si>
  <si>
    <t>令和8年3月末</t>
    <rPh sb="0" eb="2">
      <t>レイワ</t>
    </rPh>
    <rPh sb="3" eb="4">
      <t>ネン</t>
    </rPh>
    <rPh sb="5" eb="6">
      <t>ガツ</t>
    </rPh>
    <rPh sb="6" eb="7">
      <t>マツ</t>
    </rPh>
    <phoneticPr fontId="2"/>
  </si>
  <si>
    <t>×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name val="ＭＳ 明朝"/>
      <family val="1"/>
    </font>
    <font>
      <sz val="11"/>
      <name val="ＭＳ 明朝"/>
      <family val="1"/>
    </font>
    <font>
      <sz val="6"/>
      <name val="ＭＳ 明朝"/>
      <family val="1"/>
    </font>
    <font>
      <sz val="14"/>
      <name val="ＭＳ 明朝"/>
      <family val="1"/>
    </font>
    <font>
      <sz val="12"/>
      <name val="ＭＳ 明朝"/>
      <family val="1"/>
    </font>
    <font>
      <u/>
      <sz val="11"/>
      <color theme="10"/>
      <name val="ＭＳ 明朝"/>
      <family val="1"/>
    </font>
    <font>
      <b/>
      <sz val="14"/>
      <name val="BIZ UD明朝 Medium"/>
      <family val="1"/>
    </font>
    <font>
      <sz val="6"/>
      <name val="ＭＳ Ｐ明朝"/>
      <family val="1"/>
      <charset val="128"/>
    </font>
    <font>
      <sz val="11"/>
      <name val="BIZ UD明朝 Medium"/>
      <family val="1"/>
    </font>
    <font>
      <b/>
      <sz val="11"/>
      <name val="BIZ UD明朝 Medium"/>
      <family val="1"/>
      <charset val="128"/>
    </font>
    <font>
      <u/>
      <sz val="11"/>
      <color theme="10"/>
      <name val="BIZ UD明朝 Medium"/>
      <family val="1"/>
    </font>
    <font>
      <sz val="6"/>
      <name val="ＭＳ Ｐゴシック"/>
      <family val="3"/>
    </font>
  </fonts>
  <fills count="3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</fills>
  <borders count="3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/>
    <xf numFmtId="38" fontId="1" fillId="0" borderId="0" applyFont="0" applyFill="0" applyBorder="0" applyAlignment="0" applyProtection="0"/>
    <xf numFmtId="0" fontId="5" fillId="0" borderId="0" applyNumberFormat="0" applyFill="0" applyBorder="0" applyAlignment="0" applyProtection="0"/>
    <xf numFmtId="38" fontId="1" fillId="0" borderId="0" applyFont="0" applyFill="0" applyBorder="0" applyAlignment="0" applyProtection="0"/>
  </cellStyleXfs>
  <cellXfs count="58">
    <xf numFmtId="0" fontId="0" fillId="0" borderId="0" xfId="0"/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1" xfId="0" applyFont="1" applyBorder="1" applyAlignment="1">
      <alignment horizontal="center" vertical="center"/>
    </xf>
    <xf numFmtId="38" fontId="1" fillId="0" borderId="2" xfId="1" applyFont="1" applyBorder="1" applyAlignment="1">
      <alignment horizontal="distributed" vertical="center"/>
    </xf>
    <xf numFmtId="38" fontId="1" fillId="0" borderId="3" xfId="1" applyFont="1" applyBorder="1" applyAlignment="1">
      <alignment horizontal="distributed" vertical="center"/>
    </xf>
    <xf numFmtId="38" fontId="1" fillId="0" borderId="3" xfId="1" applyFont="1" applyBorder="1" applyAlignment="1">
      <alignment horizontal="center" vertical="center"/>
    </xf>
    <xf numFmtId="38" fontId="1" fillId="0" borderId="4" xfId="1" applyFont="1" applyBorder="1" applyAlignment="1">
      <alignment horizontal="distributed" vertical="center"/>
    </xf>
    <xf numFmtId="0" fontId="4" fillId="0" borderId="5" xfId="0" applyFont="1" applyBorder="1" applyAlignment="1">
      <alignment horizontal="center"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0" fontId="4" fillId="0" borderId="9" xfId="0" applyFont="1" applyBorder="1" applyAlignment="1">
      <alignment horizontal="center"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0" fontId="4" fillId="0" borderId="13" xfId="0" applyFont="1" applyBorder="1" applyAlignment="1">
      <alignment horizontal="center" vertical="center"/>
    </xf>
    <xf numFmtId="38" fontId="1" fillId="0" borderId="14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0" fontId="4" fillId="0" borderId="17" xfId="0" applyFont="1" applyBorder="1" applyAlignment="1">
      <alignment horizontal="center"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  <xf numFmtId="0" fontId="4" fillId="0" borderId="21" xfId="0" applyFont="1" applyBorder="1" applyAlignment="1">
      <alignment horizontal="center" vertical="center"/>
    </xf>
    <xf numFmtId="0" fontId="4" fillId="0" borderId="22" xfId="0" applyFont="1" applyBorder="1" applyAlignment="1">
      <alignment horizontal="center" vertical="center"/>
    </xf>
    <xf numFmtId="38" fontId="1" fillId="0" borderId="23" xfId="1" applyFont="1" applyBorder="1" applyAlignment="1">
      <alignment vertical="center"/>
    </xf>
    <xf numFmtId="38" fontId="1" fillId="0" borderId="24" xfId="1" applyFont="1" applyBorder="1" applyAlignment="1">
      <alignment vertical="center"/>
    </xf>
    <xf numFmtId="38" fontId="1" fillId="0" borderId="25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26" xfId="1" applyFont="1" applyBorder="1" applyAlignment="1">
      <alignment vertical="center"/>
    </xf>
    <xf numFmtId="38" fontId="1" fillId="0" borderId="13" xfId="1" applyFont="1" applyBorder="1" applyAlignment="1">
      <alignment vertical="center"/>
    </xf>
    <xf numFmtId="38" fontId="1" fillId="0" borderId="27" xfId="1" applyFont="1" applyBorder="1" applyAlignment="1">
      <alignment vertical="center"/>
    </xf>
    <xf numFmtId="0" fontId="8" fillId="0" borderId="0" xfId="0" applyFont="1" applyAlignment="1">
      <alignment horizontal="right"/>
    </xf>
    <xf numFmtId="0" fontId="8" fillId="0" borderId="0" xfId="0" applyFont="1"/>
    <xf numFmtId="0" fontId="9" fillId="0" borderId="0" xfId="0" applyFont="1"/>
    <xf numFmtId="0" fontId="8" fillId="0" borderId="30" xfId="0" applyFont="1" applyBorder="1"/>
    <xf numFmtId="0" fontId="10" fillId="0" borderId="31" xfId="2" applyFont="1" applyBorder="1"/>
    <xf numFmtId="0" fontId="8" fillId="0" borderId="32" xfId="0" applyFont="1" applyBorder="1"/>
    <xf numFmtId="0" fontId="10" fillId="0" borderId="33" xfId="2" applyFont="1" applyBorder="1"/>
    <xf numFmtId="0" fontId="8" fillId="2" borderId="28" xfId="0" applyFont="1" applyFill="1" applyBorder="1" applyAlignment="1">
      <alignment horizontal="center"/>
    </xf>
    <xf numFmtId="0" fontId="8" fillId="2" borderId="29" xfId="0" applyFont="1" applyFill="1" applyBorder="1" applyAlignment="1">
      <alignment horizontal="center"/>
    </xf>
    <xf numFmtId="0" fontId="8" fillId="0" borderId="0" xfId="0" applyFont="1" applyAlignment="1">
      <alignment horizontal="left" vertical="center" wrapText="1"/>
    </xf>
    <xf numFmtId="0" fontId="6" fillId="0" borderId="0" xfId="0" applyFont="1" applyAlignment="1">
      <alignment horizont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0" fillId="0" borderId="0" xfId="0" applyAlignment="1"/>
    <xf numFmtId="0" fontId="4" fillId="0" borderId="0" xfId="0" applyFont="1" applyAlignment="1" applyProtection="1">
      <alignment horizontal="right" vertical="center"/>
      <protection locked="0"/>
    </xf>
    <xf numFmtId="38" fontId="1" fillId="0" borderId="23" xfId="3" applyFont="1" applyBorder="1" applyAlignment="1">
      <alignment vertical="center"/>
    </xf>
    <xf numFmtId="38" fontId="1" fillId="0" borderId="9" xfId="3" applyFont="1" applyBorder="1" applyAlignment="1">
      <alignment vertical="center"/>
    </xf>
    <xf numFmtId="38" fontId="1" fillId="0" borderId="13" xfId="3" applyFont="1" applyBorder="1" applyAlignment="1">
      <alignment vertical="center"/>
    </xf>
    <xf numFmtId="38" fontId="1" fillId="0" borderId="24" xfId="3" applyFont="1" applyBorder="1" applyAlignment="1">
      <alignment vertical="center"/>
    </xf>
    <xf numFmtId="38" fontId="1" fillId="0" borderId="11" xfId="3" applyFont="1" applyBorder="1" applyAlignment="1">
      <alignment vertical="center"/>
    </xf>
    <xf numFmtId="38" fontId="1" fillId="0" borderId="15" xfId="3" applyFont="1" applyBorder="1" applyAlignment="1">
      <alignment vertical="center"/>
    </xf>
    <xf numFmtId="38" fontId="1" fillId="0" borderId="25" xfId="3" applyFont="1" applyBorder="1" applyAlignment="1">
      <alignment vertical="center"/>
    </xf>
    <xf numFmtId="38" fontId="1" fillId="0" borderId="26" xfId="3" applyFont="1" applyBorder="1" applyAlignment="1">
      <alignment vertical="center"/>
    </xf>
    <xf numFmtId="38" fontId="1" fillId="0" borderId="27" xfId="3" applyFont="1" applyBorder="1" applyAlignment="1">
      <alignment vertical="center"/>
    </xf>
    <xf numFmtId="38" fontId="1" fillId="0" borderId="19" xfId="3" applyFont="1" applyBorder="1" applyAlignment="1">
      <alignment vertical="center"/>
    </xf>
  </cellXfs>
  <cellStyles count="4">
    <cellStyle name="ハイパーリンク" xfId="2" builtinId="8"/>
    <cellStyle name="桁区切り_HP2602（公表用）" xfId="3" xr:uid="{6E5F66BF-C867-4548-A761-53B40E04B899}"/>
    <cellStyle name="桁区切り_HP2603（公表用）" xfId="1" xr:uid="{00000000-0005-0000-0000-000000000000}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87" Type="http://schemas.openxmlformats.org/officeDocument/2006/relationships/worksheet" Target="worksheets/sheet87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90" Type="http://schemas.openxmlformats.org/officeDocument/2006/relationships/worksheet" Target="worksheets/sheet90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9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標準">
  <a:themeElements>
    <a:clrScheme name="標準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標準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標準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5FC3020-C07D-4B41-9F49-B4CF09750884}">
  <dimension ref="B1:H59"/>
  <sheetViews>
    <sheetView tabSelected="1" workbookViewId="0">
      <selection activeCell="B1" sqref="B1:E1"/>
    </sheetView>
  </sheetViews>
  <sheetFormatPr defaultColWidth="8.875" defaultRowHeight="13.5" x14ac:dyDescent="0.15"/>
  <cols>
    <col min="1" max="1" width="1.5" style="34" customWidth="1"/>
    <col min="2" max="2" width="4.625" style="34" customWidth="1"/>
    <col min="3" max="3" width="20.5" style="34" customWidth="1"/>
    <col min="4" max="4" width="8.875" style="34"/>
    <col min="5" max="5" width="4.625" style="34" customWidth="1"/>
    <col min="6" max="6" width="20.5" style="34" bestFit="1" customWidth="1"/>
    <col min="7" max="16384" width="8.875" style="34"/>
  </cols>
  <sheetData>
    <row r="1" spans="2:6" ht="23.45" customHeight="1" x14ac:dyDescent="0.15">
      <c r="B1" s="43" t="s">
        <v>120</v>
      </c>
      <c r="C1" s="43"/>
      <c r="D1" s="43"/>
      <c r="E1" s="43"/>
      <c r="F1" s="33" t="s">
        <v>219</v>
      </c>
    </row>
    <row r="2" spans="2:6" ht="14.25" thickBot="1" x14ac:dyDescent="0.2">
      <c r="B2" s="35"/>
      <c r="C2" s="34" t="s">
        <v>121</v>
      </c>
    </row>
    <row r="3" spans="2:6" x14ac:dyDescent="0.15">
      <c r="B3" s="40" t="s">
        <v>122</v>
      </c>
      <c r="C3" s="41"/>
      <c r="E3" s="40" t="s">
        <v>123</v>
      </c>
      <c r="F3" s="41"/>
    </row>
    <row r="4" spans="2:6" x14ac:dyDescent="0.15">
      <c r="B4" s="36">
        <v>1</v>
      </c>
      <c r="C4" s="37" t="s">
        <v>124</v>
      </c>
      <c r="E4" s="36">
        <v>101</v>
      </c>
      <c r="F4" s="37" t="s">
        <v>125</v>
      </c>
    </row>
    <row r="5" spans="2:6" x14ac:dyDescent="0.15">
      <c r="B5" s="36">
        <v>2</v>
      </c>
      <c r="C5" s="37" t="s">
        <v>126</v>
      </c>
      <c r="E5" s="36">
        <v>102</v>
      </c>
      <c r="F5" s="37" t="s">
        <v>127</v>
      </c>
    </row>
    <row r="6" spans="2:6" x14ac:dyDescent="0.15">
      <c r="B6" s="36">
        <v>3</v>
      </c>
      <c r="C6" s="37" t="s">
        <v>128</v>
      </c>
      <c r="E6" s="36">
        <v>103</v>
      </c>
      <c r="F6" s="37" t="s">
        <v>129</v>
      </c>
    </row>
    <row r="7" spans="2:6" x14ac:dyDescent="0.15">
      <c r="B7" s="36">
        <v>4</v>
      </c>
      <c r="C7" s="37" t="s">
        <v>130</v>
      </c>
      <c r="E7" s="36">
        <v>104</v>
      </c>
      <c r="F7" s="37" t="s">
        <v>131</v>
      </c>
    </row>
    <row r="8" spans="2:6" x14ac:dyDescent="0.15">
      <c r="B8" s="36">
        <v>5</v>
      </c>
      <c r="C8" s="37" t="s">
        <v>132</v>
      </c>
      <c r="E8" s="36">
        <v>105</v>
      </c>
      <c r="F8" s="37" t="s">
        <v>133</v>
      </c>
    </row>
    <row r="9" spans="2:6" ht="14.25" thickBot="1" x14ac:dyDescent="0.2">
      <c r="B9" s="36">
        <v>6</v>
      </c>
      <c r="C9" s="37" t="s">
        <v>134</v>
      </c>
      <c r="E9" s="38">
        <v>199</v>
      </c>
      <c r="F9" s="39" t="s">
        <v>135</v>
      </c>
    </row>
    <row r="10" spans="2:6" ht="14.25" thickBot="1" x14ac:dyDescent="0.2">
      <c r="B10" s="36">
        <v>7</v>
      </c>
      <c r="C10" s="37" t="s">
        <v>136</v>
      </c>
    </row>
    <row r="11" spans="2:6" x14ac:dyDescent="0.15">
      <c r="B11" s="36">
        <v>8</v>
      </c>
      <c r="C11" s="37" t="s">
        <v>137</v>
      </c>
      <c r="E11" s="40" t="s">
        <v>138</v>
      </c>
      <c r="F11" s="41"/>
    </row>
    <row r="12" spans="2:6" x14ac:dyDescent="0.15">
      <c r="B12" s="36">
        <v>9</v>
      </c>
      <c r="C12" s="37" t="s">
        <v>139</v>
      </c>
      <c r="E12" s="36">
        <v>201</v>
      </c>
      <c r="F12" s="37" t="s">
        <v>140</v>
      </c>
    </row>
    <row r="13" spans="2:6" x14ac:dyDescent="0.15">
      <c r="B13" s="36">
        <v>10</v>
      </c>
      <c r="C13" s="37" t="s">
        <v>141</v>
      </c>
      <c r="E13" s="36">
        <v>202</v>
      </c>
      <c r="F13" s="37" t="s">
        <v>142</v>
      </c>
    </row>
    <row r="14" spans="2:6" x14ac:dyDescent="0.15">
      <c r="B14" s="36">
        <v>11</v>
      </c>
      <c r="C14" s="37" t="s">
        <v>143</v>
      </c>
      <c r="E14" s="36">
        <v>203</v>
      </c>
      <c r="F14" s="37" t="s">
        <v>144</v>
      </c>
    </row>
    <row r="15" spans="2:6" x14ac:dyDescent="0.15">
      <c r="B15" s="36">
        <v>12</v>
      </c>
      <c r="C15" s="37" t="s">
        <v>145</v>
      </c>
      <c r="E15" s="36">
        <v>204</v>
      </c>
      <c r="F15" s="37" t="s">
        <v>146</v>
      </c>
    </row>
    <row r="16" spans="2:6" ht="14.25" thickBot="1" x14ac:dyDescent="0.2">
      <c r="B16" s="36">
        <v>13</v>
      </c>
      <c r="C16" s="37" t="s">
        <v>147</v>
      </c>
      <c r="E16" s="38">
        <v>299</v>
      </c>
      <c r="F16" s="39" t="s">
        <v>148</v>
      </c>
    </row>
    <row r="17" spans="2:6" ht="14.25" thickBot="1" x14ac:dyDescent="0.2">
      <c r="B17" s="36">
        <v>14</v>
      </c>
      <c r="C17" s="37" t="s">
        <v>149</v>
      </c>
    </row>
    <row r="18" spans="2:6" x14ac:dyDescent="0.15">
      <c r="B18" s="36">
        <v>15</v>
      </c>
      <c r="C18" s="37" t="s">
        <v>150</v>
      </c>
      <c r="E18" s="40" t="s">
        <v>151</v>
      </c>
      <c r="F18" s="41"/>
    </row>
    <row r="19" spans="2:6" x14ac:dyDescent="0.15">
      <c r="B19" s="36">
        <v>16</v>
      </c>
      <c r="C19" s="37" t="s">
        <v>152</v>
      </c>
      <c r="E19" s="36">
        <v>301</v>
      </c>
      <c r="F19" s="37" t="s">
        <v>153</v>
      </c>
    </row>
    <row r="20" spans="2:6" x14ac:dyDescent="0.15">
      <c r="B20" s="36">
        <v>17</v>
      </c>
      <c r="C20" s="37" t="s">
        <v>154</v>
      </c>
      <c r="E20" s="36">
        <v>302</v>
      </c>
      <c r="F20" s="37" t="s">
        <v>155</v>
      </c>
    </row>
    <row r="21" spans="2:6" x14ac:dyDescent="0.15">
      <c r="B21" s="36">
        <v>18</v>
      </c>
      <c r="C21" s="37" t="s">
        <v>156</v>
      </c>
      <c r="E21" s="36">
        <v>303</v>
      </c>
      <c r="F21" s="37" t="s">
        <v>157</v>
      </c>
    </row>
    <row r="22" spans="2:6" x14ac:dyDescent="0.15">
      <c r="B22" s="36">
        <v>19</v>
      </c>
      <c r="C22" s="37" t="s">
        <v>158</v>
      </c>
      <c r="E22" s="36">
        <v>304</v>
      </c>
      <c r="F22" s="37" t="s">
        <v>159</v>
      </c>
    </row>
    <row r="23" spans="2:6" x14ac:dyDescent="0.15">
      <c r="B23" s="36">
        <v>20</v>
      </c>
      <c r="C23" s="37" t="s">
        <v>160</v>
      </c>
      <c r="E23" s="36">
        <v>305</v>
      </c>
      <c r="F23" s="37" t="s">
        <v>161</v>
      </c>
    </row>
    <row r="24" spans="2:6" x14ac:dyDescent="0.15">
      <c r="B24" s="36">
        <v>21</v>
      </c>
      <c r="C24" s="37" t="s">
        <v>162</v>
      </c>
      <c r="E24" s="36">
        <v>306</v>
      </c>
      <c r="F24" s="37" t="s">
        <v>163</v>
      </c>
    </row>
    <row r="25" spans="2:6" x14ac:dyDescent="0.15">
      <c r="B25" s="36">
        <v>22</v>
      </c>
      <c r="C25" s="37" t="s">
        <v>164</v>
      </c>
      <c r="E25" s="36">
        <v>307</v>
      </c>
      <c r="F25" s="37" t="s">
        <v>165</v>
      </c>
    </row>
    <row r="26" spans="2:6" x14ac:dyDescent="0.15">
      <c r="B26" s="36">
        <v>23</v>
      </c>
      <c r="C26" s="37" t="s">
        <v>166</v>
      </c>
      <c r="E26" s="36">
        <v>308</v>
      </c>
      <c r="F26" s="37" t="s">
        <v>167</v>
      </c>
    </row>
    <row r="27" spans="2:6" x14ac:dyDescent="0.15">
      <c r="B27" s="36">
        <v>24</v>
      </c>
      <c r="C27" s="37" t="s">
        <v>168</v>
      </c>
      <c r="E27" s="36">
        <v>309</v>
      </c>
      <c r="F27" s="37" t="s">
        <v>169</v>
      </c>
    </row>
    <row r="28" spans="2:6" ht="14.25" thickBot="1" x14ac:dyDescent="0.2">
      <c r="B28" s="36">
        <v>25</v>
      </c>
      <c r="C28" s="37" t="s">
        <v>170</v>
      </c>
      <c r="E28" s="38">
        <v>399</v>
      </c>
      <c r="F28" s="39" t="s">
        <v>171</v>
      </c>
    </row>
    <row r="29" spans="2:6" ht="14.25" thickBot="1" x14ac:dyDescent="0.2">
      <c r="B29" s="36">
        <v>26</v>
      </c>
      <c r="C29" s="37" t="s">
        <v>172</v>
      </c>
    </row>
    <row r="30" spans="2:6" x14ac:dyDescent="0.15">
      <c r="B30" s="36">
        <v>27</v>
      </c>
      <c r="C30" s="37" t="s">
        <v>173</v>
      </c>
      <c r="E30" s="40" t="s">
        <v>174</v>
      </c>
      <c r="F30" s="41"/>
    </row>
    <row r="31" spans="2:6" x14ac:dyDescent="0.15">
      <c r="B31" s="36">
        <v>28</v>
      </c>
      <c r="C31" s="37" t="s">
        <v>175</v>
      </c>
      <c r="E31" s="36">
        <v>401</v>
      </c>
      <c r="F31" s="37" t="s">
        <v>176</v>
      </c>
    </row>
    <row r="32" spans="2:6" x14ac:dyDescent="0.15">
      <c r="B32" s="36">
        <v>29</v>
      </c>
      <c r="C32" s="37" t="s">
        <v>177</v>
      </c>
      <c r="E32" s="36">
        <v>402</v>
      </c>
      <c r="F32" s="37" t="s">
        <v>178</v>
      </c>
    </row>
    <row r="33" spans="2:6" x14ac:dyDescent="0.15">
      <c r="B33" s="36">
        <v>30</v>
      </c>
      <c r="C33" s="37" t="s">
        <v>179</v>
      </c>
      <c r="E33" s="36">
        <v>403</v>
      </c>
      <c r="F33" s="37" t="s">
        <v>180</v>
      </c>
    </row>
    <row r="34" spans="2:6" x14ac:dyDescent="0.15">
      <c r="B34" s="36">
        <v>31</v>
      </c>
      <c r="C34" s="37" t="s">
        <v>181</v>
      </c>
      <c r="E34" s="36">
        <v>404</v>
      </c>
      <c r="F34" s="37" t="s">
        <v>182</v>
      </c>
    </row>
    <row r="35" spans="2:6" x14ac:dyDescent="0.15">
      <c r="B35" s="36">
        <v>32</v>
      </c>
      <c r="C35" s="37" t="s">
        <v>183</v>
      </c>
      <c r="E35" s="36">
        <v>405</v>
      </c>
      <c r="F35" s="37" t="s">
        <v>184</v>
      </c>
    </row>
    <row r="36" spans="2:6" x14ac:dyDescent="0.15">
      <c r="B36" s="36">
        <v>33</v>
      </c>
      <c r="C36" s="37" t="s">
        <v>185</v>
      </c>
      <c r="E36" s="36">
        <v>406</v>
      </c>
      <c r="F36" s="37" t="s">
        <v>186</v>
      </c>
    </row>
    <row r="37" spans="2:6" x14ac:dyDescent="0.15">
      <c r="B37" s="36">
        <v>34</v>
      </c>
      <c r="C37" s="37" t="s">
        <v>187</v>
      </c>
      <c r="E37" s="36">
        <v>407</v>
      </c>
      <c r="F37" s="37" t="s">
        <v>188</v>
      </c>
    </row>
    <row r="38" spans="2:6" x14ac:dyDescent="0.15">
      <c r="B38" s="36">
        <v>35</v>
      </c>
      <c r="C38" s="37" t="s">
        <v>189</v>
      </c>
      <c r="E38" s="36">
        <v>408</v>
      </c>
      <c r="F38" s="37" t="s">
        <v>190</v>
      </c>
    </row>
    <row r="39" spans="2:6" ht="14.25" thickBot="1" x14ac:dyDescent="0.2">
      <c r="B39" s="36">
        <v>36</v>
      </c>
      <c r="C39" s="37" t="s">
        <v>191</v>
      </c>
      <c r="E39" s="38">
        <v>499</v>
      </c>
      <c r="F39" s="39" t="s">
        <v>192</v>
      </c>
    </row>
    <row r="40" spans="2:6" ht="14.25" thickBot="1" x14ac:dyDescent="0.2">
      <c r="B40" s="36">
        <v>37</v>
      </c>
      <c r="C40" s="37" t="s">
        <v>193</v>
      </c>
    </row>
    <row r="41" spans="2:6" x14ac:dyDescent="0.15">
      <c r="B41" s="36">
        <v>38</v>
      </c>
      <c r="C41" s="37" t="s">
        <v>194</v>
      </c>
      <c r="E41" s="40" t="s">
        <v>195</v>
      </c>
      <c r="F41" s="41"/>
    </row>
    <row r="42" spans="2:6" x14ac:dyDescent="0.15">
      <c r="B42" s="36">
        <v>39</v>
      </c>
      <c r="C42" s="37" t="s">
        <v>196</v>
      </c>
      <c r="E42" s="36">
        <v>501</v>
      </c>
      <c r="F42" s="37" t="s">
        <v>197</v>
      </c>
    </row>
    <row r="43" spans="2:6" x14ac:dyDescent="0.15">
      <c r="B43" s="36">
        <v>40</v>
      </c>
      <c r="C43" s="37" t="s">
        <v>198</v>
      </c>
      <c r="E43" s="36">
        <v>502</v>
      </c>
      <c r="F43" s="37" t="s">
        <v>199</v>
      </c>
    </row>
    <row r="44" spans="2:6" x14ac:dyDescent="0.15">
      <c r="B44" s="36">
        <v>41</v>
      </c>
      <c r="C44" s="37" t="s">
        <v>200</v>
      </c>
      <c r="E44" s="36">
        <v>503</v>
      </c>
      <c r="F44" s="37" t="s">
        <v>201</v>
      </c>
    </row>
    <row r="45" spans="2:6" x14ac:dyDescent="0.15">
      <c r="B45" s="36">
        <v>42</v>
      </c>
      <c r="C45" s="37" t="s">
        <v>202</v>
      </c>
      <c r="E45" s="36">
        <v>504</v>
      </c>
      <c r="F45" s="37" t="s">
        <v>203</v>
      </c>
    </row>
    <row r="46" spans="2:6" ht="14.25" thickBot="1" x14ac:dyDescent="0.2">
      <c r="B46" s="36">
        <v>43</v>
      </c>
      <c r="C46" s="37" t="s">
        <v>204</v>
      </c>
      <c r="E46" s="38">
        <v>599</v>
      </c>
      <c r="F46" s="39" t="s">
        <v>205</v>
      </c>
    </row>
    <row r="47" spans="2:6" ht="14.25" thickBot="1" x14ac:dyDescent="0.2">
      <c r="B47" s="36">
        <v>44</v>
      </c>
      <c r="C47" s="37" t="s">
        <v>206</v>
      </c>
    </row>
    <row r="48" spans="2:6" x14ac:dyDescent="0.15">
      <c r="B48" s="36">
        <v>45</v>
      </c>
      <c r="C48" s="37" t="s">
        <v>207</v>
      </c>
      <c r="E48" s="40" t="s">
        <v>208</v>
      </c>
      <c r="F48" s="41"/>
    </row>
    <row r="49" spans="2:8" x14ac:dyDescent="0.15">
      <c r="B49" s="36">
        <v>46</v>
      </c>
      <c r="C49" s="37" t="s">
        <v>209</v>
      </c>
      <c r="E49" s="36">
        <v>601</v>
      </c>
      <c r="F49" s="37" t="s">
        <v>210</v>
      </c>
    </row>
    <row r="50" spans="2:8" x14ac:dyDescent="0.15">
      <c r="B50" s="36">
        <v>47</v>
      </c>
      <c r="C50" s="37" t="s">
        <v>211</v>
      </c>
      <c r="E50" s="36">
        <v>602</v>
      </c>
      <c r="F50" s="37" t="s">
        <v>212</v>
      </c>
    </row>
    <row r="51" spans="2:8" ht="14.25" thickBot="1" x14ac:dyDescent="0.2">
      <c r="B51" s="36">
        <v>48</v>
      </c>
      <c r="C51" s="37" t="s">
        <v>213</v>
      </c>
      <c r="E51" s="38">
        <v>699</v>
      </c>
      <c r="F51" s="39" t="s">
        <v>214</v>
      </c>
    </row>
    <row r="52" spans="2:8" x14ac:dyDescent="0.15">
      <c r="B52" s="36">
        <v>49</v>
      </c>
      <c r="C52" s="37" t="s">
        <v>215</v>
      </c>
    </row>
    <row r="53" spans="2:8" x14ac:dyDescent="0.15">
      <c r="B53" s="36">
        <v>50</v>
      </c>
      <c r="C53" s="37" t="s">
        <v>216</v>
      </c>
    </row>
    <row r="54" spans="2:8" ht="14.25" thickBot="1" x14ac:dyDescent="0.2">
      <c r="B54" s="38">
        <v>99</v>
      </c>
      <c r="C54" s="39" t="s">
        <v>217</v>
      </c>
    </row>
    <row r="57" spans="2:8" x14ac:dyDescent="0.15">
      <c r="B57" s="42" t="s">
        <v>218</v>
      </c>
      <c r="C57" s="42"/>
      <c r="D57" s="42"/>
      <c r="E57" s="42"/>
      <c r="F57" s="42"/>
      <c r="G57" s="42"/>
      <c r="H57" s="42"/>
    </row>
    <row r="58" spans="2:8" x14ac:dyDescent="0.15">
      <c r="B58" s="42"/>
      <c r="C58" s="42"/>
      <c r="D58" s="42"/>
      <c r="E58" s="42"/>
      <c r="F58" s="42"/>
      <c r="G58" s="42"/>
      <c r="H58" s="42"/>
    </row>
    <row r="59" spans="2:8" x14ac:dyDescent="0.15">
      <c r="B59" s="42"/>
      <c r="C59" s="42"/>
      <c r="D59" s="42"/>
      <c r="E59" s="42"/>
      <c r="F59" s="42"/>
      <c r="G59" s="42"/>
      <c r="H59" s="42"/>
    </row>
  </sheetData>
  <mergeCells count="9">
    <mergeCell ref="E41:F41"/>
    <mergeCell ref="E48:F48"/>
    <mergeCell ref="B57:H59"/>
    <mergeCell ref="B1:E1"/>
    <mergeCell ref="B3:C3"/>
    <mergeCell ref="E3:F3"/>
    <mergeCell ref="E11:F11"/>
    <mergeCell ref="E18:F18"/>
    <mergeCell ref="E30:F30"/>
  </mergeCells>
  <phoneticPr fontId="7"/>
  <hyperlinks>
    <hyperlink ref="C5" location="'年齢別・性別人口(02愛宕)'!A1" display="愛宕" xr:uid="{F528FBF6-0040-4E83-A5BC-D0A1302F655A}"/>
    <hyperlink ref="C6" location="'年齢別・性別人口(03安野屋)'!A1" display="安野屋" xr:uid="{797E1E44-5F16-4BD9-87C5-A1DF9C349B16}"/>
    <hyperlink ref="C7" location="'年齢別・性別人口(04八人町)'!A1" display="八人町" xr:uid="{B486D283-91DF-4689-8B44-A12FAAA6655D}"/>
    <hyperlink ref="C8" location="'年齢別・性別人口(05五番町)'!A1" display="五番町" xr:uid="{0595693E-39BB-497A-B3A9-FD6B74413D21}"/>
    <hyperlink ref="C9" location="'年齢別・性別人口(06柳町)'!A1" display="柳町" xr:uid="{79C46470-3BA0-468F-8BB5-01FE37004715}"/>
    <hyperlink ref="C10" location="'年齢別・性別人口(07清水町)'!A1" display="清水町" xr:uid="{FC4A2ED7-47CA-4D65-A718-88C50AE3DAC1}"/>
    <hyperlink ref="C11" location="'年齢別・性別人口(08星井町)'!A1" display="星井町" xr:uid="{6F6200DA-0F8E-4028-BCC6-5FC8C2F4A13B}"/>
    <hyperlink ref="C12" location="'年齢別・性別人口(09西田地方)'!A1" display="西田地方" xr:uid="{99A20C86-D83A-4CA4-AD98-CC6C9A72D230}"/>
    <hyperlink ref="C13" location="'年齢別・性別人口(10堀川)'!A1" display="堀川" xr:uid="{8A95F90A-2B2F-44D5-98D5-C8A85EA92A56}"/>
    <hyperlink ref="C14" location="'年齢別・性別人口(11堀川南)'!A1" display="堀川南" xr:uid="{9E016505-65E4-4DAA-B159-D3EB17EEA46B}"/>
    <hyperlink ref="C15" location="'年齢別・性別人口(12東部)'!A1" display="東部" xr:uid="{0B606D6B-7E97-41B7-9518-F570B6742295}"/>
    <hyperlink ref="C16" location="'年齢別・性別人口(13奥田)'!A1" display="奥田" xr:uid="{EE3F2351-6A55-4A87-9235-41B380101C23}"/>
    <hyperlink ref="C17" location="'年齢別・性別人口(14奥田北)'!A1" display="奥田北" xr:uid="{0F39C630-DFC0-42AE-8FBF-A47E4B9374BC}"/>
    <hyperlink ref="C19" location="'年齢別・性別人口(16五福)'!A1" display="五福" xr:uid="{6797FEAC-51C3-46D7-93B8-EE15DAD625A9}"/>
    <hyperlink ref="C20" location="'年齢別・性別人口(17神明)'!A1" display="神明" xr:uid="{EF52F211-6489-43FA-85F3-526F4F6922D3}"/>
    <hyperlink ref="C21" location="'年齢別・性別人口(18岩瀬)'!A1" display="岩瀬" xr:uid="{750D9622-FBD2-46A8-947A-F4D1ED9EFCC4}"/>
    <hyperlink ref="C22" location="'年齢別・性別人口(19萩浦)'!A1" display="萩浦" xr:uid="{13E57B2B-31EA-4BD1-B73B-FDDB56FD45EC}"/>
    <hyperlink ref="C23" location="'年齢別・性別人口(20大広田)'!A1" display="大広田" xr:uid="{04E11A0F-DA40-409D-A0FA-63A7F0CB12AD}"/>
    <hyperlink ref="C24" location="'年齢別・性別人口(21浜黒崎)'!A1" display="浜黒崎" xr:uid="{909CF6CC-71D9-43E6-AA92-BE5E92F8770A}"/>
    <hyperlink ref="C25" location="'年齢別・性別人口(22針原)'!A1" display="針原" xr:uid="{9F46EF52-DED8-477C-B1A1-3375C3DAF059}"/>
    <hyperlink ref="C26" location="'年齢別・性別人口(23豊田)'!A1" display="豊田" xr:uid="{E2626BC8-7789-4625-A912-AB62CB791C17}"/>
    <hyperlink ref="C27" location="'年齢別・性別人口(24広田)'!A1" display="広田" xr:uid="{E7BDA7E6-980F-4F02-BD52-E5EB41747703}"/>
    <hyperlink ref="C28" location="'年齢別・性別人口(25新庄)'!A1" display="新庄" xr:uid="{39AB5256-11DB-4776-A5C9-9F29A1942ED4}"/>
    <hyperlink ref="C29" location="'年齢別・性別人口(26藤ノ木)'!A1" display="藤ノ木" xr:uid="{D3F11947-716F-41D0-9594-E5FE2005FCA0}"/>
    <hyperlink ref="C30" location="'年齢別・性別人口(27山室)'!A1" display="山室" xr:uid="{47F79D9E-86AE-4F1B-A3A5-7D458BF3621A}"/>
    <hyperlink ref="C31" location="'年齢別・性別人口(28山室中部)'!A1" display="山室中部" xr:uid="{45867A22-F6EF-4D0C-8A3B-43BAF824C436}"/>
    <hyperlink ref="C32" location="'年齢別・性別人口(29太田)'!A1" display="太田" xr:uid="{89AE8946-AA97-4C2C-8066-D2A71F87DAC5}"/>
    <hyperlink ref="C33" location="'年齢別・性別人口(30蜷川)'!A1" display="蜷川" xr:uid="{3BB4EAF7-8319-46D3-A159-3C01C4346034}"/>
    <hyperlink ref="C34" location="'年齢別・性別人口(31新保)'!A1" display="新保" xr:uid="{E6ECC526-9DBC-451A-A13E-D4AC7774B23C}"/>
    <hyperlink ref="C35" location="'年齢別・性別人口(32熊野)'!A1" display="熊野" xr:uid="{5D4AD721-694B-41CE-84B0-B06D103F01B7}"/>
    <hyperlink ref="C36" location="'年齢別・性別人口(33月岡)'!A1" display="月岡" xr:uid="{B249D683-03DC-4F48-8A5A-2B44FA76FFAD}"/>
    <hyperlink ref="C37" location="'年齢別・性別人口(34四方)'!A1" display="四方" xr:uid="{EF75EED1-4914-4033-AC50-283FE1C059EE}"/>
    <hyperlink ref="C38" location="'年齢別・性別人口(35八幡)'!A1" display="八幡" xr:uid="{8518E02C-7CF6-4DEF-A942-A795E3EFF2CE}"/>
    <hyperlink ref="C39" location="'年齢別・性別人口(36草島)'!A1" display="草島" xr:uid="{54E9BA22-0D27-4E48-95A4-C66FA3EA3369}"/>
    <hyperlink ref="C40" location="'年齢別・性別人口(37倉垣)'!A1" display="倉垣" xr:uid="{124777EE-D5DE-4D70-B627-A2C4E5F294AD}"/>
    <hyperlink ref="C41" location="'年齢別・性別人口(38呉羽)'!A1" display="呉羽" xr:uid="{C4108802-0F9C-4428-8D90-F0FC8F8A0EE3}"/>
    <hyperlink ref="C42" location="'年齢別・性別人口(39長岡)'!A1" display="長岡" xr:uid="{26167E23-FEB9-4D22-B00D-3F2F47D5B060}"/>
    <hyperlink ref="C43" location="'年齢別・性別人口(40寒江)'!A1" display="寒江" xr:uid="{0AEB8734-F062-4D37-8344-998FC1A9E50B}"/>
    <hyperlink ref="C44" location="'年齢別・性別人口(41古沢)'!A1" display="古沢" xr:uid="{DCEBA8FE-ED04-4F24-8D3E-CC51290F703D}"/>
    <hyperlink ref="C45" location="'年齢別・性別人口(42老田)'!A1" display="老田" xr:uid="{27773F2F-627F-409E-B824-DF2CE8D46F8C}"/>
    <hyperlink ref="C46" location="'年齢別・性別人口(43池多)'!A1" display="池多" xr:uid="{50438FC2-F1BA-46B4-95D7-9CE593D4D25D}"/>
    <hyperlink ref="C47" location="'年齢別・性別人口(44水橋中部)'!A1" display="水橋中部" xr:uid="{DDD60898-1664-4742-954D-4D4ACB2CFB43}"/>
    <hyperlink ref="C48" location="'年齢別・性別人口(45水橋西部)'!A1" display="水橋西部" xr:uid="{BE382379-1A59-41FB-83C1-BD7FDDC7CD55}"/>
    <hyperlink ref="C49" location="'年齢別・性別人口(46水橋東部)'!A1" display="水橋東部" xr:uid="{72B4CE7D-6DE0-4FC4-AA62-A4462B41C1EA}"/>
    <hyperlink ref="C50" location="'年齢別・性別人口(47三郷)'!A1" display="三郷" xr:uid="{3DF6847E-9397-434C-AB4D-1F7CB7E3AA04}"/>
    <hyperlink ref="C51" location="'年齢別・性別人口(48上条)'!A1" display="上条" xr:uid="{02D68377-F863-4B08-BD80-3E393830ED67}"/>
    <hyperlink ref="C52" location="'年齢別・性別人口(49光陽)'!A1" display="光陽" xr:uid="{C3439BEE-C645-4488-AA3E-2790629AB083}"/>
    <hyperlink ref="C53" location="'年齢別・性別人口(50新庄北）'!A1" display="新庄北" xr:uid="{7C3F95CD-5E64-4394-B92C-3A20D7F6A881}"/>
    <hyperlink ref="C54" location="'年齢別・性別人口(0099富山地域)'!A1" display="富山地域（合計）" xr:uid="{82A9EBE7-643C-4432-A88D-A97E12C2587B}"/>
    <hyperlink ref="F4" location="'年齢別・性別人口0101下タ)'!A1" display="下タ" xr:uid="{C6E0BA20-8511-49DE-BDD2-68EA5516A439}"/>
    <hyperlink ref="F5" location="'年齢別・性別人口(0102小羽)'!A1" display="小羽" xr:uid="{4D88A7E8-5E4D-43BC-A045-1EBD0D82319D}"/>
    <hyperlink ref="F6" location="'年齢別・性別人口(0103船峅)'!A1" display="船峅" xr:uid="{EC6C2DA3-570B-4006-B581-EF697958746E}"/>
    <hyperlink ref="F7" location="'年齢別・性別人口(0104大沢野)'!A1" display="大沢野" xr:uid="{86D194C8-51D4-4E72-BFF5-1E55AFF625C6}"/>
    <hyperlink ref="F8" location="'年齢別・性別人口(0105大久保)'!A1" display="大久保" xr:uid="{C83E22D1-E09D-41B8-A4E4-E5E8C02F9BEF}"/>
    <hyperlink ref="F9" location="'年齢別・性別人口(0199大沢野地域)'!A1" display="大沢野地域（合計）" xr:uid="{8706C983-BF88-4204-A9BB-159964D450BA}"/>
    <hyperlink ref="F12" location="'年齢別・性別人口(0201上滝)'!A1" display="上滝" xr:uid="{EF119EE7-347B-4229-B786-C19C76F999F3}"/>
    <hyperlink ref="F13" location="'年齢別・性別人口(0202大山)'!A1" display="大山" xr:uid="{5CF78381-50A1-40D1-9C32-DA409D812DBB}"/>
    <hyperlink ref="F14" location="'年齢別・性別人口(0203大庄)'!A1" display="大庄" xr:uid="{EE970812-E67F-4187-B8F3-20EB7DC99920}"/>
    <hyperlink ref="F15" location="'年齢別・性別人口(0204福沢)'!A1" display="福沢" xr:uid="{BD0882E2-17F4-4C8F-8E3E-B12A75BF1951}"/>
    <hyperlink ref="F16" location="'年齢別・性別人口(0299大山地域)'!A1" display="大山地域（合計）" xr:uid="{21AB8E6C-1ECE-458F-B986-98251654D8D5}"/>
    <hyperlink ref="F19" location="'年齢別・性別人口(0301八尾)'!A1" display="八尾" xr:uid="{1F6B0259-9F81-452A-BAB8-D4B58E5D30F5}"/>
    <hyperlink ref="F20" location="'年齢別・性別人口(0302保内)'!A1" display="保内" xr:uid="{DEDFE516-9FBD-415E-9C71-0046E3DEA469}"/>
    <hyperlink ref="F21" location="'年齢別・性別人口(0303杉原)'!A1" display="杉原" xr:uid="{0B839A42-8FD7-4067-9E3D-EF2540F11FF3}"/>
    <hyperlink ref="F22" location="'年齢別・性別人口(0304卯花)'!A1" display="卯花" xr:uid="{94D3ED92-7AC0-4AD2-BA76-722D447E91CF}"/>
    <hyperlink ref="F23" location="'年齢別・性別人口(0305室牧)'!A1" display="室牧" xr:uid="{867C1F73-EA76-4868-8DAE-47B8F830F3D4}"/>
    <hyperlink ref="F24" location="'年齢別・性別人口(0306黒瀬谷)'!A1" display="黒瀬谷" xr:uid="{371D6FDC-268D-4A94-AAF5-6FE4966A7403}"/>
    <hyperlink ref="F25" location="'年齢別・性別人口(0307野積)'!A1" display="野積" xr:uid="{05635854-D11C-4700-8CEB-DE66910D6DC3}"/>
    <hyperlink ref="F26" location="'年齢別・性別人口(0308仁歩)'!A1" display="仁歩" xr:uid="{B33B62F8-4E6A-4884-B28C-087A2BE9566B}"/>
    <hyperlink ref="F27" location="'年齢別・性別人口(0309大長谷)'!A1" display="大長谷" xr:uid="{BC6646D1-15B2-4982-A2B1-D63A1912D8E3}"/>
    <hyperlink ref="F28" location="'年齢別・性別人口(0399八尾地域)'!A1" display="八尾地域（合計）" xr:uid="{7432A172-B2EE-4C35-9268-2FF499C7C94F}"/>
    <hyperlink ref="F31" location="'年齢別・性別人口(0401速星)'!A1" display="速星" xr:uid="{B8067E79-4CE7-4010-83CA-2728BCF5C83B}"/>
    <hyperlink ref="F32" location="'年齢別・性別人口(0402鵜坂)'!A1" display="鵜坂" xr:uid="{99F363CE-D1CD-4114-9073-8921270F263F}"/>
    <hyperlink ref="F33" location="'年齢別・性別人口(0403朝日)'!A1" display="朝日" xr:uid="{035261E9-D8D0-47C3-98B0-F5F6BB645568}"/>
    <hyperlink ref="F34" location="'年齢別・性別人口(0404宮川)'!A1" display="宮川" xr:uid="{6526FC2D-999F-482F-99EA-504A14286763}"/>
    <hyperlink ref="F35" location="'年齢別・性別人口(0405婦中熊野)'!A1" display="婦中熊野" xr:uid="{7FA93C54-0BB8-4F4C-9C5A-AEBEC665291A}"/>
    <hyperlink ref="F36" location="'年齢別・性別人口(0406古里)'!A1" display="古里" xr:uid="{4A99F3F9-7F7C-420A-AD2E-D811F1F0D7ED}"/>
    <hyperlink ref="F37" location="'年齢別・性別人口(0407音川)'!A1" display="音川" xr:uid="{EA76FCD6-1180-433D-81FC-C3E3C1E16CAD}"/>
    <hyperlink ref="F38" location="'年齢別・性別人口(0408神保)'!A1" display="神保" xr:uid="{2DB1BBE0-2018-466A-B435-36DED5009AEB}"/>
    <hyperlink ref="F39" location="'年齢別・性別人口(0499婦中地域)'!A1" display="婦中地域（合計）" xr:uid="{D6C77DC6-45D0-46E7-A8C2-5604A8EE92B8}"/>
    <hyperlink ref="F42" location="'年齢別・性別人口(0501山田南部)'!A1" display="山田南部" xr:uid="{79A55399-07F6-4320-99D0-E0C8DA8BF4FA}"/>
    <hyperlink ref="F43" location="'年齢別・性別人口(0502山田中部)'!A1" display="山田中部" xr:uid="{750D8078-C6C8-4AD6-A739-A3A4BD3A6A02}"/>
    <hyperlink ref="F44" location="'年齢別・性別人口(0503山田西部)'!A1" display="山田西部" xr:uid="{6C2D6F82-1FF6-412D-81B4-C0FB95CDC01B}"/>
    <hyperlink ref="F45" location="'年齢別・性別人口(0504山田東部)'!A1" display="山田東部" xr:uid="{EE9B017B-5B64-4B1F-A5EB-13F8A8E14163}"/>
    <hyperlink ref="F46" location="'年齢別・性別人口(0599山田地域)'!A1" display="山田地域（合計）" xr:uid="{EC2F992D-F64F-4BA2-A145-6C363D4CD203}"/>
    <hyperlink ref="F49" location="'年齢別・性別人口(0601細入北部)'!A1" display="細入北部" xr:uid="{96CB2CA3-EE5A-4681-848E-2C38A7DE2D89}"/>
    <hyperlink ref="F50" location="'年齢別・性別人口(0602細入南部)'!A1" display="細入南部" xr:uid="{394D6558-D4E1-4E31-B9F5-D0A6A971192C}"/>
    <hyperlink ref="F51" location="'年齢別・性別人口(0699細入地域)'!A1" display="細入地域（合計）" xr:uid="{AA552AAC-BCBE-4EFC-A13B-E3D9E2904F0C}"/>
    <hyperlink ref="C18" location="'年齢別・性別人口(15桜谷)'!A1" display="桜谷" xr:uid="{29E59D66-0FA8-4A22-B8E5-AA25DA8E3E16}"/>
    <hyperlink ref="C4" location="'年齢別・性別人口(01総曲輪)'!A1" display="総曲輪" xr:uid="{85B25593-172F-4958-93F0-24DCE8FA6196}"/>
  </hyperlink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2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7</v>
      </c>
      <c r="C5" s="13">
        <v>19</v>
      </c>
      <c r="D5" s="17">
        <v>36</v>
      </c>
    </row>
    <row r="6" spans="1:4" ht="18" customHeight="1" x14ac:dyDescent="0.15">
      <c r="A6" s="5">
        <v>1</v>
      </c>
      <c r="B6" s="22">
        <v>16</v>
      </c>
      <c r="C6" s="14">
        <v>16</v>
      </c>
      <c r="D6" s="18">
        <v>32</v>
      </c>
    </row>
    <row r="7" spans="1:4" ht="18" customHeight="1" x14ac:dyDescent="0.15">
      <c r="A7" s="5">
        <v>2</v>
      </c>
      <c r="B7" s="22">
        <v>24</v>
      </c>
      <c r="C7" s="14">
        <v>15</v>
      </c>
      <c r="D7" s="18">
        <v>39</v>
      </c>
    </row>
    <row r="8" spans="1:4" ht="18" customHeight="1" x14ac:dyDescent="0.15">
      <c r="A8" s="5">
        <v>3</v>
      </c>
      <c r="B8" s="22">
        <v>20</v>
      </c>
      <c r="C8" s="14">
        <v>22</v>
      </c>
      <c r="D8" s="18">
        <v>42</v>
      </c>
    </row>
    <row r="9" spans="1:4" ht="18" customHeight="1" x14ac:dyDescent="0.15">
      <c r="A9" s="5">
        <v>4</v>
      </c>
      <c r="B9" s="22">
        <v>19</v>
      </c>
      <c r="C9" s="14">
        <v>14</v>
      </c>
      <c r="D9" s="18">
        <v>33</v>
      </c>
    </row>
    <row r="10" spans="1:4" ht="18" customHeight="1" x14ac:dyDescent="0.15">
      <c r="A10" s="5" t="s">
        <v>7</v>
      </c>
      <c r="B10" s="22">
        <v>96</v>
      </c>
      <c r="C10" s="14">
        <v>86</v>
      </c>
      <c r="D10" s="18">
        <v>182</v>
      </c>
    </row>
    <row r="11" spans="1:4" ht="18" customHeight="1" x14ac:dyDescent="0.15">
      <c r="A11" s="5">
        <v>5</v>
      </c>
      <c r="B11" s="22">
        <v>27</v>
      </c>
      <c r="C11" s="14">
        <v>24</v>
      </c>
      <c r="D11" s="18">
        <v>51</v>
      </c>
    </row>
    <row r="12" spans="1:4" ht="18" customHeight="1" x14ac:dyDescent="0.15">
      <c r="A12" s="5">
        <v>6</v>
      </c>
      <c r="B12" s="22">
        <v>24</v>
      </c>
      <c r="C12" s="14">
        <v>24</v>
      </c>
      <c r="D12" s="18">
        <v>48</v>
      </c>
    </row>
    <row r="13" spans="1:4" ht="18" customHeight="1" x14ac:dyDescent="0.15">
      <c r="A13" s="5">
        <v>7</v>
      </c>
      <c r="B13" s="22">
        <v>22</v>
      </c>
      <c r="C13" s="14">
        <v>24</v>
      </c>
      <c r="D13" s="18">
        <v>46</v>
      </c>
    </row>
    <row r="14" spans="1:4" ht="18" customHeight="1" x14ac:dyDescent="0.15">
      <c r="A14" s="5">
        <v>8</v>
      </c>
      <c r="B14" s="22">
        <v>32</v>
      </c>
      <c r="C14" s="14">
        <v>21</v>
      </c>
      <c r="D14" s="18">
        <v>53</v>
      </c>
    </row>
    <row r="15" spans="1:4" ht="18" customHeight="1" x14ac:dyDescent="0.15">
      <c r="A15" s="5">
        <v>9</v>
      </c>
      <c r="B15" s="22">
        <v>19</v>
      </c>
      <c r="C15" s="14">
        <v>23</v>
      </c>
      <c r="D15" s="18">
        <v>42</v>
      </c>
    </row>
    <row r="16" spans="1:4" ht="18" customHeight="1" x14ac:dyDescent="0.15">
      <c r="A16" s="5" t="s">
        <v>11</v>
      </c>
      <c r="B16" s="22">
        <v>124</v>
      </c>
      <c r="C16" s="14">
        <v>116</v>
      </c>
      <c r="D16" s="18">
        <v>240</v>
      </c>
    </row>
    <row r="17" spans="1:4" ht="18" customHeight="1" x14ac:dyDescent="0.15">
      <c r="A17" s="5">
        <v>10</v>
      </c>
      <c r="B17" s="22">
        <v>30</v>
      </c>
      <c r="C17" s="14">
        <v>27</v>
      </c>
      <c r="D17" s="18">
        <v>57</v>
      </c>
    </row>
    <row r="18" spans="1:4" ht="18" customHeight="1" x14ac:dyDescent="0.15">
      <c r="A18" s="5">
        <v>11</v>
      </c>
      <c r="B18" s="22">
        <v>21</v>
      </c>
      <c r="C18" s="14">
        <v>29</v>
      </c>
      <c r="D18" s="18">
        <v>50</v>
      </c>
    </row>
    <row r="19" spans="1:4" ht="18" customHeight="1" x14ac:dyDescent="0.15">
      <c r="A19" s="5">
        <v>12</v>
      </c>
      <c r="B19" s="22">
        <v>32</v>
      </c>
      <c r="C19" s="14">
        <v>28</v>
      </c>
      <c r="D19" s="18">
        <v>60</v>
      </c>
    </row>
    <row r="20" spans="1:4" ht="18" customHeight="1" x14ac:dyDescent="0.15">
      <c r="A20" s="5">
        <v>13</v>
      </c>
      <c r="B20" s="22">
        <v>25</v>
      </c>
      <c r="C20" s="14">
        <v>25</v>
      </c>
      <c r="D20" s="18">
        <v>50</v>
      </c>
    </row>
    <row r="21" spans="1:4" ht="18" customHeight="1" x14ac:dyDescent="0.15">
      <c r="A21" s="5">
        <v>14</v>
      </c>
      <c r="B21" s="22">
        <v>27</v>
      </c>
      <c r="C21" s="14">
        <v>34</v>
      </c>
      <c r="D21" s="18">
        <v>61</v>
      </c>
    </row>
    <row r="22" spans="1:4" ht="18" customHeight="1" x14ac:dyDescent="0.15">
      <c r="A22" s="5" t="s">
        <v>12</v>
      </c>
      <c r="B22" s="22">
        <v>135</v>
      </c>
      <c r="C22" s="14">
        <v>143</v>
      </c>
      <c r="D22" s="18">
        <v>278</v>
      </c>
    </row>
    <row r="23" spans="1:4" ht="18" customHeight="1" x14ac:dyDescent="0.15">
      <c r="A23" s="5" t="s">
        <v>6</v>
      </c>
      <c r="B23" s="22">
        <v>355</v>
      </c>
      <c r="C23" s="14">
        <v>345</v>
      </c>
      <c r="D23" s="18">
        <v>700</v>
      </c>
    </row>
    <row r="24" spans="1:4" ht="18" customHeight="1" x14ac:dyDescent="0.15">
      <c r="A24" s="5">
        <v>15</v>
      </c>
      <c r="B24" s="22">
        <v>35</v>
      </c>
      <c r="C24" s="14">
        <v>24</v>
      </c>
      <c r="D24" s="18">
        <v>59</v>
      </c>
    </row>
    <row r="25" spans="1:4" ht="18" customHeight="1" x14ac:dyDescent="0.15">
      <c r="A25" s="5">
        <v>16</v>
      </c>
      <c r="B25" s="22">
        <v>28</v>
      </c>
      <c r="C25" s="14">
        <v>14</v>
      </c>
      <c r="D25" s="18">
        <v>42</v>
      </c>
    </row>
    <row r="26" spans="1:4" ht="18" customHeight="1" x14ac:dyDescent="0.15">
      <c r="A26" s="5">
        <v>17</v>
      </c>
      <c r="B26" s="22">
        <v>33</v>
      </c>
      <c r="C26" s="14">
        <v>34</v>
      </c>
      <c r="D26" s="18">
        <v>67</v>
      </c>
    </row>
    <row r="27" spans="1:4" ht="18" customHeight="1" x14ac:dyDescent="0.15">
      <c r="A27" s="5">
        <v>18</v>
      </c>
      <c r="B27" s="22">
        <v>21</v>
      </c>
      <c r="C27" s="14">
        <v>45</v>
      </c>
      <c r="D27" s="18">
        <v>66</v>
      </c>
    </row>
    <row r="28" spans="1:4" ht="18" customHeight="1" x14ac:dyDescent="0.15">
      <c r="A28" s="5">
        <v>19</v>
      </c>
      <c r="B28" s="22">
        <v>29</v>
      </c>
      <c r="C28" s="14">
        <v>21</v>
      </c>
      <c r="D28" s="18">
        <v>50</v>
      </c>
    </row>
    <row r="29" spans="1:4" ht="18" customHeight="1" x14ac:dyDescent="0.15">
      <c r="A29" s="5" t="s">
        <v>14</v>
      </c>
      <c r="B29" s="22">
        <v>146</v>
      </c>
      <c r="C29" s="14">
        <v>138</v>
      </c>
      <c r="D29" s="18">
        <v>284</v>
      </c>
    </row>
    <row r="30" spans="1:4" ht="18" customHeight="1" x14ac:dyDescent="0.15">
      <c r="A30" s="5">
        <v>20</v>
      </c>
      <c r="B30" s="22">
        <v>15</v>
      </c>
      <c r="C30" s="14">
        <v>26</v>
      </c>
      <c r="D30" s="18">
        <v>41</v>
      </c>
    </row>
    <row r="31" spans="1:4" ht="18" customHeight="1" x14ac:dyDescent="0.15">
      <c r="A31" s="5">
        <v>21</v>
      </c>
      <c r="B31" s="22">
        <v>17</v>
      </c>
      <c r="C31" s="14">
        <v>22</v>
      </c>
      <c r="D31" s="18">
        <v>39</v>
      </c>
    </row>
    <row r="32" spans="1:4" ht="18" customHeight="1" x14ac:dyDescent="0.15">
      <c r="A32" s="5">
        <v>22</v>
      </c>
      <c r="B32" s="22">
        <v>28</v>
      </c>
      <c r="C32" s="14">
        <v>22</v>
      </c>
      <c r="D32" s="18">
        <v>50</v>
      </c>
    </row>
    <row r="33" spans="1:4" ht="18" customHeight="1" x14ac:dyDescent="0.15">
      <c r="A33" s="5">
        <v>23</v>
      </c>
      <c r="B33" s="22">
        <v>30</v>
      </c>
      <c r="C33" s="14">
        <v>19</v>
      </c>
      <c r="D33" s="18">
        <v>49</v>
      </c>
    </row>
    <row r="34" spans="1:4" ht="18" customHeight="1" x14ac:dyDescent="0.15">
      <c r="A34" s="5">
        <v>24</v>
      </c>
      <c r="B34" s="22">
        <v>20</v>
      </c>
      <c r="C34" s="14">
        <v>21</v>
      </c>
      <c r="D34" s="18">
        <v>41</v>
      </c>
    </row>
    <row r="35" spans="1:4" ht="18" customHeight="1" x14ac:dyDescent="0.15">
      <c r="A35" s="5" t="s">
        <v>9</v>
      </c>
      <c r="B35" s="22">
        <v>110</v>
      </c>
      <c r="C35" s="14">
        <v>110</v>
      </c>
      <c r="D35" s="18">
        <v>220</v>
      </c>
    </row>
    <row r="36" spans="1:4" ht="18" customHeight="1" x14ac:dyDescent="0.15">
      <c r="A36" s="5">
        <v>25</v>
      </c>
      <c r="B36" s="22">
        <v>26</v>
      </c>
      <c r="C36" s="14">
        <v>21</v>
      </c>
      <c r="D36" s="18">
        <v>47</v>
      </c>
    </row>
    <row r="37" spans="1:4" ht="18" customHeight="1" x14ac:dyDescent="0.15">
      <c r="A37" s="5">
        <v>26</v>
      </c>
      <c r="B37" s="22">
        <v>29</v>
      </c>
      <c r="C37" s="14">
        <v>26</v>
      </c>
      <c r="D37" s="18">
        <v>55</v>
      </c>
    </row>
    <row r="38" spans="1:4" ht="18" customHeight="1" x14ac:dyDescent="0.15">
      <c r="A38" s="5">
        <v>27</v>
      </c>
      <c r="B38" s="22">
        <v>22</v>
      </c>
      <c r="C38" s="14">
        <v>29</v>
      </c>
      <c r="D38" s="18">
        <v>51</v>
      </c>
    </row>
    <row r="39" spans="1:4" ht="18" customHeight="1" x14ac:dyDescent="0.15">
      <c r="A39" s="5">
        <v>28</v>
      </c>
      <c r="B39" s="22">
        <v>34</v>
      </c>
      <c r="C39" s="14">
        <v>25</v>
      </c>
      <c r="D39" s="18">
        <v>59</v>
      </c>
    </row>
    <row r="40" spans="1:4" ht="18" customHeight="1" x14ac:dyDescent="0.15">
      <c r="A40" s="5">
        <v>29</v>
      </c>
      <c r="B40" s="22">
        <v>40</v>
      </c>
      <c r="C40" s="14">
        <v>39</v>
      </c>
      <c r="D40" s="18">
        <v>79</v>
      </c>
    </row>
    <row r="41" spans="1:4" ht="18" customHeight="1" x14ac:dyDescent="0.15">
      <c r="A41" s="5" t="s">
        <v>2</v>
      </c>
      <c r="B41" s="22">
        <v>151</v>
      </c>
      <c r="C41" s="14">
        <v>140</v>
      </c>
      <c r="D41" s="18">
        <v>291</v>
      </c>
    </row>
    <row r="42" spans="1:4" ht="18" customHeight="1" x14ac:dyDescent="0.15">
      <c r="A42" s="5">
        <v>30</v>
      </c>
      <c r="B42" s="22">
        <v>28</v>
      </c>
      <c r="C42" s="14">
        <v>25</v>
      </c>
      <c r="D42" s="18">
        <v>53</v>
      </c>
    </row>
    <row r="43" spans="1:4" ht="18" customHeight="1" x14ac:dyDescent="0.15">
      <c r="A43" s="5">
        <v>31</v>
      </c>
      <c r="B43" s="22">
        <v>23</v>
      </c>
      <c r="C43" s="14">
        <v>30</v>
      </c>
      <c r="D43" s="18">
        <v>53</v>
      </c>
    </row>
    <row r="44" spans="1:4" ht="18" customHeight="1" x14ac:dyDescent="0.15">
      <c r="A44" s="5">
        <v>32</v>
      </c>
      <c r="B44" s="22">
        <v>35</v>
      </c>
      <c r="C44" s="14">
        <v>19</v>
      </c>
      <c r="D44" s="18">
        <v>54</v>
      </c>
    </row>
    <row r="45" spans="1:4" ht="18" customHeight="1" x14ac:dyDescent="0.15">
      <c r="A45" s="5">
        <v>33</v>
      </c>
      <c r="B45" s="22">
        <v>29</v>
      </c>
      <c r="C45" s="14">
        <v>26</v>
      </c>
      <c r="D45" s="18">
        <v>55</v>
      </c>
    </row>
    <row r="46" spans="1:4" ht="18" customHeight="1" x14ac:dyDescent="0.15">
      <c r="A46" s="5">
        <v>34</v>
      </c>
      <c r="B46" s="22">
        <v>42</v>
      </c>
      <c r="C46" s="14">
        <v>35</v>
      </c>
      <c r="D46" s="18">
        <v>77</v>
      </c>
    </row>
    <row r="47" spans="1:4" ht="18" customHeight="1" x14ac:dyDescent="0.15">
      <c r="A47" s="5" t="s">
        <v>15</v>
      </c>
      <c r="B47" s="22">
        <v>157</v>
      </c>
      <c r="C47" s="14">
        <v>135</v>
      </c>
      <c r="D47" s="18">
        <v>292</v>
      </c>
    </row>
    <row r="48" spans="1:4" ht="18" customHeight="1" x14ac:dyDescent="0.15">
      <c r="A48" s="5">
        <v>35</v>
      </c>
      <c r="B48" s="22">
        <v>32</v>
      </c>
      <c r="C48" s="14">
        <v>31</v>
      </c>
      <c r="D48" s="18">
        <v>63</v>
      </c>
    </row>
    <row r="49" spans="1:4" ht="18" customHeight="1" x14ac:dyDescent="0.15">
      <c r="A49" s="5">
        <v>36</v>
      </c>
      <c r="B49" s="22">
        <v>32</v>
      </c>
      <c r="C49" s="14">
        <v>29</v>
      </c>
      <c r="D49" s="18">
        <v>61</v>
      </c>
    </row>
    <row r="50" spans="1:4" ht="18" customHeight="1" x14ac:dyDescent="0.15">
      <c r="A50" s="5">
        <v>37</v>
      </c>
      <c r="B50" s="22">
        <v>31</v>
      </c>
      <c r="C50" s="14">
        <v>32</v>
      </c>
      <c r="D50" s="18">
        <v>63</v>
      </c>
    </row>
    <row r="51" spans="1:4" ht="18" customHeight="1" x14ac:dyDescent="0.15">
      <c r="A51" s="5">
        <v>38</v>
      </c>
      <c r="B51" s="22">
        <v>38</v>
      </c>
      <c r="C51" s="14">
        <v>36</v>
      </c>
      <c r="D51" s="18">
        <v>74</v>
      </c>
    </row>
    <row r="52" spans="1:4" ht="18" customHeight="1" x14ac:dyDescent="0.15">
      <c r="A52" s="5">
        <v>39</v>
      </c>
      <c r="B52" s="22">
        <v>41</v>
      </c>
      <c r="C52" s="14">
        <v>43</v>
      </c>
      <c r="D52" s="18">
        <v>84</v>
      </c>
    </row>
    <row r="53" spans="1:4" ht="18" customHeight="1" x14ac:dyDescent="0.15">
      <c r="A53" s="5" t="s">
        <v>18</v>
      </c>
      <c r="B53" s="22">
        <v>174</v>
      </c>
      <c r="C53" s="14">
        <v>171</v>
      </c>
      <c r="D53" s="18">
        <v>345</v>
      </c>
    </row>
    <row r="54" spans="1:4" ht="18" customHeight="1" x14ac:dyDescent="0.15">
      <c r="A54" s="5">
        <v>40</v>
      </c>
      <c r="B54" s="22">
        <v>41</v>
      </c>
      <c r="C54" s="14">
        <v>35</v>
      </c>
      <c r="D54" s="18">
        <v>76</v>
      </c>
    </row>
    <row r="55" spans="1:4" ht="18" customHeight="1" x14ac:dyDescent="0.15">
      <c r="A55" s="5">
        <v>41</v>
      </c>
      <c r="B55" s="22">
        <v>41</v>
      </c>
      <c r="C55" s="14">
        <v>41</v>
      </c>
      <c r="D55" s="18">
        <v>82</v>
      </c>
    </row>
    <row r="56" spans="1:4" ht="18" customHeight="1" x14ac:dyDescent="0.15">
      <c r="A56" s="5">
        <v>42</v>
      </c>
      <c r="B56" s="22">
        <v>48</v>
      </c>
      <c r="C56" s="14">
        <v>34</v>
      </c>
      <c r="D56" s="18">
        <v>82</v>
      </c>
    </row>
    <row r="57" spans="1:4" ht="18" customHeight="1" x14ac:dyDescent="0.15">
      <c r="A57" s="5">
        <v>43</v>
      </c>
      <c r="B57" s="22">
        <v>23</v>
      </c>
      <c r="C57" s="14">
        <v>20</v>
      </c>
      <c r="D57" s="18">
        <v>43</v>
      </c>
    </row>
    <row r="58" spans="1:4" ht="18" customHeight="1" x14ac:dyDescent="0.15">
      <c r="A58" s="5">
        <v>44</v>
      </c>
      <c r="B58" s="22">
        <v>42</v>
      </c>
      <c r="C58" s="14">
        <v>44</v>
      </c>
      <c r="D58" s="18">
        <v>86</v>
      </c>
    </row>
    <row r="59" spans="1:4" ht="18" customHeight="1" x14ac:dyDescent="0.15">
      <c r="A59" s="5" t="s">
        <v>21</v>
      </c>
      <c r="B59" s="22">
        <v>195</v>
      </c>
      <c r="C59" s="14">
        <v>174</v>
      </c>
      <c r="D59" s="18">
        <v>369</v>
      </c>
    </row>
    <row r="60" spans="1:4" ht="18" customHeight="1" x14ac:dyDescent="0.15">
      <c r="A60" s="5">
        <v>45</v>
      </c>
      <c r="B60" s="22">
        <v>42</v>
      </c>
      <c r="C60" s="14">
        <v>35</v>
      </c>
      <c r="D60" s="18">
        <v>77</v>
      </c>
    </row>
    <row r="61" spans="1:4" ht="18" customHeight="1" x14ac:dyDescent="0.15">
      <c r="A61" s="5">
        <v>46</v>
      </c>
      <c r="B61" s="22">
        <v>40</v>
      </c>
      <c r="C61" s="14">
        <v>36</v>
      </c>
      <c r="D61" s="18">
        <v>76</v>
      </c>
    </row>
    <row r="62" spans="1:4" ht="18" customHeight="1" x14ac:dyDescent="0.15">
      <c r="A62" s="5">
        <v>47</v>
      </c>
      <c r="B62" s="22">
        <v>42</v>
      </c>
      <c r="C62" s="14">
        <v>41</v>
      </c>
      <c r="D62" s="18">
        <v>83</v>
      </c>
    </row>
    <row r="63" spans="1:4" ht="18" customHeight="1" x14ac:dyDescent="0.15">
      <c r="A63" s="5">
        <v>48</v>
      </c>
      <c r="B63" s="22">
        <v>46</v>
      </c>
      <c r="C63" s="14">
        <v>42</v>
      </c>
      <c r="D63" s="18">
        <v>88</v>
      </c>
    </row>
    <row r="64" spans="1:4" ht="18" customHeight="1" x14ac:dyDescent="0.15">
      <c r="A64" s="5">
        <v>49</v>
      </c>
      <c r="B64" s="22">
        <v>45</v>
      </c>
      <c r="C64" s="14">
        <v>47</v>
      </c>
      <c r="D64" s="18">
        <v>92</v>
      </c>
    </row>
    <row r="65" spans="1:4" ht="18" customHeight="1" x14ac:dyDescent="0.15">
      <c r="A65" s="5" t="s">
        <v>17</v>
      </c>
      <c r="B65" s="22">
        <v>215</v>
      </c>
      <c r="C65" s="14">
        <v>201</v>
      </c>
      <c r="D65" s="18">
        <v>416</v>
      </c>
    </row>
    <row r="66" spans="1:4" ht="18" customHeight="1" x14ac:dyDescent="0.15">
      <c r="A66" s="5">
        <v>50</v>
      </c>
      <c r="B66" s="22">
        <v>39</v>
      </c>
      <c r="C66" s="14">
        <v>46</v>
      </c>
      <c r="D66" s="18">
        <v>85</v>
      </c>
    </row>
    <row r="67" spans="1:4" ht="18" customHeight="1" x14ac:dyDescent="0.15">
      <c r="A67" s="5">
        <v>51</v>
      </c>
      <c r="B67" s="22">
        <v>55</v>
      </c>
      <c r="C67" s="14">
        <v>60</v>
      </c>
      <c r="D67" s="18">
        <v>115</v>
      </c>
    </row>
    <row r="68" spans="1:4" ht="18" customHeight="1" x14ac:dyDescent="0.15">
      <c r="A68" s="5">
        <v>52</v>
      </c>
      <c r="B68" s="22">
        <v>71</v>
      </c>
      <c r="C68" s="14">
        <v>76</v>
      </c>
      <c r="D68" s="18">
        <v>147</v>
      </c>
    </row>
    <row r="69" spans="1:4" ht="18" customHeight="1" x14ac:dyDescent="0.15">
      <c r="A69" s="5">
        <v>53</v>
      </c>
      <c r="B69" s="22">
        <v>55</v>
      </c>
      <c r="C69" s="14">
        <v>62</v>
      </c>
      <c r="D69" s="18">
        <v>117</v>
      </c>
    </row>
    <row r="70" spans="1:4" ht="18" customHeight="1" x14ac:dyDescent="0.15">
      <c r="A70" s="5">
        <v>54</v>
      </c>
      <c r="B70" s="22">
        <v>51</v>
      </c>
      <c r="C70" s="14">
        <v>62</v>
      </c>
      <c r="D70" s="18">
        <v>113</v>
      </c>
    </row>
    <row r="71" spans="1:4" ht="18" customHeight="1" x14ac:dyDescent="0.15">
      <c r="A71" s="5" t="s">
        <v>22</v>
      </c>
      <c r="B71" s="22">
        <v>271</v>
      </c>
      <c r="C71" s="14">
        <v>306</v>
      </c>
      <c r="D71" s="18">
        <v>577</v>
      </c>
    </row>
    <row r="72" spans="1:4" ht="18" customHeight="1" x14ac:dyDescent="0.15">
      <c r="A72" s="5">
        <v>55</v>
      </c>
      <c r="B72" s="22">
        <v>59</v>
      </c>
      <c r="C72" s="14">
        <v>48</v>
      </c>
      <c r="D72" s="18">
        <v>107</v>
      </c>
    </row>
    <row r="73" spans="1:4" ht="18" customHeight="1" x14ac:dyDescent="0.15">
      <c r="A73" s="5">
        <v>56</v>
      </c>
      <c r="B73" s="22">
        <v>64</v>
      </c>
      <c r="C73" s="14">
        <v>36</v>
      </c>
      <c r="D73" s="18">
        <v>100</v>
      </c>
    </row>
    <row r="74" spans="1:4" ht="18" customHeight="1" x14ac:dyDescent="0.15">
      <c r="A74" s="5">
        <v>57</v>
      </c>
      <c r="B74" s="22">
        <v>56</v>
      </c>
      <c r="C74" s="14">
        <v>47</v>
      </c>
      <c r="D74" s="18">
        <v>103</v>
      </c>
    </row>
    <row r="75" spans="1:4" ht="18" customHeight="1" x14ac:dyDescent="0.15">
      <c r="A75" s="5">
        <v>58</v>
      </c>
      <c r="B75" s="22">
        <v>56</v>
      </c>
      <c r="C75" s="14">
        <v>45</v>
      </c>
      <c r="D75" s="18">
        <v>101</v>
      </c>
    </row>
    <row r="76" spans="1:4" ht="18" customHeight="1" x14ac:dyDescent="0.15">
      <c r="A76" s="5">
        <v>59</v>
      </c>
      <c r="B76" s="22">
        <v>33</v>
      </c>
      <c r="C76" s="14">
        <v>36</v>
      </c>
      <c r="D76" s="18">
        <v>69</v>
      </c>
    </row>
    <row r="77" spans="1:4" ht="18" customHeight="1" x14ac:dyDescent="0.15">
      <c r="A77" s="5" t="s">
        <v>27</v>
      </c>
      <c r="B77" s="22">
        <v>268</v>
      </c>
      <c r="C77" s="14">
        <v>212</v>
      </c>
      <c r="D77" s="18">
        <v>480</v>
      </c>
    </row>
    <row r="78" spans="1:4" ht="18" customHeight="1" x14ac:dyDescent="0.15">
      <c r="A78" s="5">
        <v>60</v>
      </c>
      <c r="B78" s="22">
        <v>21</v>
      </c>
      <c r="C78" s="14">
        <v>42</v>
      </c>
      <c r="D78" s="18">
        <v>63</v>
      </c>
    </row>
    <row r="79" spans="1:4" ht="18" customHeight="1" x14ac:dyDescent="0.15">
      <c r="A79" s="5">
        <v>61</v>
      </c>
      <c r="B79" s="22">
        <v>47</v>
      </c>
      <c r="C79" s="14">
        <v>44</v>
      </c>
      <c r="D79" s="18">
        <v>91</v>
      </c>
    </row>
    <row r="80" spans="1:4" ht="18" customHeight="1" x14ac:dyDescent="0.15">
      <c r="A80" s="5">
        <v>62</v>
      </c>
      <c r="B80" s="22">
        <v>25</v>
      </c>
      <c r="C80" s="14">
        <v>31</v>
      </c>
      <c r="D80" s="18">
        <v>56</v>
      </c>
    </row>
    <row r="81" spans="1:4" ht="18" customHeight="1" x14ac:dyDescent="0.15">
      <c r="A81" s="5">
        <v>63</v>
      </c>
      <c r="B81" s="22">
        <v>46</v>
      </c>
      <c r="C81" s="14">
        <v>36</v>
      </c>
      <c r="D81" s="18">
        <v>82</v>
      </c>
    </row>
    <row r="82" spans="1:4" ht="18" customHeight="1" x14ac:dyDescent="0.15">
      <c r="A82" s="5">
        <v>64</v>
      </c>
      <c r="B82" s="22">
        <v>43</v>
      </c>
      <c r="C82" s="14">
        <v>41</v>
      </c>
      <c r="D82" s="18">
        <v>84</v>
      </c>
    </row>
    <row r="83" spans="1:4" ht="18" customHeight="1" x14ac:dyDescent="0.15">
      <c r="A83" s="5" t="s">
        <v>28</v>
      </c>
      <c r="B83" s="22">
        <v>182</v>
      </c>
      <c r="C83" s="14">
        <v>194</v>
      </c>
      <c r="D83" s="18">
        <v>376</v>
      </c>
    </row>
    <row r="84" spans="1:4" ht="18" customHeight="1" x14ac:dyDescent="0.15">
      <c r="A84" s="5" t="s">
        <v>31</v>
      </c>
      <c r="B84" s="22">
        <v>1869</v>
      </c>
      <c r="C84" s="14">
        <v>1781</v>
      </c>
      <c r="D84" s="18">
        <v>3650</v>
      </c>
    </row>
    <row r="85" spans="1:4" ht="18" customHeight="1" x14ac:dyDescent="0.15">
      <c r="A85" s="5">
        <v>65</v>
      </c>
      <c r="B85" s="22">
        <v>38</v>
      </c>
      <c r="C85" s="14">
        <v>38</v>
      </c>
      <c r="D85" s="18">
        <v>76</v>
      </c>
    </row>
    <row r="86" spans="1:4" ht="18" customHeight="1" x14ac:dyDescent="0.15">
      <c r="A86" s="5">
        <v>66</v>
      </c>
      <c r="B86" s="22">
        <v>32</v>
      </c>
      <c r="C86" s="14">
        <v>39</v>
      </c>
      <c r="D86" s="18">
        <v>71</v>
      </c>
    </row>
    <row r="87" spans="1:4" ht="18" customHeight="1" x14ac:dyDescent="0.15">
      <c r="A87" s="5">
        <v>67</v>
      </c>
      <c r="B87" s="22">
        <v>39</v>
      </c>
      <c r="C87" s="14">
        <v>39</v>
      </c>
      <c r="D87" s="18">
        <v>78</v>
      </c>
    </row>
    <row r="88" spans="1:4" ht="18" customHeight="1" x14ac:dyDescent="0.15">
      <c r="A88" s="5">
        <v>68</v>
      </c>
      <c r="B88" s="22">
        <v>34</v>
      </c>
      <c r="C88" s="14">
        <v>36</v>
      </c>
      <c r="D88" s="18">
        <v>70</v>
      </c>
    </row>
    <row r="89" spans="1:4" ht="18" customHeight="1" x14ac:dyDescent="0.15">
      <c r="A89" s="5">
        <v>69</v>
      </c>
      <c r="B89" s="22">
        <v>33</v>
      </c>
      <c r="C89" s="14">
        <v>29</v>
      </c>
      <c r="D89" s="18">
        <v>62</v>
      </c>
    </row>
    <row r="90" spans="1:4" ht="18" customHeight="1" x14ac:dyDescent="0.15">
      <c r="A90" s="5" t="s">
        <v>20</v>
      </c>
      <c r="B90" s="22">
        <v>176</v>
      </c>
      <c r="C90" s="14">
        <v>181</v>
      </c>
      <c r="D90" s="18">
        <v>357</v>
      </c>
    </row>
    <row r="91" spans="1:4" ht="18" customHeight="1" x14ac:dyDescent="0.15">
      <c r="A91" s="5">
        <v>70</v>
      </c>
      <c r="B91" s="22">
        <v>36</v>
      </c>
      <c r="C91" s="14">
        <v>34</v>
      </c>
      <c r="D91" s="18">
        <v>70</v>
      </c>
    </row>
    <row r="92" spans="1:4" ht="18" customHeight="1" x14ac:dyDescent="0.15">
      <c r="A92" s="5">
        <v>71</v>
      </c>
      <c r="B92" s="22">
        <v>21</v>
      </c>
      <c r="C92" s="14">
        <v>36</v>
      </c>
      <c r="D92" s="18">
        <v>57</v>
      </c>
    </row>
    <row r="93" spans="1:4" ht="18" customHeight="1" x14ac:dyDescent="0.15">
      <c r="A93" s="5">
        <v>72</v>
      </c>
      <c r="B93" s="22">
        <v>46</v>
      </c>
      <c r="C93" s="14">
        <v>42</v>
      </c>
      <c r="D93" s="18">
        <v>88</v>
      </c>
    </row>
    <row r="94" spans="1:4" ht="18" customHeight="1" x14ac:dyDescent="0.15">
      <c r="A94" s="5">
        <v>73</v>
      </c>
      <c r="B94" s="22">
        <v>33</v>
      </c>
      <c r="C94" s="14">
        <v>36</v>
      </c>
      <c r="D94" s="18">
        <v>69</v>
      </c>
    </row>
    <row r="95" spans="1:4" ht="18" customHeight="1" x14ac:dyDescent="0.15">
      <c r="A95" s="5">
        <v>74</v>
      </c>
      <c r="B95" s="22">
        <v>29</v>
      </c>
      <c r="C95" s="14">
        <v>42</v>
      </c>
      <c r="D95" s="18">
        <v>71</v>
      </c>
    </row>
    <row r="96" spans="1:4" ht="18" customHeight="1" x14ac:dyDescent="0.15">
      <c r="A96" s="5" t="s">
        <v>33</v>
      </c>
      <c r="B96" s="22">
        <v>165</v>
      </c>
      <c r="C96" s="14">
        <v>190</v>
      </c>
      <c r="D96" s="18">
        <v>355</v>
      </c>
    </row>
    <row r="97" spans="1:4" ht="18" customHeight="1" x14ac:dyDescent="0.15">
      <c r="A97" s="5">
        <v>75</v>
      </c>
      <c r="B97" s="22">
        <v>43</v>
      </c>
      <c r="C97" s="14">
        <v>46</v>
      </c>
      <c r="D97" s="18">
        <v>89</v>
      </c>
    </row>
    <row r="98" spans="1:4" ht="18" customHeight="1" x14ac:dyDescent="0.15">
      <c r="A98" s="5">
        <v>76</v>
      </c>
      <c r="B98" s="22">
        <v>33</v>
      </c>
      <c r="C98" s="14">
        <v>45</v>
      </c>
      <c r="D98" s="18">
        <v>78</v>
      </c>
    </row>
    <row r="99" spans="1:4" ht="18" customHeight="1" x14ac:dyDescent="0.15">
      <c r="A99" s="5">
        <v>77</v>
      </c>
      <c r="B99" s="22">
        <v>38</v>
      </c>
      <c r="C99" s="14">
        <v>51</v>
      </c>
      <c r="D99" s="18">
        <v>89</v>
      </c>
    </row>
    <row r="100" spans="1:4" ht="18" customHeight="1" x14ac:dyDescent="0.15">
      <c r="A100" s="5">
        <v>78</v>
      </c>
      <c r="B100" s="22">
        <v>51</v>
      </c>
      <c r="C100" s="14">
        <v>58</v>
      </c>
      <c r="D100" s="18">
        <v>109</v>
      </c>
    </row>
    <row r="101" spans="1:4" ht="18" customHeight="1" x14ac:dyDescent="0.15">
      <c r="A101" s="5">
        <v>79</v>
      </c>
      <c r="B101" s="22">
        <v>26</v>
      </c>
      <c r="C101" s="14">
        <v>51</v>
      </c>
      <c r="D101" s="18">
        <v>77</v>
      </c>
    </row>
    <row r="102" spans="1:4" ht="18" customHeight="1" x14ac:dyDescent="0.15">
      <c r="A102" s="5" t="s">
        <v>0</v>
      </c>
      <c r="B102" s="22">
        <v>191</v>
      </c>
      <c r="C102" s="14">
        <v>251</v>
      </c>
      <c r="D102" s="18">
        <v>442</v>
      </c>
    </row>
    <row r="103" spans="1:4" ht="18" customHeight="1" x14ac:dyDescent="0.15">
      <c r="A103" s="5">
        <v>80</v>
      </c>
      <c r="B103" s="22">
        <v>21</v>
      </c>
      <c r="C103" s="14">
        <v>30</v>
      </c>
      <c r="D103" s="18">
        <v>51</v>
      </c>
    </row>
    <row r="104" spans="1:4" ht="18" customHeight="1" x14ac:dyDescent="0.15">
      <c r="A104" s="5">
        <v>81</v>
      </c>
      <c r="B104" s="22">
        <v>29</v>
      </c>
      <c r="C104" s="14">
        <v>45</v>
      </c>
      <c r="D104" s="18">
        <v>74</v>
      </c>
    </row>
    <row r="105" spans="1:4" ht="18" customHeight="1" x14ac:dyDescent="0.15">
      <c r="A105" s="5">
        <v>82</v>
      </c>
      <c r="B105" s="22">
        <v>29</v>
      </c>
      <c r="C105" s="14">
        <v>46</v>
      </c>
      <c r="D105" s="18">
        <v>75</v>
      </c>
    </row>
    <row r="106" spans="1:4" ht="18" customHeight="1" x14ac:dyDescent="0.15">
      <c r="A106" s="5">
        <v>83</v>
      </c>
      <c r="B106" s="22">
        <v>29</v>
      </c>
      <c r="C106" s="14">
        <v>36</v>
      </c>
      <c r="D106" s="18">
        <v>65</v>
      </c>
    </row>
    <row r="107" spans="1:4" ht="18" customHeight="1" x14ac:dyDescent="0.15">
      <c r="A107" s="5">
        <v>84</v>
      </c>
      <c r="B107" s="22">
        <v>28</v>
      </c>
      <c r="C107" s="14">
        <v>53</v>
      </c>
      <c r="D107" s="18">
        <v>81</v>
      </c>
    </row>
    <row r="108" spans="1:4" ht="18" customHeight="1" x14ac:dyDescent="0.15">
      <c r="A108" s="5" t="s">
        <v>35</v>
      </c>
      <c r="B108" s="22">
        <v>136</v>
      </c>
      <c r="C108" s="14">
        <v>210</v>
      </c>
      <c r="D108" s="18">
        <v>346</v>
      </c>
    </row>
    <row r="109" spans="1:4" ht="18" customHeight="1" x14ac:dyDescent="0.15">
      <c r="A109" s="5">
        <v>85</v>
      </c>
      <c r="B109" s="22">
        <v>23</v>
      </c>
      <c r="C109" s="14">
        <v>41</v>
      </c>
      <c r="D109" s="18">
        <v>64</v>
      </c>
    </row>
    <row r="110" spans="1:4" ht="18" customHeight="1" x14ac:dyDescent="0.15">
      <c r="A110" s="5">
        <v>86</v>
      </c>
      <c r="B110" s="22">
        <v>18</v>
      </c>
      <c r="C110" s="14">
        <v>26</v>
      </c>
      <c r="D110" s="18">
        <v>44</v>
      </c>
    </row>
    <row r="111" spans="1:4" ht="18" customHeight="1" x14ac:dyDescent="0.15">
      <c r="A111" s="5">
        <v>87</v>
      </c>
      <c r="B111" s="22">
        <v>16</v>
      </c>
      <c r="C111" s="14">
        <v>32</v>
      </c>
      <c r="D111" s="18">
        <v>48</v>
      </c>
    </row>
    <row r="112" spans="1:4" ht="18" customHeight="1" x14ac:dyDescent="0.15">
      <c r="A112" s="5">
        <v>88</v>
      </c>
      <c r="B112" s="22">
        <v>15</v>
      </c>
      <c r="C112" s="14">
        <v>43</v>
      </c>
      <c r="D112" s="18">
        <v>58</v>
      </c>
    </row>
    <row r="113" spans="1:4" ht="18" customHeight="1" x14ac:dyDescent="0.15">
      <c r="A113" s="5">
        <v>89</v>
      </c>
      <c r="B113" s="22">
        <v>6</v>
      </c>
      <c r="C113" s="14">
        <v>24</v>
      </c>
      <c r="D113" s="18">
        <v>30</v>
      </c>
    </row>
    <row r="114" spans="1:4" ht="18" customHeight="1" x14ac:dyDescent="0.15">
      <c r="A114" s="5" t="s">
        <v>37</v>
      </c>
      <c r="B114" s="22">
        <v>78</v>
      </c>
      <c r="C114" s="14">
        <v>166</v>
      </c>
      <c r="D114" s="18">
        <v>244</v>
      </c>
    </row>
    <row r="115" spans="1:4" ht="18" customHeight="1" x14ac:dyDescent="0.15">
      <c r="A115" s="5">
        <v>90</v>
      </c>
      <c r="B115" s="22">
        <v>5</v>
      </c>
      <c r="C115" s="14">
        <v>27</v>
      </c>
      <c r="D115" s="18">
        <v>32</v>
      </c>
    </row>
    <row r="116" spans="1:4" ht="18" customHeight="1" x14ac:dyDescent="0.15">
      <c r="A116" s="5">
        <v>91</v>
      </c>
      <c r="B116" s="22">
        <v>11</v>
      </c>
      <c r="C116" s="14">
        <v>19</v>
      </c>
      <c r="D116" s="18">
        <v>30</v>
      </c>
    </row>
    <row r="117" spans="1:4" ht="18" customHeight="1" x14ac:dyDescent="0.15">
      <c r="A117" s="5">
        <v>92</v>
      </c>
      <c r="B117" s="22">
        <v>5</v>
      </c>
      <c r="C117" s="14">
        <v>17</v>
      </c>
      <c r="D117" s="18">
        <v>22</v>
      </c>
    </row>
    <row r="118" spans="1:4" ht="18" customHeight="1" x14ac:dyDescent="0.15">
      <c r="A118" s="5">
        <v>93</v>
      </c>
      <c r="B118" s="22">
        <v>2</v>
      </c>
      <c r="C118" s="14">
        <v>24</v>
      </c>
      <c r="D118" s="18">
        <v>26</v>
      </c>
    </row>
    <row r="119" spans="1:4" ht="18" customHeight="1" x14ac:dyDescent="0.15">
      <c r="A119" s="5">
        <v>94</v>
      </c>
      <c r="B119" s="22">
        <v>0</v>
      </c>
      <c r="C119" s="14">
        <v>13</v>
      </c>
      <c r="D119" s="18">
        <v>13</v>
      </c>
    </row>
    <row r="120" spans="1:4" ht="18" customHeight="1" x14ac:dyDescent="0.15">
      <c r="A120" s="5" t="s">
        <v>39</v>
      </c>
      <c r="B120" s="22">
        <v>23</v>
      </c>
      <c r="C120" s="14">
        <v>100</v>
      </c>
      <c r="D120" s="18">
        <v>123</v>
      </c>
    </row>
    <row r="121" spans="1:4" ht="18" customHeight="1" x14ac:dyDescent="0.15">
      <c r="A121" s="5">
        <v>95</v>
      </c>
      <c r="B121" s="22">
        <v>1</v>
      </c>
      <c r="C121" s="14">
        <v>12</v>
      </c>
      <c r="D121" s="18">
        <v>13</v>
      </c>
    </row>
    <row r="122" spans="1:4" ht="18" customHeight="1" x14ac:dyDescent="0.15">
      <c r="A122" s="5">
        <v>96</v>
      </c>
      <c r="B122" s="22">
        <v>0</v>
      </c>
      <c r="C122" s="14">
        <v>8</v>
      </c>
      <c r="D122" s="18">
        <v>8</v>
      </c>
    </row>
    <row r="123" spans="1:4" ht="18" customHeight="1" x14ac:dyDescent="0.15">
      <c r="A123" s="5">
        <v>97</v>
      </c>
      <c r="B123" s="22">
        <v>4</v>
      </c>
      <c r="C123" s="14">
        <v>4</v>
      </c>
      <c r="D123" s="18">
        <v>8</v>
      </c>
    </row>
    <row r="124" spans="1:4" ht="18" customHeight="1" x14ac:dyDescent="0.15">
      <c r="A124" s="5">
        <v>98</v>
      </c>
      <c r="B124" s="22">
        <v>1</v>
      </c>
      <c r="C124" s="14">
        <v>6</v>
      </c>
      <c r="D124" s="18">
        <v>7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7</v>
      </c>
      <c r="C126" s="14">
        <v>32</v>
      </c>
      <c r="D126" s="18">
        <v>39</v>
      </c>
    </row>
    <row r="127" spans="1:4" ht="18" customHeight="1" x14ac:dyDescent="0.15">
      <c r="A127" s="5">
        <v>100</v>
      </c>
      <c r="B127" s="22">
        <v>1</v>
      </c>
      <c r="C127" s="14">
        <v>4</v>
      </c>
      <c r="D127" s="18">
        <v>5</v>
      </c>
    </row>
    <row r="128" spans="1:4" ht="18" customHeight="1" x14ac:dyDescent="0.15">
      <c r="A128" s="6" t="s">
        <v>43</v>
      </c>
      <c r="B128" s="22">
        <v>1</v>
      </c>
      <c r="C128" s="14">
        <v>5</v>
      </c>
      <c r="D128" s="18">
        <v>6</v>
      </c>
    </row>
    <row r="129" spans="1:4" ht="18" customHeight="1" x14ac:dyDescent="0.15">
      <c r="A129" s="5" t="s">
        <v>44</v>
      </c>
      <c r="B129" s="22">
        <v>2</v>
      </c>
      <c r="C129" s="14">
        <v>9</v>
      </c>
      <c r="D129" s="18">
        <v>11</v>
      </c>
    </row>
    <row r="130" spans="1:4" ht="18" customHeight="1" x14ac:dyDescent="0.15">
      <c r="A130" s="5" t="s">
        <v>46</v>
      </c>
      <c r="B130" s="22">
        <v>778</v>
      </c>
      <c r="C130" s="14">
        <v>1139</v>
      </c>
      <c r="D130" s="18">
        <v>1917</v>
      </c>
    </row>
    <row r="131" spans="1:4" ht="18" customHeight="1" x14ac:dyDescent="0.15">
      <c r="A131" s="7" t="s">
        <v>45</v>
      </c>
      <c r="B131" s="23">
        <v>3002</v>
      </c>
      <c r="C131" s="15">
        <v>3265</v>
      </c>
      <c r="D131" s="19">
        <v>626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2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1</v>
      </c>
      <c r="C5" s="13">
        <v>33</v>
      </c>
      <c r="D5" s="17">
        <v>64</v>
      </c>
    </row>
    <row r="6" spans="1:4" ht="18" customHeight="1" x14ac:dyDescent="0.15">
      <c r="A6" s="5">
        <v>1</v>
      </c>
      <c r="B6" s="22">
        <v>38</v>
      </c>
      <c r="C6" s="14">
        <v>25</v>
      </c>
      <c r="D6" s="18">
        <v>63</v>
      </c>
    </row>
    <row r="7" spans="1:4" ht="18" customHeight="1" x14ac:dyDescent="0.15">
      <c r="A7" s="5">
        <v>2</v>
      </c>
      <c r="B7" s="22">
        <v>34</v>
      </c>
      <c r="C7" s="14">
        <v>36</v>
      </c>
      <c r="D7" s="18">
        <v>70</v>
      </c>
    </row>
    <row r="8" spans="1:4" ht="18" customHeight="1" x14ac:dyDescent="0.15">
      <c r="A8" s="5">
        <v>3</v>
      </c>
      <c r="B8" s="22">
        <v>34</v>
      </c>
      <c r="C8" s="14">
        <v>41</v>
      </c>
      <c r="D8" s="18">
        <v>75</v>
      </c>
    </row>
    <row r="9" spans="1:4" ht="18" customHeight="1" x14ac:dyDescent="0.15">
      <c r="A9" s="5">
        <v>4</v>
      </c>
      <c r="B9" s="22">
        <v>28</v>
      </c>
      <c r="C9" s="14">
        <v>27</v>
      </c>
      <c r="D9" s="18">
        <v>55</v>
      </c>
    </row>
    <row r="10" spans="1:4" ht="18" customHeight="1" x14ac:dyDescent="0.15">
      <c r="A10" s="5" t="s">
        <v>7</v>
      </c>
      <c r="B10" s="22">
        <v>165</v>
      </c>
      <c r="C10" s="14">
        <v>162</v>
      </c>
      <c r="D10" s="18">
        <v>327</v>
      </c>
    </row>
    <row r="11" spans="1:4" ht="18" customHeight="1" x14ac:dyDescent="0.15">
      <c r="A11" s="5">
        <v>5</v>
      </c>
      <c r="B11" s="22">
        <v>64</v>
      </c>
      <c r="C11" s="14">
        <v>39</v>
      </c>
      <c r="D11" s="18">
        <v>103</v>
      </c>
    </row>
    <row r="12" spans="1:4" ht="18" customHeight="1" x14ac:dyDescent="0.15">
      <c r="A12" s="5">
        <v>6</v>
      </c>
      <c r="B12" s="22">
        <v>44</v>
      </c>
      <c r="C12" s="14">
        <v>38</v>
      </c>
      <c r="D12" s="18">
        <v>82</v>
      </c>
    </row>
    <row r="13" spans="1:4" ht="18" customHeight="1" x14ac:dyDescent="0.15">
      <c r="A13" s="5">
        <v>7</v>
      </c>
      <c r="B13" s="22">
        <v>51</v>
      </c>
      <c r="C13" s="14">
        <v>41</v>
      </c>
      <c r="D13" s="18">
        <v>92</v>
      </c>
    </row>
    <row r="14" spans="1:4" ht="18" customHeight="1" x14ac:dyDescent="0.15">
      <c r="A14" s="5">
        <v>8</v>
      </c>
      <c r="B14" s="22">
        <v>49</v>
      </c>
      <c r="C14" s="14">
        <v>40</v>
      </c>
      <c r="D14" s="18">
        <v>89</v>
      </c>
    </row>
    <row r="15" spans="1:4" ht="18" customHeight="1" x14ac:dyDescent="0.15">
      <c r="A15" s="5">
        <v>9</v>
      </c>
      <c r="B15" s="22">
        <v>50</v>
      </c>
      <c r="C15" s="14">
        <v>42</v>
      </c>
      <c r="D15" s="18">
        <v>92</v>
      </c>
    </row>
    <row r="16" spans="1:4" ht="18" customHeight="1" x14ac:dyDescent="0.15">
      <c r="A16" s="5" t="s">
        <v>11</v>
      </c>
      <c r="B16" s="22">
        <v>258</v>
      </c>
      <c r="C16" s="14">
        <v>200</v>
      </c>
      <c r="D16" s="18">
        <v>458</v>
      </c>
    </row>
    <row r="17" spans="1:4" ht="18" customHeight="1" x14ac:dyDescent="0.15">
      <c r="A17" s="5">
        <v>10</v>
      </c>
      <c r="B17" s="22">
        <v>47</v>
      </c>
      <c r="C17" s="14">
        <v>54</v>
      </c>
      <c r="D17" s="18">
        <v>101</v>
      </c>
    </row>
    <row r="18" spans="1:4" ht="18" customHeight="1" x14ac:dyDescent="0.15">
      <c r="A18" s="5">
        <v>11</v>
      </c>
      <c r="B18" s="22">
        <v>47</v>
      </c>
      <c r="C18" s="14">
        <v>44</v>
      </c>
      <c r="D18" s="18">
        <v>91</v>
      </c>
    </row>
    <row r="19" spans="1:4" ht="18" customHeight="1" x14ac:dyDescent="0.15">
      <c r="A19" s="5">
        <v>12</v>
      </c>
      <c r="B19" s="22">
        <v>63</v>
      </c>
      <c r="C19" s="14">
        <v>56</v>
      </c>
      <c r="D19" s="18">
        <v>119</v>
      </c>
    </row>
    <row r="20" spans="1:4" ht="18" customHeight="1" x14ac:dyDescent="0.15">
      <c r="A20" s="5">
        <v>13</v>
      </c>
      <c r="B20" s="22">
        <v>56</v>
      </c>
      <c r="C20" s="14">
        <v>45</v>
      </c>
      <c r="D20" s="18">
        <v>101</v>
      </c>
    </row>
    <row r="21" spans="1:4" ht="18" customHeight="1" x14ac:dyDescent="0.15">
      <c r="A21" s="5">
        <v>14</v>
      </c>
      <c r="B21" s="22">
        <v>44</v>
      </c>
      <c r="C21" s="14">
        <v>59</v>
      </c>
      <c r="D21" s="18">
        <v>103</v>
      </c>
    </row>
    <row r="22" spans="1:4" ht="18" customHeight="1" x14ac:dyDescent="0.15">
      <c r="A22" s="5" t="s">
        <v>12</v>
      </c>
      <c r="B22" s="22">
        <v>257</v>
      </c>
      <c r="C22" s="14">
        <v>258</v>
      </c>
      <c r="D22" s="18">
        <v>515</v>
      </c>
    </row>
    <row r="23" spans="1:4" ht="18" customHeight="1" x14ac:dyDescent="0.15">
      <c r="A23" s="5" t="s">
        <v>6</v>
      </c>
      <c r="B23" s="22">
        <v>680</v>
      </c>
      <c r="C23" s="14">
        <v>620</v>
      </c>
      <c r="D23" s="18">
        <v>1300</v>
      </c>
    </row>
    <row r="24" spans="1:4" ht="18" customHeight="1" x14ac:dyDescent="0.15">
      <c r="A24" s="5">
        <v>15</v>
      </c>
      <c r="B24" s="22">
        <v>67</v>
      </c>
      <c r="C24" s="14">
        <v>43</v>
      </c>
      <c r="D24" s="18">
        <v>110</v>
      </c>
    </row>
    <row r="25" spans="1:4" ht="18" customHeight="1" x14ac:dyDescent="0.15">
      <c r="A25" s="5">
        <v>16</v>
      </c>
      <c r="B25" s="22">
        <v>52</v>
      </c>
      <c r="C25" s="14">
        <v>42</v>
      </c>
      <c r="D25" s="18">
        <v>94</v>
      </c>
    </row>
    <row r="26" spans="1:4" ht="18" customHeight="1" x14ac:dyDescent="0.15">
      <c r="A26" s="5">
        <v>17</v>
      </c>
      <c r="B26" s="22">
        <v>39</v>
      </c>
      <c r="C26" s="14">
        <v>43</v>
      </c>
      <c r="D26" s="18">
        <v>82</v>
      </c>
    </row>
    <row r="27" spans="1:4" ht="18" customHeight="1" x14ac:dyDescent="0.15">
      <c r="A27" s="5">
        <v>18</v>
      </c>
      <c r="B27" s="22">
        <v>40</v>
      </c>
      <c r="C27" s="14">
        <v>62</v>
      </c>
      <c r="D27" s="18">
        <v>102</v>
      </c>
    </row>
    <row r="28" spans="1:4" ht="18" customHeight="1" x14ac:dyDescent="0.15">
      <c r="A28" s="5">
        <v>19</v>
      </c>
      <c r="B28" s="22">
        <v>52</v>
      </c>
      <c r="C28" s="14">
        <v>36</v>
      </c>
      <c r="D28" s="18">
        <v>88</v>
      </c>
    </row>
    <row r="29" spans="1:4" ht="18" customHeight="1" x14ac:dyDescent="0.15">
      <c r="A29" s="5" t="s">
        <v>14</v>
      </c>
      <c r="B29" s="22">
        <v>250</v>
      </c>
      <c r="C29" s="14">
        <v>226</v>
      </c>
      <c r="D29" s="18">
        <v>476</v>
      </c>
    </row>
    <row r="30" spans="1:4" ht="18" customHeight="1" x14ac:dyDescent="0.15">
      <c r="A30" s="5">
        <v>20</v>
      </c>
      <c r="B30" s="22">
        <v>46</v>
      </c>
      <c r="C30" s="14">
        <v>32</v>
      </c>
      <c r="D30" s="18">
        <v>78</v>
      </c>
    </row>
    <row r="31" spans="1:4" ht="18" customHeight="1" x14ac:dyDescent="0.15">
      <c r="A31" s="5">
        <v>21</v>
      </c>
      <c r="B31" s="22">
        <v>44</v>
      </c>
      <c r="C31" s="14">
        <v>49</v>
      </c>
      <c r="D31" s="18">
        <v>93</v>
      </c>
    </row>
    <row r="32" spans="1:4" ht="18" customHeight="1" x14ac:dyDescent="0.15">
      <c r="A32" s="5">
        <v>22</v>
      </c>
      <c r="B32" s="22">
        <v>48</v>
      </c>
      <c r="C32" s="14">
        <v>52</v>
      </c>
      <c r="D32" s="18">
        <v>100</v>
      </c>
    </row>
    <row r="33" spans="1:4" ht="18" customHeight="1" x14ac:dyDescent="0.15">
      <c r="A33" s="5">
        <v>23</v>
      </c>
      <c r="B33" s="22">
        <v>54</v>
      </c>
      <c r="C33" s="14">
        <v>52</v>
      </c>
      <c r="D33" s="18">
        <v>106</v>
      </c>
    </row>
    <row r="34" spans="1:4" ht="18" customHeight="1" x14ac:dyDescent="0.15">
      <c r="A34" s="5">
        <v>24</v>
      </c>
      <c r="B34" s="22">
        <v>74</v>
      </c>
      <c r="C34" s="14">
        <v>47</v>
      </c>
      <c r="D34" s="18">
        <v>121</v>
      </c>
    </row>
    <row r="35" spans="1:4" ht="18" customHeight="1" x14ac:dyDescent="0.15">
      <c r="A35" s="5" t="s">
        <v>9</v>
      </c>
      <c r="B35" s="22">
        <v>266</v>
      </c>
      <c r="C35" s="14">
        <v>232</v>
      </c>
      <c r="D35" s="18">
        <v>498</v>
      </c>
    </row>
    <row r="36" spans="1:4" ht="18" customHeight="1" x14ac:dyDescent="0.15">
      <c r="A36" s="5">
        <v>25</v>
      </c>
      <c r="B36" s="22">
        <v>58</v>
      </c>
      <c r="C36" s="14">
        <v>51</v>
      </c>
      <c r="D36" s="18">
        <v>109</v>
      </c>
    </row>
    <row r="37" spans="1:4" ht="18" customHeight="1" x14ac:dyDescent="0.15">
      <c r="A37" s="5">
        <v>26</v>
      </c>
      <c r="B37" s="22">
        <v>66</v>
      </c>
      <c r="C37" s="14">
        <v>52</v>
      </c>
      <c r="D37" s="18">
        <v>118</v>
      </c>
    </row>
    <row r="38" spans="1:4" ht="18" customHeight="1" x14ac:dyDescent="0.15">
      <c r="A38" s="5">
        <v>27</v>
      </c>
      <c r="B38" s="22">
        <v>57</v>
      </c>
      <c r="C38" s="14">
        <v>70</v>
      </c>
      <c r="D38" s="18">
        <v>127</v>
      </c>
    </row>
    <row r="39" spans="1:4" ht="18" customHeight="1" x14ac:dyDescent="0.15">
      <c r="A39" s="5">
        <v>28</v>
      </c>
      <c r="B39" s="22">
        <v>69</v>
      </c>
      <c r="C39" s="14">
        <v>63</v>
      </c>
      <c r="D39" s="18">
        <v>132</v>
      </c>
    </row>
    <row r="40" spans="1:4" ht="18" customHeight="1" x14ac:dyDescent="0.15">
      <c r="A40" s="5">
        <v>29</v>
      </c>
      <c r="B40" s="22">
        <v>59</v>
      </c>
      <c r="C40" s="14">
        <v>61</v>
      </c>
      <c r="D40" s="18">
        <v>120</v>
      </c>
    </row>
    <row r="41" spans="1:4" ht="18" customHeight="1" x14ac:dyDescent="0.15">
      <c r="A41" s="5" t="s">
        <v>2</v>
      </c>
      <c r="B41" s="22">
        <v>309</v>
      </c>
      <c r="C41" s="14">
        <v>297</v>
      </c>
      <c r="D41" s="18">
        <v>606</v>
      </c>
    </row>
    <row r="42" spans="1:4" ht="18" customHeight="1" x14ac:dyDescent="0.15">
      <c r="A42" s="5">
        <v>30</v>
      </c>
      <c r="B42" s="22">
        <v>55</v>
      </c>
      <c r="C42" s="14">
        <v>57</v>
      </c>
      <c r="D42" s="18">
        <v>112</v>
      </c>
    </row>
    <row r="43" spans="1:4" ht="18" customHeight="1" x14ac:dyDescent="0.15">
      <c r="A43" s="5">
        <v>31</v>
      </c>
      <c r="B43" s="22">
        <v>64</v>
      </c>
      <c r="C43" s="14">
        <v>63</v>
      </c>
      <c r="D43" s="18">
        <v>127</v>
      </c>
    </row>
    <row r="44" spans="1:4" ht="18" customHeight="1" x14ac:dyDescent="0.15">
      <c r="A44" s="5">
        <v>32</v>
      </c>
      <c r="B44" s="22">
        <v>71</v>
      </c>
      <c r="C44" s="14">
        <v>55</v>
      </c>
      <c r="D44" s="18">
        <v>126</v>
      </c>
    </row>
    <row r="45" spans="1:4" ht="18" customHeight="1" x14ac:dyDescent="0.15">
      <c r="A45" s="5">
        <v>33</v>
      </c>
      <c r="B45" s="22">
        <v>61</v>
      </c>
      <c r="C45" s="14">
        <v>56</v>
      </c>
      <c r="D45" s="18">
        <v>117</v>
      </c>
    </row>
    <row r="46" spans="1:4" ht="18" customHeight="1" x14ac:dyDescent="0.15">
      <c r="A46" s="5">
        <v>34</v>
      </c>
      <c r="B46" s="22">
        <v>62</v>
      </c>
      <c r="C46" s="14">
        <v>58</v>
      </c>
      <c r="D46" s="18">
        <v>120</v>
      </c>
    </row>
    <row r="47" spans="1:4" ht="18" customHeight="1" x14ac:dyDescent="0.15">
      <c r="A47" s="5" t="s">
        <v>15</v>
      </c>
      <c r="B47" s="22">
        <v>313</v>
      </c>
      <c r="C47" s="14">
        <v>289</v>
      </c>
      <c r="D47" s="18">
        <v>602</v>
      </c>
    </row>
    <row r="48" spans="1:4" ht="18" customHeight="1" x14ac:dyDescent="0.15">
      <c r="A48" s="5">
        <v>35</v>
      </c>
      <c r="B48" s="22">
        <v>58</v>
      </c>
      <c r="C48" s="14">
        <v>60</v>
      </c>
      <c r="D48" s="18">
        <v>118</v>
      </c>
    </row>
    <row r="49" spans="1:4" ht="18" customHeight="1" x14ac:dyDescent="0.15">
      <c r="A49" s="5">
        <v>36</v>
      </c>
      <c r="B49" s="22">
        <v>66</v>
      </c>
      <c r="C49" s="14">
        <v>57</v>
      </c>
      <c r="D49" s="18">
        <v>123</v>
      </c>
    </row>
    <row r="50" spans="1:4" ht="18" customHeight="1" x14ac:dyDescent="0.15">
      <c r="A50" s="5">
        <v>37</v>
      </c>
      <c r="B50" s="22">
        <v>66</v>
      </c>
      <c r="C50" s="14">
        <v>49</v>
      </c>
      <c r="D50" s="18">
        <v>115</v>
      </c>
    </row>
    <row r="51" spans="1:4" ht="18" customHeight="1" x14ac:dyDescent="0.15">
      <c r="A51" s="5">
        <v>38</v>
      </c>
      <c r="B51" s="22">
        <v>54</v>
      </c>
      <c r="C51" s="14">
        <v>48</v>
      </c>
      <c r="D51" s="18">
        <v>102</v>
      </c>
    </row>
    <row r="52" spans="1:4" ht="18" customHeight="1" x14ac:dyDescent="0.15">
      <c r="A52" s="5">
        <v>39</v>
      </c>
      <c r="B52" s="22">
        <v>72</v>
      </c>
      <c r="C52" s="14">
        <v>73</v>
      </c>
      <c r="D52" s="18">
        <v>145</v>
      </c>
    </row>
    <row r="53" spans="1:4" ht="18" customHeight="1" x14ac:dyDescent="0.15">
      <c r="A53" s="5" t="s">
        <v>18</v>
      </c>
      <c r="B53" s="22">
        <v>316</v>
      </c>
      <c r="C53" s="14">
        <v>287</v>
      </c>
      <c r="D53" s="18">
        <v>603</v>
      </c>
    </row>
    <row r="54" spans="1:4" ht="18" customHeight="1" x14ac:dyDescent="0.15">
      <c r="A54" s="5">
        <v>40</v>
      </c>
      <c r="B54" s="22">
        <v>59</v>
      </c>
      <c r="C54" s="14">
        <v>64</v>
      </c>
      <c r="D54" s="18">
        <v>123</v>
      </c>
    </row>
    <row r="55" spans="1:4" ht="18" customHeight="1" x14ac:dyDescent="0.15">
      <c r="A55" s="5">
        <v>41</v>
      </c>
      <c r="B55" s="22">
        <v>66</v>
      </c>
      <c r="C55" s="14">
        <v>70</v>
      </c>
      <c r="D55" s="18">
        <v>136</v>
      </c>
    </row>
    <row r="56" spans="1:4" ht="18" customHeight="1" x14ac:dyDescent="0.15">
      <c r="A56" s="5">
        <v>42</v>
      </c>
      <c r="B56" s="22">
        <v>65</v>
      </c>
      <c r="C56" s="14">
        <v>63</v>
      </c>
      <c r="D56" s="18">
        <v>128</v>
      </c>
    </row>
    <row r="57" spans="1:4" ht="18" customHeight="1" x14ac:dyDescent="0.15">
      <c r="A57" s="5">
        <v>43</v>
      </c>
      <c r="B57" s="22">
        <v>72</v>
      </c>
      <c r="C57" s="14">
        <v>79</v>
      </c>
      <c r="D57" s="18">
        <v>151</v>
      </c>
    </row>
    <row r="58" spans="1:4" ht="18" customHeight="1" x14ac:dyDescent="0.15">
      <c r="A58" s="5">
        <v>44</v>
      </c>
      <c r="B58" s="22">
        <v>55</v>
      </c>
      <c r="C58" s="14">
        <v>78</v>
      </c>
      <c r="D58" s="18">
        <v>133</v>
      </c>
    </row>
    <row r="59" spans="1:4" ht="18" customHeight="1" x14ac:dyDescent="0.15">
      <c r="A59" s="5" t="s">
        <v>21</v>
      </c>
      <c r="B59" s="22">
        <v>317</v>
      </c>
      <c r="C59" s="14">
        <v>354</v>
      </c>
      <c r="D59" s="18">
        <v>671</v>
      </c>
    </row>
    <row r="60" spans="1:4" ht="18" customHeight="1" x14ac:dyDescent="0.15">
      <c r="A60" s="5">
        <v>45</v>
      </c>
      <c r="B60" s="22">
        <v>80</v>
      </c>
      <c r="C60" s="14">
        <v>71</v>
      </c>
      <c r="D60" s="18">
        <v>151</v>
      </c>
    </row>
    <row r="61" spans="1:4" ht="18" customHeight="1" x14ac:dyDescent="0.15">
      <c r="A61" s="5">
        <v>46</v>
      </c>
      <c r="B61" s="22">
        <v>68</v>
      </c>
      <c r="C61" s="14">
        <v>66</v>
      </c>
      <c r="D61" s="18">
        <v>134</v>
      </c>
    </row>
    <row r="62" spans="1:4" ht="18" customHeight="1" x14ac:dyDescent="0.15">
      <c r="A62" s="5">
        <v>47</v>
      </c>
      <c r="B62" s="22">
        <v>75</v>
      </c>
      <c r="C62" s="14">
        <v>82</v>
      </c>
      <c r="D62" s="18">
        <v>157</v>
      </c>
    </row>
    <row r="63" spans="1:4" ht="18" customHeight="1" x14ac:dyDescent="0.15">
      <c r="A63" s="5">
        <v>48</v>
      </c>
      <c r="B63" s="22">
        <v>66</v>
      </c>
      <c r="C63" s="14">
        <v>72</v>
      </c>
      <c r="D63" s="18">
        <v>138</v>
      </c>
    </row>
    <row r="64" spans="1:4" ht="18" customHeight="1" x14ac:dyDescent="0.15">
      <c r="A64" s="5">
        <v>49</v>
      </c>
      <c r="B64" s="22">
        <v>97</v>
      </c>
      <c r="C64" s="14">
        <v>87</v>
      </c>
      <c r="D64" s="18">
        <v>184</v>
      </c>
    </row>
    <row r="65" spans="1:4" ht="18" customHeight="1" x14ac:dyDescent="0.15">
      <c r="A65" s="5" t="s">
        <v>17</v>
      </c>
      <c r="B65" s="22">
        <v>386</v>
      </c>
      <c r="C65" s="14">
        <v>378</v>
      </c>
      <c r="D65" s="18">
        <v>764</v>
      </c>
    </row>
    <row r="66" spans="1:4" ht="18" customHeight="1" x14ac:dyDescent="0.15">
      <c r="A66" s="5">
        <v>50</v>
      </c>
      <c r="B66" s="22">
        <v>87</v>
      </c>
      <c r="C66" s="14">
        <v>110</v>
      </c>
      <c r="D66" s="18">
        <v>197</v>
      </c>
    </row>
    <row r="67" spans="1:4" ht="18" customHeight="1" x14ac:dyDescent="0.15">
      <c r="A67" s="5">
        <v>51</v>
      </c>
      <c r="B67" s="22">
        <v>80</v>
      </c>
      <c r="C67" s="14">
        <v>85</v>
      </c>
      <c r="D67" s="18">
        <v>165</v>
      </c>
    </row>
    <row r="68" spans="1:4" ht="18" customHeight="1" x14ac:dyDescent="0.15">
      <c r="A68" s="5">
        <v>52</v>
      </c>
      <c r="B68" s="22">
        <v>95</v>
      </c>
      <c r="C68" s="14">
        <v>101</v>
      </c>
      <c r="D68" s="18">
        <v>196</v>
      </c>
    </row>
    <row r="69" spans="1:4" ht="18" customHeight="1" x14ac:dyDescent="0.15">
      <c r="A69" s="5">
        <v>53</v>
      </c>
      <c r="B69" s="22">
        <v>129</v>
      </c>
      <c r="C69" s="14">
        <v>103</v>
      </c>
      <c r="D69" s="18">
        <v>232</v>
      </c>
    </row>
    <row r="70" spans="1:4" ht="18" customHeight="1" x14ac:dyDescent="0.15">
      <c r="A70" s="5">
        <v>54</v>
      </c>
      <c r="B70" s="22">
        <v>118</v>
      </c>
      <c r="C70" s="14">
        <v>116</v>
      </c>
      <c r="D70" s="18">
        <v>234</v>
      </c>
    </row>
    <row r="71" spans="1:4" ht="18" customHeight="1" x14ac:dyDescent="0.15">
      <c r="A71" s="5" t="s">
        <v>22</v>
      </c>
      <c r="B71" s="22">
        <v>509</v>
      </c>
      <c r="C71" s="14">
        <v>515</v>
      </c>
      <c r="D71" s="18">
        <v>1024</v>
      </c>
    </row>
    <row r="72" spans="1:4" ht="18" customHeight="1" x14ac:dyDescent="0.15">
      <c r="A72" s="5">
        <v>55</v>
      </c>
      <c r="B72" s="22">
        <v>99</v>
      </c>
      <c r="C72" s="14">
        <v>115</v>
      </c>
      <c r="D72" s="18">
        <v>214</v>
      </c>
    </row>
    <row r="73" spans="1:4" ht="18" customHeight="1" x14ac:dyDescent="0.15">
      <c r="A73" s="5">
        <v>56</v>
      </c>
      <c r="B73" s="22">
        <v>91</v>
      </c>
      <c r="C73" s="14">
        <v>101</v>
      </c>
      <c r="D73" s="18">
        <v>192</v>
      </c>
    </row>
    <row r="74" spans="1:4" ht="18" customHeight="1" x14ac:dyDescent="0.15">
      <c r="A74" s="5">
        <v>57</v>
      </c>
      <c r="B74" s="22">
        <v>81</v>
      </c>
      <c r="C74" s="14">
        <v>101</v>
      </c>
      <c r="D74" s="18">
        <v>182</v>
      </c>
    </row>
    <row r="75" spans="1:4" ht="18" customHeight="1" x14ac:dyDescent="0.15">
      <c r="A75" s="5">
        <v>58</v>
      </c>
      <c r="B75" s="22">
        <v>97</v>
      </c>
      <c r="C75" s="14">
        <v>96</v>
      </c>
      <c r="D75" s="18">
        <v>193</v>
      </c>
    </row>
    <row r="76" spans="1:4" ht="18" customHeight="1" x14ac:dyDescent="0.15">
      <c r="A76" s="5">
        <v>59</v>
      </c>
      <c r="B76" s="22">
        <v>79</v>
      </c>
      <c r="C76" s="14">
        <v>75</v>
      </c>
      <c r="D76" s="18">
        <v>154</v>
      </c>
    </row>
    <row r="77" spans="1:4" ht="18" customHeight="1" x14ac:dyDescent="0.15">
      <c r="A77" s="5" t="s">
        <v>27</v>
      </c>
      <c r="B77" s="22">
        <v>447</v>
      </c>
      <c r="C77" s="14">
        <v>488</v>
      </c>
      <c r="D77" s="18">
        <v>935</v>
      </c>
    </row>
    <row r="78" spans="1:4" ht="18" customHeight="1" x14ac:dyDescent="0.15">
      <c r="A78" s="5">
        <v>60</v>
      </c>
      <c r="B78" s="22">
        <v>77</v>
      </c>
      <c r="C78" s="14">
        <v>93</v>
      </c>
      <c r="D78" s="18">
        <v>170</v>
      </c>
    </row>
    <row r="79" spans="1:4" ht="18" customHeight="1" x14ac:dyDescent="0.15">
      <c r="A79" s="5">
        <v>61</v>
      </c>
      <c r="B79" s="22">
        <v>82</v>
      </c>
      <c r="C79" s="14">
        <v>82</v>
      </c>
      <c r="D79" s="18">
        <v>164</v>
      </c>
    </row>
    <row r="80" spans="1:4" ht="18" customHeight="1" x14ac:dyDescent="0.15">
      <c r="A80" s="5">
        <v>62</v>
      </c>
      <c r="B80" s="22">
        <v>91</v>
      </c>
      <c r="C80" s="14">
        <v>83</v>
      </c>
      <c r="D80" s="18">
        <v>174</v>
      </c>
    </row>
    <row r="81" spans="1:4" ht="18" customHeight="1" x14ac:dyDescent="0.15">
      <c r="A81" s="5">
        <v>63</v>
      </c>
      <c r="B81" s="22">
        <v>82</v>
      </c>
      <c r="C81" s="14">
        <v>90</v>
      </c>
      <c r="D81" s="18">
        <v>172</v>
      </c>
    </row>
    <row r="82" spans="1:4" ht="18" customHeight="1" x14ac:dyDescent="0.15">
      <c r="A82" s="5">
        <v>64</v>
      </c>
      <c r="B82" s="22">
        <v>77</v>
      </c>
      <c r="C82" s="14">
        <v>85</v>
      </c>
      <c r="D82" s="18">
        <v>162</v>
      </c>
    </row>
    <row r="83" spans="1:4" ht="18" customHeight="1" x14ac:dyDescent="0.15">
      <c r="A83" s="5" t="s">
        <v>28</v>
      </c>
      <c r="B83" s="22">
        <v>409</v>
      </c>
      <c r="C83" s="14">
        <v>433</v>
      </c>
      <c r="D83" s="18">
        <v>842</v>
      </c>
    </row>
    <row r="84" spans="1:4" ht="18" customHeight="1" x14ac:dyDescent="0.15">
      <c r="A84" s="5" t="s">
        <v>31</v>
      </c>
      <c r="B84" s="22">
        <v>3522</v>
      </c>
      <c r="C84" s="14">
        <v>3499</v>
      </c>
      <c r="D84" s="18">
        <v>7021</v>
      </c>
    </row>
    <row r="85" spans="1:4" ht="18" customHeight="1" x14ac:dyDescent="0.15">
      <c r="A85" s="5">
        <v>65</v>
      </c>
      <c r="B85" s="22">
        <v>82</v>
      </c>
      <c r="C85" s="14">
        <v>72</v>
      </c>
      <c r="D85" s="18">
        <v>154</v>
      </c>
    </row>
    <row r="86" spans="1:4" ht="18" customHeight="1" x14ac:dyDescent="0.15">
      <c r="A86" s="5">
        <v>66</v>
      </c>
      <c r="B86" s="22">
        <v>63</v>
      </c>
      <c r="C86" s="14">
        <v>68</v>
      </c>
      <c r="D86" s="18">
        <v>131</v>
      </c>
    </row>
    <row r="87" spans="1:4" ht="18" customHeight="1" x14ac:dyDescent="0.15">
      <c r="A87" s="5">
        <v>67</v>
      </c>
      <c r="B87" s="22">
        <v>63</v>
      </c>
      <c r="C87" s="14">
        <v>78</v>
      </c>
      <c r="D87" s="18">
        <v>141</v>
      </c>
    </row>
    <row r="88" spans="1:4" ht="18" customHeight="1" x14ac:dyDescent="0.15">
      <c r="A88" s="5">
        <v>68</v>
      </c>
      <c r="B88" s="22">
        <v>65</v>
      </c>
      <c r="C88" s="14">
        <v>59</v>
      </c>
      <c r="D88" s="18">
        <v>124</v>
      </c>
    </row>
    <row r="89" spans="1:4" ht="18" customHeight="1" x14ac:dyDescent="0.15">
      <c r="A89" s="5">
        <v>69</v>
      </c>
      <c r="B89" s="22">
        <v>67</v>
      </c>
      <c r="C89" s="14">
        <v>68</v>
      </c>
      <c r="D89" s="18">
        <v>135</v>
      </c>
    </row>
    <row r="90" spans="1:4" ht="18" customHeight="1" x14ac:dyDescent="0.15">
      <c r="A90" s="5" t="s">
        <v>20</v>
      </c>
      <c r="B90" s="22">
        <v>340</v>
      </c>
      <c r="C90" s="14">
        <v>345</v>
      </c>
      <c r="D90" s="18">
        <v>685</v>
      </c>
    </row>
    <row r="91" spans="1:4" ht="18" customHeight="1" x14ac:dyDescent="0.15">
      <c r="A91" s="5">
        <v>70</v>
      </c>
      <c r="B91" s="22">
        <v>69</v>
      </c>
      <c r="C91" s="14">
        <v>64</v>
      </c>
      <c r="D91" s="18">
        <v>133</v>
      </c>
    </row>
    <row r="92" spans="1:4" ht="18" customHeight="1" x14ac:dyDescent="0.15">
      <c r="A92" s="5">
        <v>71</v>
      </c>
      <c r="B92" s="22">
        <v>65</v>
      </c>
      <c r="C92" s="14">
        <v>74</v>
      </c>
      <c r="D92" s="18">
        <v>139</v>
      </c>
    </row>
    <row r="93" spans="1:4" ht="18" customHeight="1" x14ac:dyDescent="0.15">
      <c r="A93" s="5">
        <v>72</v>
      </c>
      <c r="B93" s="22">
        <v>57</v>
      </c>
      <c r="C93" s="14">
        <v>57</v>
      </c>
      <c r="D93" s="18">
        <v>114</v>
      </c>
    </row>
    <row r="94" spans="1:4" ht="18" customHeight="1" x14ac:dyDescent="0.15">
      <c r="A94" s="5">
        <v>73</v>
      </c>
      <c r="B94" s="22">
        <v>68</v>
      </c>
      <c r="C94" s="14">
        <v>68</v>
      </c>
      <c r="D94" s="18">
        <v>136</v>
      </c>
    </row>
    <row r="95" spans="1:4" ht="18" customHeight="1" x14ac:dyDescent="0.15">
      <c r="A95" s="5">
        <v>74</v>
      </c>
      <c r="B95" s="22">
        <v>51</v>
      </c>
      <c r="C95" s="14">
        <v>64</v>
      </c>
      <c r="D95" s="18">
        <v>115</v>
      </c>
    </row>
    <row r="96" spans="1:4" ht="18" customHeight="1" x14ac:dyDescent="0.15">
      <c r="A96" s="5" t="s">
        <v>33</v>
      </c>
      <c r="B96" s="22">
        <v>310</v>
      </c>
      <c r="C96" s="14">
        <v>327</v>
      </c>
      <c r="D96" s="18">
        <v>637</v>
      </c>
    </row>
    <row r="97" spans="1:4" ht="18" customHeight="1" x14ac:dyDescent="0.15">
      <c r="A97" s="5">
        <v>75</v>
      </c>
      <c r="B97" s="22">
        <v>65</v>
      </c>
      <c r="C97" s="14">
        <v>85</v>
      </c>
      <c r="D97" s="18">
        <v>150</v>
      </c>
    </row>
    <row r="98" spans="1:4" ht="18" customHeight="1" x14ac:dyDescent="0.15">
      <c r="A98" s="5">
        <v>76</v>
      </c>
      <c r="B98" s="22">
        <v>66</v>
      </c>
      <c r="C98" s="14">
        <v>81</v>
      </c>
      <c r="D98" s="18">
        <v>147</v>
      </c>
    </row>
    <row r="99" spans="1:4" ht="18" customHeight="1" x14ac:dyDescent="0.15">
      <c r="A99" s="5">
        <v>77</v>
      </c>
      <c r="B99" s="22">
        <v>88</v>
      </c>
      <c r="C99" s="14">
        <v>102</v>
      </c>
      <c r="D99" s="18">
        <v>190</v>
      </c>
    </row>
    <row r="100" spans="1:4" ht="18" customHeight="1" x14ac:dyDescent="0.15">
      <c r="A100" s="5">
        <v>78</v>
      </c>
      <c r="B100" s="22">
        <v>75</v>
      </c>
      <c r="C100" s="14">
        <v>95</v>
      </c>
      <c r="D100" s="18">
        <v>170</v>
      </c>
    </row>
    <row r="101" spans="1:4" ht="18" customHeight="1" x14ac:dyDescent="0.15">
      <c r="A101" s="5">
        <v>79</v>
      </c>
      <c r="B101" s="22">
        <v>52</v>
      </c>
      <c r="C101" s="14">
        <v>67</v>
      </c>
      <c r="D101" s="18">
        <v>119</v>
      </c>
    </row>
    <row r="102" spans="1:4" ht="18" customHeight="1" x14ac:dyDescent="0.15">
      <c r="A102" s="5" t="s">
        <v>0</v>
      </c>
      <c r="B102" s="22">
        <v>346</v>
      </c>
      <c r="C102" s="14">
        <v>430</v>
      </c>
      <c r="D102" s="18">
        <v>776</v>
      </c>
    </row>
    <row r="103" spans="1:4" ht="18" customHeight="1" x14ac:dyDescent="0.15">
      <c r="A103" s="5">
        <v>80</v>
      </c>
      <c r="B103" s="22">
        <v>34</v>
      </c>
      <c r="C103" s="14">
        <v>45</v>
      </c>
      <c r="D103" s="18">
        <v>79</v>
      </c>
    </row>
    <row r="104" spans="1:4" ht="18" customHeight="1" x14ac:dyDescent="0.15">
      <c r="A104" s="5">
        <v>81</v>
      </c>
      <c r="B104" s="22">
        <v>49</v>
      </c>
      <c r="C104" s="14">
        <v>71</v>
      </c>
      <c r="D104" s="18">
        <v>120</v>
      </c>
    </row>
    <row r="105" spans="1:4" ht="18" customHeight="1" x14ac:dyDescent="0.15">
      <c r="A105" s="5">
        <v>82</v>
      </c>
      <c r="B105" s="22">
        <v>46</v>
      </c>
      <c r="C105" s="14">
        <v>77</v>
      </c>
      <c r="D105" s="18">
        <v>123</v>
      </c>
    </row>
    <row r="106" spans="1:4" ht="18" customHeight="1" x14ac:dyDescent="0.15">
      <c r="A106" s="5">
        <v>83</v>
      </c>
      <c r="B106" s="22">
        <v>52</v>
      </c>
      <c r="C106" s="14">
        <v>72</v>
      </c>
      <c r="D106" s="18">
        <v>124</v>
      </c>
    </row>
    <row r="107" spans="1:4" ht="18" customHeight="1" x14ac:dyDescent="0.15">
      <c r="A107" s="5">
        <v>84</v>
      </c>
      <c r="B107" s="22">
        <v>34</v>
      </c>
      <c r="C107" s="14">
        <v>82</v>
      </c>
      <c r="D107" s="18">
        <v>116</v>
      </c>
    </row>
    <row r="108" spans="1:4" ht="18" customHeight="1" x14ac:dyDescent="0.15">
      <c r="A108" s="5" t="s">
        <v>35</v>
      </c>
      <c r="B108" s="22">
        <v>215</v>
      </c>
      <c r="C108" s="14">
        <v>347</v>
      </c>
      <c r="D108" s="18">
        <v>562</v>
      </c>
    </row>
    <row r="109" spans="1:4" ht="18" customHeight="1" x14ac:dyDescent="0.15">
      <c r="A109" s="5">
        <v>85</v>
      </c>
      <c r="B109" s="22">
        <v>28</v>
      </c>
      <c r="C109" s="14">
        <v>62</v>
      </c>
      <c r="D109" s="18">
        <v>90</v>
      </c>
    </row>
    <row r="110" spans="1:4" ht="18" customHeight="1" x14ac:dyDescent="0.15">
      <c r="A110" s="5">
        <v>86</v>
      </c>
      <c r="B110" s="22">
        <v>27</v>
      </c>
      <c r="C110" s="14">
        <v>61</v>
      </c>
      <c r="D110" s="18">
        <v>88</v>
      </c>
    </row>
    <row r="111" spans="1:4" ht="18" customHeight="1" x14ac:dyDescent="0.15">
      <c r="A111" s="5">
        <v>87</v>
      </c>
      <c r="B111" s="22">
        <v>31</v>
      </c>
      <c r="C111" s="14">
        <v>40</v>
      </c>
      <c r="D111" s="18">
        <v>71</v>
      </c>
    </row>
    <row r="112" spans="1:4" ht="18" customHeight="1" x14ac:dyDescent="0.15">
      <c r="A112" s="5">
        <v>88</v>
      </c>
      <c r="B112" s="22">
        <v>25</v>
      </c>
      <c r="C112" s="14">
        <v>42</v>
      </c>
      <c r="D112" s="18">
        <v>67</v>
      </c>
    </row>
    <row r="113" spans="1:4" ht="18" customHeight="1" x14ac:dyDescent="0.15">
      <c r="A113" s="5">
        <v>89</v>
      </c>
      <c r="B113" s="22">
        <v>20</v>
      </c>
      <c r="C113" s="14">
        <v>55</v>
      </c>
      <c r="D113" s="18">
        <v>75</v>
      </c>
    </row>
    <row r="114" spans="1:4" ht="18" customHeight="1" x14ac:dyDescent="0.15">
      <c r="A114" s="5" t="s">
        <v>37</v>
      </c>
      <c r="B114" s="22">
        <v>131</v>
      </c>
      <c r="C114" s="14">
        <v>260</v>
      </c>
      <c r="D114" s="18">
        <v>391</v>
      </c>
    </row>
    <row r="115" spans="1:4" ht="18" customHeight="1" x14ac:dyDescent="0.15">
      <c r="A115" s="5">
        <v>90</v>
      </c>
      <c r="B115" s="22">
        <v>17</v>
      </c>
      <c r="C115" s="14">
        <v>45</v>
      </c>
      <c r="D115" s="18">
        <v>62</v>
      </c>
    </row>
    <row r="116" spans="1:4" ht="18" customHeight="1" x14ac:dyDescent="0.15">
      <c r="A116" s="5">
        <v>91</v>
      </c>
      <c r="B116" s="22">
        <v>11</v>
      </c>
      <c r="C116" s="14">
        <v>40</v>
      </c>
      <c r="D116" s="18">
        <v>51</v>
      </c>
    </row>
    <row r="117" spans="1:4" ht="18" customHeight="1" x14ac:dyDescent="0.15">
      <c r="A117" s="5">
        <v>92</v>
      </c>
      <c r="B117" s="22">
        <v>14</v>
      </c>
      <c r="C117" s="14">
        <v>47</v>
      </c>
      <c r="D117" s="18">
        <v>61</v>
      </c>
    </row>
    <row r="118" spans="1:4" ht="18" customHeight="1" x14ac:dyDescent="0.15">
      <c r="A118" s="5">
        <v>93</v>
      </c>
      <c r="B118" s="22">
        <v>12</v>
      </c>
      <c r="C118" s="14">
        <v>32</v>
      </c>
      <c r="D118" s="18">
        <v>44</v>
      </c>
    </row>
    <row r="119" spans="1:4" ht="18" customHeight="1" x14ac:dyDescent="0.15">
      <c r="A119" s="5">
        <v>94</v>
      </c>
      <c r="B119" s="22">
        <v>9</v>
      </c>
      <c r="C119" s="14">
        <v>27</v>
      </c>
      <c r="D119" s="18">
        <v>36</v>
      </c>
    </row>
    <row r="120" spans="1:4" ht="18" customHeight="1" x14ac:dyDescent="0.15">
      <c r="A120" s="5" t="s">
        <v>39</v>
      </c>
      <c r="B120" s="22">
        <v>63</v>
      </c>
      <c r="C120" s="14">
        <v>191</v>
      </c>
      <c r="D120" s="18">
        <v>254</v>
      </c>
    </row>
    <row r="121" spans="1:4" ht="18" customHeight="1" x14ac:dyDescent="0.15">
      <c r="A121" s="5">
        <v>95</v>
      </c>
      <c r="B121" s="22">
        <v>4</v>
      </c>
      <c r="C121" s="14">
        <v>20</v>
      </c>
      <c r="D121" s="18">
        <v>24</v>
      </c>
    </row>
    <row r="122" spans="1:4" ht="18" customHeight="1" x14ac:dyDescent="0.15">
      <c r="A122" s="5">
        <v>96</v>
      </c>
      <c r="B122" s="22">
        <v>5</v>
      </c>
      <c r="C122" s="14">
        <v>17</v>
      </c>
      <c r="D122" s="18">
        <v>22</v>
      </c>
    </row>
    <row r="123" spans="1:4" ht="18" customHeight="1" x14ac:dyDescent="0.15">
      <c r="A123" s="5">
        <v>97</v>
      </c>
      <c r="B123" s="22">
        <v>0</v>
      </c>
      <c r="C123" s="14">
        <v>18</v>
      </c>
      <c r="D123" s="18">
        <v>18</v>
      </c>
    </row>
    <row r="124" spans="1:4" ht="18" customHeight="1" x14ac:dyDescent="0.15">
      <c r="A124" s="5">
        <v>98</v>
      </c>
      <c r="B124" s="22">
        <v>5</v>
      </c>
      <c r="C124" s="14">
        <v>8</v>
      </c>
      <c r="D124" s="18">
        <v>13</v>
      </c>
    </row>
    <row r="125" spans="1:4" ht="18" customHeight="1" x14ac:dyDescent="0.15">
      <c r="A125" s="5">
        <v>99</v>
      </c>
      <c r="B125" s="22">
        <v>1</v>
      </c>
      <c r="C125" s="14">
        <v>16</v>
      </c>
      <c r="D125" s="18">
        <v>17</v>
      </c>
    </row>
    <row r="126" spans="1:4" ht="18" customHeight="1" x14ac:dyDescent="0.15">
      <c r="A126" s="5" t="s">
        <v>40</v>
      </c>
      <c r="B126" s="22">
        <v>15</v>
      </c>
      <c r="C126" s="14">
        <v>79</v>
      </c>
      <c r="D126" s="18">
        <v>94</v>
      </c>
    </row>
    <row r="127" spans="1:4" ht="18" customHeight="1" x14ac:dyDescent="0.15">
      <c r="A127" s="5">
        <v>100</v>
      </c>
      <c r="B127" s="22">
        <v>2</v>
      </c>
      <c r="C127" s="14">
        <v>5</v>
      </c>
      <c r="D127" s="18">
        <v>7</v>
      </c>
    </row>
    <row r="128" spans="1:4" ht="18" customHeight="1" x14ac:dyDescent="0.15">
      <c r="A128" s="6" t="s">
        <v>43</v>
      </c>
      <c r="B128" s="22">
        <v>0</v>
      </c>
      <c r="C128" s="14">
        <v>11</v>
      </c>
      <c r="D128" s="18">
        <v>11</v>
      </c>
    </row>
    <row r="129" spans="1:4" ht="18" customHeight="1" x14ac:dyDescent="0.15">
      <c r="A129" s="5" t="s">
        <v>44</v>
      </c>
      <c r="B129" s="22">
        <v>2</v>
      </c>
      <c r="C129" s="14">
        <v>16</v>
      </c>
      <c r="D129" s="18">
        <v>18</v>
      </c>
    </row>
    <row r="130" spans="1:4" ht="18" customHeight="1" x14ac:dyDescent="0.15">
      <c r="A130" s="5" t="s">
        <v>46</v>
      </c>
      <c r="B130" s="22">
        <v>1422</v>
      </c>
      <c r="C130" s="14">
        <v>1995</v>
      </c>
      <c r="D130" s="18">
        <v>3417</v>
      </c>
    </row>
    <row r="131" spans="1:4" ht="18" customHeight="1" x14ac:dyDescent="0.15">
      <c r="A131" s="7" t="s">
        <v>45</v>
      </c>
      <c r="B131" s="23">
        <v>5624</v>
      </c>
      <c r="C131" s="15">
        <v>6114</v>
      </c>
      <c r="D131" s="19">
        <v>1173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 codeName="Sheet2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51</v>
      </c>
      <c r="C5" s="13">
        <v>51</v>
      </c>
      <c r="D5" s="17">
        <v>102</v>
      </c>
    </row>
    <row r="6" spans="1:4" ht="18" customHeight="1" x14ac:dyDescent="0.15">
      <c r="A6" s="5">
        <v>1</v>
      </c>
      <c r="B6" s="22">
        <v>64</v>
      </c>
      <c r="C6" s="14">
        <v>55</v>
      </c>
      <c r="D6" s="18">
        <v>119</v>
      </c>
    </row>
    <row r="7" spans="1:4" ht="18" customHeight="1" x14ac:dyDescent="0.15">
      <c r="A7" s="5">
        <v>2</v>
      </c>
      <c r="B7" s="22">
        <v>57</v>
      </c>
      <c r="C7" s="14">
        <v>55</v>
      </c>
      <c r="D7" s="18">
        <v>112</v>
      </c>
    </row>
    <row r="8" spans="1:4" ht="18" customHeight="1" x14ac:dyDescent="0.15">
      <c r="A8" s="5">
        <v>3</v>
      </c>
      <c r="B8" s="22">
        <v>69</v>
      </c>
      <c r="C8" s="14">
        <v>52</v>
      </c>
      <c r="D8" s="18">
        <v>121</v>
      </c>
    </row>
    <row r="9" spans="1:4" ht="18" customHeight="1" x14ac:dyDescent="0.15">
      <c r="A9" s="5">
        <v>4</v>
      </c>
      <c r="B9" s="22">
        <v>67</v>
      </c>
      <c r="C9" s="14">
        <v>61</v>
      </c>
      <c r="D9" s="18">
        <v>128</v>
      </c>
    </row>
    <row r="10" spans="1:4" ht="18" customHeight="1" x14ac:dyDescent="0.15">
      <c r="A10" s="5" t="s">
        <v>7</v>
      </c>
      <c r="B10" s="22">
        <v>308</v>
      </c>
      <c r="C10" s="14">
        <v>274</v>
      </c>
      <c r="D10" s="18">
        <v>582</v>
      </c>
    </row>
    <row r="11" spans="1:4" ht="18" customHeight="1" x14ac:dyDescent="0.15">
      <c r="A11" s="5">
        <v>5</v>
      </c>
      <c r="B11" s="22">
        <v>67</v>
      </c>
      <c r="C11" s="14">
        <v>60</v>
      </c>
      <c r="D11" s="18">
        <v>127</v>
      </c>
    </row>
    <row r="12" spans="1:4" ht="18" customHeight="1" x14ac:dyDescent="0.15">
      <c r="A12" s="5">
        <v>6</v>
      </c>
      <c r="B12" s="22">
        <v>66</v>
      </c>
      <c r="C12" s="14">
        <v>62</v>
      </c>
      <c r="D12" s="18">
        <v>128</v>
      </c>
    </row>
    <row r="13" spans="1:4" ht="18" customHeight="1" x14ac:dyDescent="0.15">
      <c r="A13" s="5">
        <v>7</v>
      </c>
      <c r="B13" s="22">
        <v>60</v>
      </c>
      <c r="C13" s="14">
        <v>63</v>
      </c>
      <c r="D13" s="18">
        <v>123</v>
      </c>
    </row>
    <row r="14" spans="1:4" ht="18" customHeight="1" x14ac:dyDescent="0.15">
      <c r="A14" s="5">
        <v>8</v>
      </c>
      <c r="B14" s="22">
        <v>70</v>
      </c>
      <c r="C14" s="14">
        <v>70</v>
      </c>
      <c r="D14" s="18">
        <v>140</v>
      </c>
    </row>
    <row r="15" spans="1:4" ht="18" customHeight="1" x14ac:dyDescent="0.15">
      <c r="A15" s="5">
        <v>9</v>
      </c>
      <c r="B15" s="22">
        <v>77</v>
      </c>
      <c r="C15" s="14">
        <v>68</v>
      </c>
      <c r="D15" s="18">
        <v>145</v>
      </c>
    </row>
    <row r="16" spans="1:4" ht="18" customHeight="1" x14ac:dyDescent="0.15">
      <c r="A16" s="5" t="s">
        <v>11</v>
      </c>
      <c r="B16" s="22">
        <v>340</v>
      </c>
      <c r="C16" s="14">
        <v>323</v>
      </c>
      <c r="D16" s="18">
        <v>663</v>
      </c>
    </row>
    <row r="17" spans="1:4" ht="18" customHeight="1" x14ac:dyDescent="0.15">
      <c r="A17" s="5">
        <v>10</v>
      </c>
      <c r="B17" s="22">
        <v>72</v>
      </c>
      <c r="C17" s="14">
        <v>71</v>
      </c>
      <c r="D17" s="18">
        <v>143</v>
      </c>
    </row>
    <row r="18" spans="1:4" ht="18" customHeight="1" x14ac:dyDescent="0.15">
      <c r="A18" s="5">
        <v>11</v>
      </c>
      <c r="B18" s="22">
        <v>75</v>
      </c>
      <c r="C18" s="14">
        <v>64</v>
      </c>
      <c r="D18" s="18">
        <v>139</v>
      </c>
    </row>
    <row r="19" spans="1:4" ht="18" customHeight="1" x14ac:dyDescent="0.15">
      <c r="A19" s="5">
        <v>12</v>
      </c>
      <c r="B19" s="22">
        <v>90</v>
      </c>
      <c r="C19" s="14">
        <v>77</v>
      </c>
      <c r="D19" s="18">
        <v>167</v>
      </c>
    </row>
    <row r="20" spans="1:4" ht="18" customHeight="1" x14ac:dyDescent="0.15">
      <c r="A20" s="5">
        <v>13</v>
      </c>
      <c r="B20" s="22">
        <v>69</v>
      </c>
      <c r="C20" s="14">
        <v>51</v>
      </c>
      <c r="D20" s="18">
        <v>120</v>
      </c>
    </row>
    <row r="21" spans="1:4" ht="18" customHeight="1" x14ac:dyDescent="0.15">
      <c r="A21" s="5">
        <v>14</v>
      </c>
      <c r="B21" s="22">
        <v>76</v>
      </c>
      <c r="C21" s="14">
        <v>97</v>
      </c>
      <c r="D21" s="18">
        <v>173</v>
      </c>
    </row>
    <row r="22" spans="1:4" ht="18" customHeight="1" x14ac:dyDescent="0.15">
      <c r="A22" s="5" t="s">
        <v>12</v>
      </c>
      <c r="B22" s="22">
        <v>382</v>
      </c>
      <c r="C22" s="14">
        <v>360</v>
      </c>
      <c r="D22" s="18">
        <v>742</v>
      </c>
    </row>
    <row r="23" spans="1:4" ht="18" customHeight="1" x14ac:dyDescent="0.15">
      <c r="A23" s="5" t="s">
        <v>6</v>
      </c>
      <c r="B23" s="22">
        <v>1030</v>
      </c>
      <c r="C23" s="14">
        <v>957</v>
      </c>
      <c r="D23" s="18">
        <v>1987</v>
      </c>
    </row>
    <row r="24" spans="1:4" ht="18" customHeight="1" x14ac:dyDescent="0.15">
      <c r="A24" s="5">
        <v>15</v>
      </c>
      <c r="B24" s="22">
        <v>66</v>
      </c>
      <c r="C24" s="14">
        <v>69</v>
      </c>
      <c r="D24" s="18">
        <v>135</v>
      </c>
    </row>
    <row r="25" spans="1:4" ht="18" customHeight="1" x14ac:dyDescent="0.15">
      <c r="A25" s="5">
        <v>16</v>
      </c>
      <c r="B25" s="22">
        <v>83</v>
      </c>
      <c r="C25" s="14">
        <v>69</v>
      </c>
      <c r="D25" s="18">
        <v>152</v>
      </c>
    </row>
    <row r="26" spans="1:4" ht="18" customHeight="1" x14ac:dyDescent="0.15">
      <c r="A26" s="5">
        <v>17</v>
      </c>
      <c r="B26" s="22">
        <v>68</v>
      </c>
      <c r="C26" s="14">
        <v>65</v>
      </c>
      <c r="D26" s="18">
        <v>133</v>
      </c>
    </row>
    <row r="27" spans="1:4" ht="18" customHeight="1" x14ac:dyDescent="0.15">
      <c r="A27" s="5">
        <v>18</v>
      </c>
      <c r="B27" s="22">
        <v>69</v>
      </c>
      <c r="C27" s="14">
        <v>85</v>
      </c>
      <c r="D27" s="18">
        <v>154</v>
      </c>
    </row>
    <row r="28" spans="1:4" ht="18" customHeight="1" x14ac:dyDescent="0.15">
      <c r="A28" s="5">
        <v>19</v>
      </c>
      <c r="B28" s="22">
        <v>81</v>
      </c>
      <c r="C28" s="14">
        <v>70</v>
      </c>
      <c r="D28" s="18">
        <v>151</v>
      </c>
    </row>
    <row r="29" spans="1:4" ht="18" customHeight="1" x14ac:dyDescent="0.15">
      <c r="A29" s="5" t="s">
        <v>14</v>
      </c>
      <c r="B29" s="22">
        <v>367</v>
      </c>
      <c r="C29" s="14">
        <v>358</v>
      </c>
      <c r="D29" s="18">
        <v>725</v>
      </c>
    </row>
    <row r="30" spans="1:4" ht="18" customHeight="1" x14ac:dyDescent="0.15">
      <c r="A30" s="5">
        <v>20</v>
      </c>
      <c r="B30" s="22">
        <v>62</v>
      </c>
      <c r="C30" s="14">
        <v>61</v>
      </c>
      <c r="D30" s="18">
        <v>123</v>
      </c>
    </row>
    <row r="31" spans="1:4" ht="18" customHeight="1" x14ac:dyDescent="0.15">
      <c r="A31" s="5">
        <v>21</v>
      </c>
      <c r="B31" s="22">
        <v>74</v>
      </c>
      <c r="C31" s="14">
        <v>63</v>
      </c>
      <c r="D31" s="18">
        <v>137</v>
      </c>
    </row>
    <row r="32" spans="1:4" ht="18" customHeight="1" x14ac:dyDescent="0.15">
      <c r="A32" s="5">
        <v>22</v>
      </c>
      <c r="B32" s="22">
        <v>63</v>
      </c>
      <c r="C32" s="14">
        <v>62</v>
      </c>
      <c r="D32" s="18">
        <v>125</v>
      </c>
    </row>
    <row r="33" spans="1:4" ht="18" customHeight="1" x14ac:dyDescent="0.15">
      <c r="A33" s="5">
        <v>23</v>
      </c>
      <c r="B33" s="22">
        <v>58</v>
      </c>
      <c r="C33" s="14">
        <v>72</v>
      </c>
      <c r="D33" s="18">
        <v>130</v>
      </c>
    </row>
    <row r="34" spans="1:4" ht="18" customHeight="1" x14ac:dyDescent="0.15">
      <c r="A34" s="5">
        <v>24</v>
      </c>
      <c r="B34" s="22">
        <v>70</v>
      </c>
      <c r="C34" s="14">
        <v>70</v>
      </c>
      <c r="D34" s="18">
        <v>140</v>
      </c>
    </row>
    <row r="35" spans="1:4" ht="18" customHeight="1" x14ac:dyDescent="0.15">
      <c r="A35" s="5" t="s">
        <v>9</v>
      </c>
      <c r="B35" s="22">
        <v>327</v>
      </c>
      <c r="C35" s="14">
        <v>328</v>
      </c>
      <c r="D35" s="18">
        <v>655</v>
      </c>
    </row>
    <row r="36" spans="1:4" ht="18" customHeight="1" x14ac:dyDescent="0.15">
      <c r="A36" s="5">
        <v>25</v>
      </c>
      <c r="B36" s="22">
        <v>68</v>
      </c>
      <c r="C36" s="14">
        <v>80</v>
      </c>
      <c r="D36" s="18">
        <v>148</v>
      </c>
    </row>
    <row r="37" spans="1:4" ht="18" customHeight="1" x14ac:dyDescent="0.15">
      <c r="A37" s="5">
        <v>26</v>
      </c>
      <c r="B37" s="22">
        <v>86</v>
      </c>
      <c r="C37" s="14">
        <v>81</v>
      </c>
      <c r="D37" s="18">
        <v>167</v>
      </c>
    </row>
    <row r="38" spans="1:4" ht="18" customHeight="1" x14ac:dyDescent="0.15">
      <c r="A38" s="5">
        <v>27</v>
      </c>
      <c r="B38" s="22">
        <v>65</v>
      </c>
      <c r="C38" s="14">
        <v>63</v>
      </c>
      <c r="D38" s="18">
        <v>128</v>
      </c>
    </row>
    <row r="39" spans="1:4" ht="18" customHeight="1" x14ac:dyDescent="0.15">
      <c r="A39" s="5">
        <v>28</v>
      </c>
      <c r="B39" s="22">
        <v>91</v>
      </c>
      <c r="C39" s="14">
        <v>69</v>
      </c>
      <c r="D39" s="18">
        <v>160</v>
      </c>
    </row>
    <row r="40" spans="1:4" ht="18" customHeight="1" x14ac:dyDescent="0.15">
      <c r="A40" s="5">
        <v>29</v>
      </c>
      <c r="B40" s="22">
        <v>89</v>
      </c>
      <c r="C40" s="14">
        <v>110</v>
      </c>
      <c r="D40" s="18">
        <v>199</v>
      </c>
    </row>
    <row r="41" spans="1:4" ht="18" customHeight="1" x14ac:dyDescent="0.15">
      <c r="A41" s="5" t="s">
        <v>2</v>
      </c>
      <c r="B41" s="22">
        <v>399</v>
      </c>
      <c r="C41" s="14">
        <v>403</v>
      </c>
      <c r="D41" s="18">
        <v>802</v>
      </c>
    </row>
    <row r="42" spans="1:4" ht="18" customHeight="1" x14ac:dyDescent="0.15">
      <c r="A42" s="5">
        <v>30</v>
      </c>
      <c r="B42" s="22">
        <v>100</v>
      </c>
      <c r="C42" s="14">
        <v>60</v>
      </c>
      <c r="D42" s="18">
        <v>160</v>
      </c>
    </row>
    <row r="43" spans="1:4" ht="18" customHeight="1" x14ac:dyDescent="0.15">
      <c r="A43" s="5">
        <v>31</v>
      </c>
      <c r="B43" s="22">
        <v>93</v>
      </c>
      <c r="C43" s="14">
        <v>96</v>
      </c>
      <c r="D43" s="18">
        <v>189</v>
      </c>
    </row>
    <row r="44" spans="1:4" ht="18" customHeight="1" x14ac:dyDescent="0.15">
      <c r="A44" s="5">
        <v>32</v>
      </c>
      <c r="B44" s="22">
        <v>74</v>
      </c>
      <c r="C44" s="14">
        <v>72</v>
      </c>
      <c r="D44" s="18">
        <v>146</v>
      </c>
    </row>
    <row r="45" spans="1:4" ht="18" customHeight="1" x14ac:dyDescent="0.15">
      <c r="A45" s="5">
        <v>33</v>
      </c>
      <c r="B45" s="22">
        <v>68</v>
      </c>
      <c r="C45" s="14">
        <v>96</v>
      </c>
      <c r="D45" s="18">
        <v>164</v>
      </c>
    </row>
    <row r="46" spans="1:4" ht="18" customHeight="1" x14ac:dyDescent="0.15">
      <c r="A46" s="5">
        <v>34</v>
      </c>
      <c r="B46" s="22">
        <v>75</v>
      </c>
      <c r="C46" s="14">
        <v>81</v>
      </c>
      <c r="D46" s="18">
        <v>156</v>
      </c>
    </row>
    <row r="47" spans="1:4" ht="18" customHeight="1" x14ac:dyDescent="0.15">
      <c r="A47" s="5" t="s">
        <v>15</v>
      </c>
      <c r="B47" s="22">
        <v>410</v>
      </c>
      <c r="C47" s="14">
        <v>405</v>
      </c>
      <c r="D47" s="18">
        <v>815</v>
      </c>
    </row>
    <row r="48" spans="1:4" ht="18" customHeight="1" x14ac:dyDescent="0.15">
      <c r="A48" s="5">
        <v>35</v>
      </c>
      <c r="B48" s="22">
        <v>102</v>
      </c>
      <c r="C48" s="14">
        <v>96</v>
      </c>
      <c r="D48" s="18">
        <v>198</v>
      </c>
    </row>
    <row r="49" spans="1:4" ht="18" customHeight="1" x14ac:dyDescent="0.15">
      <c r="A49" s="5">
        <v>36</v>
      </c>
      <c r="B49" s="22">
        <v>86</v>
      </c>
      <c r="C49" s="14">
        <v>85</v>
      </c>
      <c r="D49" s="18">
        <v>171</v>
      </c>
    </row>
    <row r="50" spans="1:4" ht="18" customHeight="1" x14ac:dyDescent="0.15">
      <c r="A50" s="5">
        <v>37</v>
      </c>
      <c r="B50" s="22">
        <v>77</v>
      </c>
      <c r="C50" s="14">
        <v>82</v>
      </c>
      <c r="D50" s="18">
        <v>159</v>
      </c>
    </row>
    <row r="51" spans="1:4" ht="18" customHeight="1" x14ac:dyDescent="0.15">
      <c r="A51" s="5">
        <v>38</v>
      </c>
      <c r="B51" s="22">
        <v>86</v>
      </c>
      <c r="C51" s="14">
        <v>88</v>
      </c>
      <c r="D51" s="18">
        <v>174</v>
      </c>
    </row>
    <row r="52" spans="1:4" ht="18" customHeight="1" x14ac:dyDescent="0.15">
      <c r="A52" s="5">
        <v>39</v>
      </c>
      <c r="B52" s="22">
        <v>80</v>
      </c>
      <c r="C52" s="14">
        <v>80</v>
      </c>
      <c r="D52" s="18">
        <v>160</v>
      </c>
    </row>
    <row r="53" spans="1:4" ht="18" customHeight="1" x14ac:dyDescent="0.15">
      <c r="A53" s="5" t="s">
        <v>18</v>
      </c>
      <c r="B53" s="22">
        <v>431</v>
      </c>
      <c r="C53" s="14">
        <v>431</v>
      </c>
      <c r="D53" s="18">
        <v>862</v>
      </c>
    </row>
    <row r="54" spans="1:4" ht="18" customHeight="1" x14ac:dyDescent="0.15">
      <c r="A54" s="5">
        <v>40</v>
      </c>
      <c r="B54" s="22">
        <v>92</v>
      </c>
      <c r="C54" s="14">
        <v>78</v>
      </c>
      <c r="D54" s="18">
        <v>170</v>
      </c>
    </row>
    <row r="55" spans="1:4" ht="18" customHeight="1" x14ac:dyDescent="0.15">
      <c r="A55" s="5">
        <v>41</v>
      </c>
      <c r="B55" s="22">
        <v>92</v>
      </c>
      <c r="C55" s="14">
        <v>110</v>
      </c>
      <c r="D55" s="18">
        <v>202</v>
      </c>
    </row>
    <row r="56" spans="1:4" ht="18" customHeight="1" x14ac:dyDescent="0.15">
      <c r="A56" s="5">
        <v>42</v>
      </c>
      <c r="B56" s="22">
        <v>95</v>
      </c>
      <c r="C56" s="14">
        <v>86</v>
      </c>
      <c r="D56" s="18">
        <v>181</v>
      </c>
    </row>
    <row r="57" spans="1:4" ht="18" customHeight="1" x14ac:dyDescent="0.15">
      <c r="A57" s="5">
        <v>43</v>
      </c>
      <c r="B57" s="22">
        <v>104</v>
      </c>
      <c r="C57" s="14">
        <v>105</v>
      </c>
      <c r="D57" s="18">
        <v>209</v>
      </c>
    </row>
    <row r="58" spans="1:4" ht="18" customHeight="1" x14ac:dyDescent="0.15">
      <c r="A58" s="5">
        <v>44</v>
      </c>
      <c r="B58" s="22">
        <v>108</v>
      </c>
      <c r="C58" s="14">
        <v>110</v>
      </c>
      <c r="D58" s="18">
        <v>218</v>
      </c>
    </row>
    <row r="59" spans="1:4" ht="18" customHeight="1" x14ac:dyDescent="0.15">
      <c r="A59" s="5" t="s">
        <v>21</v>
      </c>
      <c r="B59" s="22">
        <v>491</v>
      </c>
      <c r="C59" s="14">
        <v>489</v>
      </c>
      <c r="D59" s="18">
        <v>980</v>
      </c>
    </row>
    <row r="60" spans="1:4" ht="18" customHeight="1" x14ac:dyDescent="0.15">
      <c r="A60" s="5">
        <v>45</v>
      </c>
      <c r="B60" s="22">
        <v>103</v>
      </c>
      <c r="C60" s="14">
        <v>112</v>
      </c>
      <c r="D60" s="18">
        <v>215</v>
      </c>
    </row>
    <row r="61" spans="1:4" ht="18" customHeight="1" x14ac:dyDescent="0.15">
      <c r="A61" s="5">
        <v>46</v>
      </c>
      <c r="B61" s="22">
        <v>103</v>
      </c>
      <c r="C61" s="14">
        <v>111</v>
      </c>
      <c r="D61" s="18">
        <v>214</v>
      </c>
    </row>
    <row r="62" spans="1:4" ht="18" customHeight="1" x14ac:dyDescent="0.15">
      <c r="A62" s="5">
        <v>47</v>
      </c>
      <c r="B62" s="22">
        <v>121</v>
      </c>
      <c r="C62" s="14">
        <v>124</v>
      </c>
      <c r="D62" s="18">
        <v>245</v>
      </c>
    </row>
    <row r="63" spans="1:4" ht="18" customHeight="1" x14ac:dyDescent="0.15">
      <c r="A63" s="5">
        <v>48</v>
      </c>
      <c r="B63" s="22">
        <v>134</v>
      </c>
      <c r="C63" s="14">
        <v>113</v>
      </c>
      <c r="D63" s="18">
        <v>247</v>
      </c>
    </row>
    <row r="64" spans="1:4" ht="18" customHeight="1" x14ac:dyDescent="0.15">
      <c r="A64" s="5">
        <v>49</v>
      </c>
      <c r="B64" s="22">
        <v>113</v>
      </c>
      <c r="C64" s="14">
        <v>120</v>
      </c>
      <c r="D64" s="18">
        <v>233</v>
      </c>
    </row>
    <row r="65" spans="1:4" ht="18" customHeight="1" x14ac:dyDescent="0.15">
      <c r="A65" s="5" t="s">
        <v>17</v>
      </c>
      <c r="B65" s="22">
        <v>574</v>
      </c>
      <c r="C65" s="14">
        <v>580</v>
      </c>
      <c r="D65" s="18">
        <v>1154</v>
      </c>
    </row>
    <row r="66" spans="1:4" ht="18" customHeight="1" x14ac:dyDescent="0.15">
      <c r="A66" s="5">
        <v>50</v>
      </c>
      <c r="B66" s="22">
        <v>151</v>
      </c>
      <c r="C66" s="14">
        <v>123</v>
      </c>
      <c r="D66" s="18">
        <v>274</v>
      </c>
    </row>
    <row r="67" spans="1:4" ht="18" customHeight="1" x14ac:dyDescent="0.15">
      <c r="A67" s="5">
        <v>51</v>
      </c>
      <c r="B67" s="22">
        <v>161</v>
      </c>
      <c r="C67" s="14">
        <v>135</v>
      </c>
      <c r="D67" s="18">
        <v>296</v>
      </c>
    </row>
    <row r="68" spans="1:4" ht="18" customHeight="1" x14ac:dyDescent="0.15">
      <c r="A68" s="5">
        <v>52</v>
      </c>
      <c r="B68" s="22">
        <v>127</v>
      </c>
      <c r="C68" s="14">
        <v>144</v>
      </c>
      <c r="D68" s="18">
        <v>271</v>
      </c>
    </row>
    <row r="69" spans="1:4" ht="18" customHeight="1" x14ac:dyDescent="0.15">
      <c r="A69" s="5">
        <v>53</v>
      </c>
      <c r="B69" s="22">
        <v>122</v>
      </c>
      <c r="C69" s="14">
        <v>126</v>
      </c>
      <c r="D69" s="18">
        <v>248</v>
      </c>
    </row>
    <row r="70" spans="1:4" ht="18" customHeight="1" x14ac:dyDescent="0.15">
      <c r="A70" s="5">
        <v>54</v>
      </c>
      <c r="B70" s="22">
        <v>126</v>
      </c>
      <c r="C70" s="14">
        <v>127</v>
      </c>
      <c r="D70" s="18">
        <v>253</v>
      </c>
    </row>
    <row r="71" spans="1:4" ht="18" customHeight="1" x14ac:dyDescent="0.15">
      <c r="A71" s="5" t="s">
        <v>22</v>
      </c>
      <c r="B71" s="22">
        <v>687</v>
      </c>
      <c r="C71" s="14">
        <v>655</v>
      </c>
      <c r="D71" s="18">
        <v>1342</v>
      </c>
    </row>
    <row r="72" spans="1:4" ht="18" customHeight="1" x14ac:dyDescent="0.15">
      <c r="A72" s="5">
        <v>55</v>
      </c>
      <c r="B72" s="22">
        <v>123</v>
      </c>
      <c r="C72" s="14">
        <v>123</v>
      </c>
      <c r="D72" s="18">
        <v>246</v>
      </c>
    </row>
    <row r="73" spans="1:4" ht="18" customHeight="1" x14ac:dyDescent="0.15">
      <c r="A73" s="5">
        <v>56</v>
      </c>
      <c r="B73" s="22">
        <v>100</v>
      </c>
      <c r="C73" s="14">
        <v>88</v>
      </c>
      <c r="D73" s="18">
        <v>188</v>
      </c>
    </row>
    <row r="74" spans="1:4" ht="18" customHeight="1" x14ac:dyDescent="0.15">
      <c r="A74" s="5">
        <v>57</v>
      </c>
      <c r="B74" s="22">
        <v>87</v>
      </c>
      <c r="C74" s="14">
        <v>102</v>
      </c>
      <c r="D74" s="18">
        <v>189</v>
      </c>
    </row>
    <row r="75" spans="1:4" ht="18" customHeight="1" x14ac:dyDescent="0.15">
      <c r="A75" s="5">
        <v>58</v>
      </c>
      <c r="B75" s="22">
        <v>127</v>
      </c>
      <c r="C75" s="14">
        <v>114</v>
      </c>
      <c r="D75" s="18">
        <v>241</v>
      </c>
    </row>
    <row r="76" spans="1:4" ht="18" customHeight="1" x14ac:dyDescent="0.15">
      <c r="A76" s="5">
        <v>59</v>
      </c>
      <c r="B76" s="22">
        <v>91</v>
      </c>
      <c r="C76" s="14">
        <v>89</v>
      </c>
      <c r="D76" s="18">
        <v>180</v>
      </c>
    </row>
    <row r="77" spans="1:4" ht="18" customHeight="1" x14ac:dyDescent="0.15">
      <c r="A77" s="5" t="s">
        <v>27</v>
      </c>
      <c r="B77" s="22">
        <v>528</v>
      </c>
      <c r="C77" s="14">
        <v>516</v>
      </c>
      <c r="D77" s="18">
        <v>1044</v>
      </c>
    </row>
    <row r="78" spans="1:4" ht="18" customHeight="1" x14ac:dyDescent="0.15">
      <c r="A78" s="5">
        <v>60</v>
      </c>
      <c r="B78" s="22">
        <v>87</v>
      </c>
      <c r="C78" s="14">
        <v>98</v>
      </c>
      <c r="D78" s="18">
        <v>185</v>
      </c>
    </row>
    <row r="79" spans="1:4" ht="18" customHeight="1" x14ac:dyDescent="0.15">
      <c r="A79" s="5">
        <v>61</v>
      </c>
      <c r="B79" s="22">
        <v>89</v>
      </c>
      <c r="C79" s="14">
        <v>95</v>
      </c>
      <c r="D79" s="18">
        <v>184</v>
      </c>
    </row>
    <row r="80" spans="1:4" ht="18" customHeight="1" x14ac:dyDescent="0.15">
      <c r="A80" s="5">
        <v>62</v>
      </c>
      <c r="B80" s="22">
        <v>83</v>
      </c>
      <c r="C80" s="14">
        <v>102</v>
      </c>
      <c r="D80" s="18">
        <v>185</v>
      </c>
    </row>
    <row r="81" spans="1:4" ht="18" customHeight="1" x14ac:dyDescent="0.15">
      <c r="A81" s="5">
        <v>63</v>
      </c>
      <c r="B81" s="22">
        <v>84</v>
      </c>
      <c r="C81" s="14">
        <v>73</v>
      </c>
      <c r="D81" s="18">
        <v>157</v>
      </c>
    </row>
    <row r="82" spans="1:4" ht="18" customHeight="1" x14ac:dyDescent="0.15">
      <c r="A82" s="5">
        <v>64</v>
      </c>
      <c r="B82" s="22">
        <v>75</v>
      </c>
      <c r="C82" s="14">
        <v>83</v>
      </c>
      <c r="D82" s="18">
        <v>158</v>
      </c>
    </row>
    <row r="83" spans="1:4" ht="18" customHeight="1" x14ac:dyDescent="0.15">
      <c r="A83" s="5" t="s">
        <v>28</v>
      </c>
      <c r="B83" s="22">
        <v>418</v>
      </c>
      <c r="C83" s="14">
        <v>451</v>
      </c>
      <c r="D83" s="18">
        <v>869</v>
      </c>
    </row>
    <row r="84" spans="1:4" ht="18" customHeight="1" x14ac:dyDescent="0.15">
      <c r="A84" s="5" t="s">
        <v>31</v>
      </c>
      <c r="B84" s="22">
        <v>4632</v>
      </c>
      <c r="C84" s="14">
        <v>4616</v>
      </c>
      <c r="D84" s="18">
        <v>9248</v>
      </c>
    </row>
    <row r="85" spans="1:4" ht="18" customHeight="1" x14ac:dyDescent="0.15">
      <c r="A85" s="5">
        <v>65</v>
      </c>
      <c r="B85" s="22">
        <v>74</v>
      </c>
      <c r="C85" s="14">
        <v>94</v>
      </c>
      <c r="D85" s="18">
        <v>168</v>
      </c>
    </row>
    <row r="86" spans="1:4" ht="18" customHeight="1" x14ac:dyDescent="0.15">
      <c r="A86" s="5">
        <v>66</v>
      </c>
      <c r="B86" s="22">
        <v>68</v>
      </c>
      <c r="C86" s="14">
        <v>82</v>
      </c>
      <c r="D86" s="18">
        <v>150</v>
      </c>
    </row>
    <row r="87" spans="1:4" ht="18" customHeight="1" x14ac:dyDescent="0.15">
      <c r="A87" s="5">
        <v>67</v>
      </c>
      <c r="B87" s="22">
        <v>81</v>
      </c>
      <c r="C87" s="14">
        <v>93</v>
      </c>
      <c r="D87" s="18">
        <v>174</v>
      </c>
    </row>
    <row r="88" spans="1:4" ht="18" customHeight="1" x14ac:dyDescent="0.15">
      <c r="A88" s="5">
        <v>68</v>
      </c>
      <c r="B88" s="22">
        <v>62</v>
      </c>
      <c r="C88" s="14">
        <v>57</v>
      </c>
      <c r="D88" s="18">
        <v>119</v>
      </c>
    </row>
    <row r="89" spans="1:4" ht="18" customHeight="1" x14ac:dyDescent="0.15">
      <c r="A89" s="5">
        <v>69</v>
      </c>
      <c r="B89" s="22">
        <v>68</v>
      </c>
      <c r="C89" s="14">
        <v>67</v>
      </c>
      <c r="D89" s="18">
        <v>135</v>
      </c>
    </row>
    <row r="90" spans="1:4" ht="18" customHeight="1" x14ac:dyDescent="0.15">
      <c r="A90" s="5" t="s">
        <v>20</v>
      </c>
      <c r="B90" s="22">
        <v>353</v>
      </c>
      <c r="C90" s="14">
        <v>393</v>
      </c>
      <c r="D90" s="18">
        <v>746</v>
      </c>
    </row>
    <row r="91" spans="1:4" ht="18" customHeight="1" x14ac:dyDescent="0.15">
      <c r="A91" s="5">
        <v>70</v>
      </c>
      <c r="B91" s="22">
        <v>76</v>
      </c>
      <c r="C91" s="14">
        <v>82</v>
      </c>
      <c r="D91" s="18">
        <v>158</v>
      </c>
    </row>
    <row r="92" spans="1:4" ht="18" customHeight="1" x14ac:dyDescent="0.15">
      <c r="A92" s="5">
        <v>71</v>
      </c>
      <c r="B92" s="22">
        <v>76</v>
      </c>
      <c r="C92" s="14">
        <v>87</v>
      </c>
      <c r="D92" s="18">
        <v>163</v>
      </c>
    </row>
    <row r="93" spans="1:4" ht="18" customHeight="1" x14ac:dyDescent="0.15">
      <c r="A93" s="5">
        <v>72</v>
      </c>
      <c r="B93" s="22">
        <v>91</v>
      </c>
      <c r="C93" s="14">
        <v>76</v>
      </c>
      <c r="D93" s="18">
        <v>167</v>
      </c>
    </row>
    <row r="94" spans="1:4" ht="18" customHeight="1" x14ac:dyDescent="0.15">
      <c r="A94" s="5">
        <v>73</v>
      </c>
      <c r="B94" s="22">
        <v>66</v>
      </c>
      <c r="C94" s="14">
        <v>81</v>
      </c>
      <c r="D94" s="18">
        <v>147</v>
      </c>
    </row>
    <row r="95" spans="1:4" ht="18" customHeight="1" x14ac:dyDescent="0.15">
      <c r="A95" s="5">
        <v>74</v>
      </c>
      <c r="B95" s="22">
        <v>80</v>
      </c>
      <c r="C95" s="14">
        <v>90</v>
      </c>
      <c r="D95" s="18">
        <v>170</v>
      </c>
    </row>
    <row r="96" spans="1:4" ht="18" customHeight="1" x14ac:dyDescent="0.15">
      <c r="A96" s="5" t="s">
        <v>33</v>
      </c>
      <c r="B96" s="22">
        <v>389</v>
      </c>
      <c r="C96" s="14">
        <v>416</v>
      </c>
      <c r="D96" s="18">
        <v>805</v>
      </c>
    </row>
    <row r="97" spans="1:4" ht="18" customHeight="1" x14ac:dyDescent="0.15">
      <c r="A97" s="5">
        <v>75</v>
      </c>
      <c r="B97" s="22">
        <v>65</v>
      </c>
      <c r="C97" s="14">
        <v>100</v>
      </c>
      <c r="D97" s="18">
        <v>165</v>
      </c>
    </row>
    <row r="98" spans="1:4" ht="18" customHeight="1" x14ac:dyDescent="0.15">
      <c r="A98" s="5">
        <v>76</v>
      </c>
      <c r="B98" s="22">
        <v>79</v>
      </c>
      <c r="C98" s="14">
        <v>118</v>
      </c>
      <c r="D98" s="18">
        <v>197</v>
      </c>
    </row>
    <row r="99" spans="1:4" ht="18" customHeight="1" x14ac:dyDescent="0.15">
      <c r="A99" s="5">
        <v>77</v>
      </c>
      <c r="B99" s="22">
        <v>91</v>
      </c>
      <c r="C99" s="14">
        <v>105</v>
      </c>
      <c r="D99" s="18">
        <v>196</v>
      </c>
    </row>
    <row r="100" spans="1:4" ht="18" customHeight="1" x14ac:dyDescent="0.15">
      <c r="A100" s="5">
        <v>78</v>
      </c>
      <c r="B100" s="22">
        <v>83</v>
      </c>
      <c r="C100" s="14">
        <v>110</v>
      </c>
      <c r="D100" s="18">
        <v>193</v>
      </c>
    </row>
    <row r="101" spans="1:4" ht="18" customHeight="1" x14ac:dyDescent="0.15">
      <c r="A101" s="5">
        <v>79</v>
      </c>
      <c r="B101" s="22">
        <v>89</v>
      </c>
      <c r="C101" s="14">
        <v>87</v>
      </c>
      <c r="D101" s="18">
        <v>176</v>
      </c>
    </row>
    <row r="102" spans="1:4" ht="18" customHeight="1" x14ac:dyDescent="0.15">
      <c r="A102" s="5" t="s">
        <v>0</v>
      </c>
      <c r="B102" s="22">
        <v>407</v>
      </c>
      <c r="C102" s="14">
        <v>520</v>
      </c>
      <c r="D102" s="18">
        <v>927</v>
      </c>
    </row>
    <row r="103" spans="1:4" ht="18" customHeight="1" x14ac:dyDescent="0.15">
      <c r="A103" s="5">
        <v>80</v>
      </c>
      <c r="B103" s="22">
        <v>42</v>
      </c>
      <c r="C103" s="14">
        <v>66</v>
      </c>
      <c r="D103" s="18">
        <v>108</v>
      </c>
    </row>
    <row r="104" spans="1:4" ht="18" customHeight="1" x14ac:dyDescent="0.15">
      <c r="A104" s="5">
        <v>81</v>
      </c>
      <c r="B104" s="22">
        <v>59</v>
      </c>
      <c r="C104" s="14">
        <v>81</v>
      </c>
      <c r="D104" s="18">
        <v>140</v>
      </c>
    </row>
    <row r="105" spans="1:4" ht="18" customHeight="1" x14ac:dyDescent="0.15">
      <c r="A105" s="5">
        <v>82</v>
      </c>
      <c r="B105" s="22">
        <v>59</v>
      </c>
      <c r="C105" s="14">
        <v>93</v>
      </c>
      <c r="D105" s="18">
        <v>152</v>
      </c>
    </row>
    <row r="106" spans="1:4" ht="18" customHeight="1" x14ac:dyDescent="0.15">
      <c r="A106" s="5">
        <v>83</v>
      </c>
      <c r="B106" s="22">
        <v>41</v>
      </c>
      <c r="C106" s="14">
        <v>68</v>
      </c>
      <c r="D106" s="18">
        <v>109</v>
      </c>
    </row>
    <row r="107" spans="1:4" ht="18" customHeight="1" x14ac:dyDescent="0.15">
      <c r="A107" s="5">
        <v>84</v>
      </c>
      <c r="B107" s="22">
        <v>59</v>
      </c>
      <c r="C107" s="14">
        <v>91</v>
      </c>
      <c r="D107" s="18">
        <v>150</v>
      </c>
    </row>
    <row r="108" spans="1:4" ht="18" customHeight="1" x14ac:dyDescent="0.15">
      <c r="A108" s="5" t="s">
        <v>35</v>
      </c>
      <c r="B108" s="22">
        <v>260</v>
      </c>
      <c r="C108" s="14">
        <v>399</v>
      </c>
      <c r="D108" s="18">
        <v>659</v>
      </c>
    </row>
    <row r="109" spans="1:4" ht="18" customHeight="1" x14ac:dyDescent="0.15">
      <c r="A109" s="5">
        <v>85</v>
      </c>
      <c r="B109" s="22">
        <v>45</v>
      </c>
      <c r="C109" s="14">
        <v>75</v>
      </c>
      <c r="D109" s="18">
        <v>120</v>
      </c>
    </row>
    <row r="110" spans="1:4" ht="18" customHeight="1" x14ac:dyDescent="0.15">
      <c r="A110" s="5">
        <v>86</v>
      </c>
      <c r="B110" s="22">
        <v>43</v>
      </c>
      <c r="C110" s="14">
        <v>44</v>
      </c>
      <c r="D110" s="18">
        <v>87</v>
      </c>
    </row>
    <row r="111" spans="1:4" ht="18" customHeight="1" x14ac:dyDescent="0.15">
      <c r="A111" s="5">
        <v>87</v>
      </c>
      <c r="B111" s="22">
        <v>24</v>
      </c>
      <c r="C111" s="14">
        <v>42</v>
      </c>
      <c r="D111" s="18">
        <v>66</v>
      </c>
    </row>
    <row r="112" spans="1:4" ht="18" customHeight="1" x14ac:dyDescent="0.15">
      <c r="A112" s="5">
        <v>88</v>
      </c>
      <c r="B112" s="22">
        <v>30</v>
      </c>
      <c r="C112" s="14">
        <v>41</v>
      </c>
      <c r="D112" s="18">
        <v>71</v>
      </c>
    </row>
    <row r="113" spans="1:4" ht="18" customHeight="1" x14ac:dyDescent="0.15">
      <c r="A113" s="5">
        <v>89</v>
      </c>
      <c r="B113" s="22">
        <v>22</v>
      </c>
      <c r="C113" s="14">
        <v>58</v>
      </c>
      <c r="D113" s="18">
        <v>80</v>
      </c>
    </row>
    <row r="114" spans="1:4" ht="18" customHeight="1" x14ac:dyDescent="0.15">
      <c r="A114" s="5" t="s">
        <v>37</v>
      </c>
      <c r="B114" s="22">
        <v>164</v>
      </c>
      <c r="C114" s="14">
        <v>260</v>
      </c>
      <c r="D114" s="18">
        <v>424</v>
      </c>
    </row>
    <row r="115" spans="1:4" ht="18" customHeight="1" x14ac:dyDescent="0.15">
      <c r="A115" s="5">
        <v>90</v>
      </c>
      <c r="B115" s="22">
        <v>27</v>
      </c>
      <c r="C115" s="14">
        <v>43</v>
      </c>
      <c r="D115" s="18">
        <v>70</v>
      </c>
    </row>
    <row r="116" spans="1:4" ht="18" customHeight="1" x14ac:dyDescent="0.15">
      <c r="A116" s="5">
        <v>91</v>
      </c>
      <c r="B116" s="22">
        <v>20</v>
      </c>
      <c r="C116" s="14">
        <v>44</v>
      </c>
      <c r="D116" s="18">
        <v>64</v>
      </c>
    </row>
    <row r="117" spans="1:4" ht="18" customHeight="1" x14ac:dyDescent="0.15">
      <c r="A117" s="5">
        <v>92</v>
      </c>
      <c r="B117" s="22">
        <v>14</v>
      </c>
      <c r="C117" s="14">
        <v>37</v>
      </c>
      <c r="D117" s="18">
        <v>51</v>
      </c>
    </row>
    <row r="118" spans="1:4" ht="18" customHeight="1" x14ac:dyDescent="0.15">
      <c r="A118" s="5">
        <v>93</v>
      </c>
      <c r="B118" s="22">
        <v>7</v>
      </c>
      <c r="C118" s="14">
        <v>43</v>
      </c>
      <c r="D118" s="18">
        <v>50</v>
      </c>
    </row>
    <row r="119" spans="1:4" ht="18" customHeight="1" x14ac:dyDescent="0.15">
      <c r="A119" s="5">
        <v>94</v>
      </c>
      <c r="B119" s="22">
        <v>2</v>
      </c>
      <c r="C119" s="14">
        <v>17</v>
      </c>
      <c r="D119" s="18">
        <v>19</v>
      </c>
    </row>
    <row r="120" spans="1:4" ht="18" customHeight="1" x14ac:dyDescent="0.15">
      <c r="A120" s="5" t="s">
        <v>39</v>
      </c>
      <c r="B120" s="22">
        <v>70</v>
      </c>
      <c r="C120" s="14">
        <v>184</v>
      </c>
      <c r="D120" s="18">
        <v>254</v>
      </c>
    </row>
    <row r="121" spans="1:4" ht="18" customHeight="1" x14ac:dyDescent="0.15">
      <c r="A121" s="5">
        <v>95</v>
      </c>
      <c r="B121" s="22">
        <v>6</v>
      </c>
      <c r="C121" s="14">
        <v>22</v>
      </c>
      <c r="D121" s="18">
        <v>28</v>
      </c>
    </row>
    <row r="122" spans="1:4" ht="18" customHeight="1" x14ac:dyDescent="0.15">
      <c r="A122" s="5">
        <v>96</v>
      </c>
      <c r="B122" s="22">
        <v>6</v>
      </c>
      <c r="C122" s="14">
        <v>12</v>
      </c>
      <c r="D122" s="18">
        <v>18</v>
      </c>
    </row>
    <row r="123" spans="1:4" ht="18" customHeight="1" x14ac:dyDescent="0.15">
      <c r="A123" s="5">
        <v>97</v>
      </c>
      <c r="B123" s="22">
        <v>0</v>
      </c>
      <c r="C123" s="14">
        <v>6</v>
      </c>
      <c r="D123" s="18">
        <v>6</v>
      </c>
    </row>
    <row r="124" spans="1:4" ht="18" customHeight="1" x14ac:dyDescent="0.15">
      <c r="A124" s="5">
        <v>98</v>
      </c>
      <c r="B124" s="22">
        <v>1</v>
      </c>
      <c r="C124" s="14">
        <v>8</v>
      </c>
      <c r="D124" s="18">
        <v>9</v>
      </c>
    </row>
    <row r="125" spans="1:4" ht="18" customHeight="1" x14ac:dyDescent="0.15">
      <c r="A125" s="5">
        <v>99</v>
      </c>
      <c r="B125" s="22">
        <v>2</v>
      </c>
      <c r="C125" s="14">
        <v>4</v>
      </c>
      <c r="D125" s="18">
        <v>6</v>
      </c>
    </row>
    <row r="126" spans="1:4" ht="18" customHeight="1" x14ac:dyDescent="0.15">
      <c r="A126" s="5" t="s">
        <v>40</v>
      </c>
      <c r="B126" s="22">
        <v>15</v>
      </c>
      <c r="C126" s="14">
        <v>52</v>
      </c>
      <c r="D126" s="18">
        <v>67</v>
      </c>
    </row>
    <row r="127" spans="1:4" ht="18" customHeight="1" x14ac:dyDescent="0.15">
      <c r="A127" s="5">
        <v>100</v>
      </c>
      <c r="B127" s="22">
        <v>1</v>
      </c>
      <c r="C127" s="14">
        <v>5</v>
      </c>
      <c r="D127" s="18">
        <v>6</v>
      </c>
    </row>
    <row r="128" spans="1:4" ht="18" customHeight="1" x14ac:dyDescent="0.15">
      <c r="A128" s="6" t="s">
        <v>43</v>
      </c>
      <c r="B128" s="22">
        <v>1</v>
      </c>
      <c r="C128" s="14">
        <v>5</v>
      </c>
      <c r="D128" s="18">
        <v>6</v>
      </c>
    </row>
    <row r="129" spans="1:4" ht="18" customHeight="1" x14ac:dyDescent="0.15">
      <c r="A129" s="5" t="s">
        <v>44</v>
      </c>
      <c r="B129" s="22">
        <v>2</v>
      </c>
      <c r="C129" s="14">
        <v>10</v>
      </c>
      <c r="D129" s="18">
        <v>12</v>
      </c>
    </row>
    <row r="130" spans="1:4" ht="18" customHeight="1" x14ac:dyDescent="0.15">
      <c r="A130" s="5" t="s">
        <v>46</v>
      </c>
      <c r="B130" s="22">
        <v>1660</v>
      </c>
      <c r="C130" s="14">
        <v>2234</v>
      </c>
      <c r="D130" s="18">
        <v>3894</v>
      </c>
    </row>
    <row r="131" spans="1:4" ht="18" customHeight="1" x14ac:dyDescent="0.15">
      <c r="A131" s="7" t="s">
        <v>45</v>
      </c>
      <c r="B131" s="23">
        <v>7322</v>
      </c>
      <c r="C131" s="15">
        <v>7807</v>
      </c>
      <c r="D131" s="19">
        <v>1512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2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6</v>
      </c>
      <c r="C5" s="13">
        <v>19</v>
      </c>
      <c r="D5" s="17">
        <v>35</v>
      </c>
    </row>
    <row r="6" spans="1:4" ht="18" customHeight="1" x14ac:dyDescent="0.15">
      <c r="A6" s="5">
        <v>1</v>
      </c>
      <c r="B6" s="22">
        <v>23</v>
      </c>
      <c r="C6" s="14">
        <v>23</v>
      </c>
      <c r="D6" s="18">
        <v>46</v>
      </c>
    </row>
    <row r="7" spans="1:4" ht="18" customHeight="1" x14ac:dyDescent="0.15">
      <c r="A7" s="5">
        <v>2</v>
      </c>
      <c r="B7" s="22">
        <v>24</v>
      </c>
      <c r="C7" s="14">
        <v>14</v>
      </c>
      <c r="D7" s="18">
        <v>38</v>
      </c>
    </row>
    <row r="8" spans="1:4" ht="18" customHeight="1" x14ac:dyDescent="0.15">
      <c r="A8" s="5">
        <v>3</v>
      </c>
      <c r="B8" s="22">
        <v>20</v>
      </c>
      <c r="C8" s="14">
        <v>25</v>
      </c>
      <c r="D8" s="18">
        <v>45</v>
      </c>
    </row>
    <row r="9" spans="1:4" ht="18" customHeight="1" x14ac:dyDescent="0.15">
      <c r="A9" s="5">
        <v>4</v>
      </c>
      <c r="B9" s="22">
        <v>27</v>
      </c>
      <c r="C9" s="14">
        <v>17</v>
      </c>
      <c r="D9" s="18">
        <v>44</v>
      </c>
    </row>
    <row r="10" spans="1:4" ht="18" customHeight="1" x14ac:dyDescent="0.15">
      <c r="A10" s="5" t="s">
        <v>7</v>
      </c>
      <c r="B10" s="22">
        <v>110</v>
      </c>
      <c r="C10" s="14">
        <v>98</v>
      </c>
      <c r="D10" s="18">
        <v>208</v>
      </c>
    </row>
    <row r="11" spans="1:4" ht="18" customHeight="1" x14ac:dyDescent="0.15">
      <c r="A11" s="5">
        <v>5</v>
      </c>
      <c r="B11" s="22">
        <v>21</v>
      </c>
      <c r="C11" s="14">
        <v>18</v>
      </c>
      <c r="D11" s="18">
        <v>39</v>
      </c>
    </row>
    <row r="12" spans="1:4" ht="18" customHeight="1" x14ac:dyDescent="0.15">
      <c r="A12" s="5">
        <v>6</v>
      </c>
      <c r="B12" s="22">
        <v>32</v>
      </c>
      <c r="C12" s="14">
        <v>25</v>
      </c>
      <c r="D12" s="18">
        <v>57</v>
      </c>
    </row>
    <row r="13" spans="1:4" ht="18" customHeight="1" x14ac:dyDescent="0.15">
      <c r="A13" s="5">
        <v>7</v>
      </c>
      <c r="B13" s="22">
        <v>24</v>
      </c>
      <c r="C13" s="14">
        <v>32</v>
      </c>
      <c r="D13" s="18">
        <v>56</v>
      </c>
    </row>
    <row r="14" spans="1:4" ht="18" customHeight="1" x14ac:dyDescent="0.15">
      <c r="A14" s="5">
        <v>8</v>
      </c>
      <c r="B14" s="22">
        <v>20</v>
      </c>
      <c r="C14" s="14">
        <v>28</v>
      </c>
      <c r="D14" s="18">
        <v>48</v>
      </c>
    </row>
    <row r="15" spans="1:4" ht="18" customHeight="1" x14ac:dyDescent="0.15">
      <c r="A15" s="5">
        <v>9</v>
      </c>
      <c r="B15" s="22">
        <v>23</v>
      </c>
      <c r="C15" s="14">
        <v>32</v>
      </c>
      <c r="D15" s="18">
        <v>55</v>
      </c>
    </row>
    <row r="16" spans="1:4" ht="18" customHeight="1" x14ac:dyDescent="0.15">
      <c r="A16" s="5" t="s">
        <v>11</v>
      </c>
      <c r="B16" s="22">
        <v>120</v>
      </c>
      <c r="C16" s="14">
        <v>135</v>
      </c>
      <c r="D16" s="18">
        <v>255</v>
      </c>
    </row>
    <row r="17" spans="1:4" ht="18" customHeight="1" x14ac:dyDescent="0.15">
      <c r="A17" s="5">
        <v>10</v>
      </c>
      <c r="B17" s="22">
        <v>32</v>
      </c>
      <c r="C17" s="14">
        <v>22</v>
      </c>
      <c r="D17" s="18">
        <v>54</v>
      </c>
    </row>
    <row r="18" spans="1:4" ht="18" customHeight="1" x14ac:dyDescent="0.15">
      <c r="A18" s="5">
        <v>11</v>
      </c>
      <c r="B18" s="22">
        <v>32</v>
      </c>
      <c r="C18" s="14">
        <v>40</v>
      </c>
      <c r="D18" s="18">
        <v>72</v>
      </c>
    </row>
    <row r="19" spans="1:4" ht="18" customHeight="1" x14ac:dyDescent="0.15">
      <c r="A19" s="5">
        <v>12</v>
      </c>
      <c r="B19" s="22">
        <v>29</v>
      </c>
      <c r="C19" s="14">
        <v>30</v>
      </c>
      <c r="D19" s="18">
        <v>59</v>
      </c>
    </row>
    <row r="20" spans="1:4" ht="18" customHeight="1" x14ac:dyDescent="0.15">
      <c r="A20" s="5">
        <v>13</v>
      </c>
      <c r="B20" s="22">
        <v>23</v>
      </c>
      <c r="C20" s="14">
        <v>32</v>
      </c>
      <c r="D20" s="18">
        <v>55</v>
      </c>
    </row>
    <row r="21" spans="1:4" ht="18" customHeight="1" x14ac:dyDescent="0.15">
      <c r="A21" s="5">
        <v>14</v>
      </c>
      <c r="B21" s="22">
        <v>25</v>
      </c>
      <c r="C21" s="14">
        <v>34</v>
      </c>
      <c r="D21" s="18">
        <v>59</v>
      </c>
    </row>
    <row r="22" spans="1:4" ht="18" customHeight="1" x14ac:dyDescent="0.15">
      <c r="A22" s="5" t="s">
        <v>12</v>
      </c>
      <c r="B22" s="22">
        <v>141</v>
      </c>
      <c r="C22" s="14">
        <v>158</v>
      </c>
      <c r="D22" s="18">
        <v>299</v>
      </c>
    </row>
    <row r="23" spans="1:4" ht="18" customHeight="1" x14ac:dyDescent="0.15">
      <c r="A23" s="5" t="s">
        <v>6</v>
      </c>
      <c r="B23" s="22">
        <v>371</v>
      </c>
      <c r="C23" s="14">
        <v>391</v>
      </c>
      <c r="D23" s="18">
        <v>762</v>
      </c>
    </row>
    <row r="24" spans="1:4" ht="18" customHeight="1" x14ac:dyDescent="0.15">
      <c r="A24" s="5">
        <v>15</v>
      </c>
      <c r="B24" s="22">
        <v>23</v>
      </c>
      <c r="C24" s="14">
        <v>25</v>
      </c>
      <c r="D24" s="18">
        <v>48</v>
      </c>
    </row>
    <row r="25" spans="1:4" ht="18" customHeight="1" x14ac:dyDescent="0.15">
      <c r="A25" s="5">
        <v>16</v>
      </c>
      <c r="B25" s="22">
        <v>31</v>
      </c>
      <c r="C25" s="14">
        <v>33</v>
      </c>
      <c r="D25" s="18">
        <v>64</v>
      </c>
    </row>
    <row r="26" spans="1:4" ht="18" customHeight="1" x14ac:dyDescent="0.15">
      <c r="A26" s="5">
        <v>17</v>
      </c>
      <c r="B26" s="22">
        <v>28</v>
      </c>
      <c r="C26" s="14">
        <v>23</v>
      </c>
      <c r="D26" s="18">
        <v>51</v>
      </c>
    </row>
    <row r="27" spans="1:4" ht="18" customHeight="1" x14ac:dyDescent="0.15">
      <c r="A27" s="5">
        <v>18</v>
      </c>
      <c r="B27" s="22">
        <v>26</v>
      </c>
      <c r="C27" s="14">
        <v>24</v>
      </c>
      <c r="D27" s="18">
        <v>50</v>
      </c>
    </row>
    <row r="28" spans="1:4" ht="18" customHeight="1" x14ac:dyDescent="0.15">
      <c r="A28" s="5">
        <v>19</v>
      </c>
      <c r="B28" s="22">
        <v>24</v>
      </c>
      <c r="C28" s="14">
        <v>30</v>
      </c>
      <c r="D28" s="18">
        <v>54</v>
      </c>
    </row>
    <row r="29" spans="1:4" ht="18" customHeight="1" x14ac:dyDescent="0.15">
      <c r="A29" s="5" t="s">
        <v>14</v>
      </c>
      <c r="B29" s="22">
        <v>132</v>
      </c>
      <c r="C29" s="14">
        <v>135</v>
      </c>
      <c r="D29" s="18">
        <v>267</v>
      </c>
    </row>
    <row r="30" spans="1:4" ht="18" customHeight="1" x14ac:dyDescent="0.15">
      <c r="A30" s="5">
        <v>20</v>
      </c>
      <c r="B30" s="22">
        <v>34</v>
      </c>
      <c r="C30" s="14">
        <v>36</v>
      </c>
      <c r="D30" s="18">
        <v>70</v>
      </c>
    </row>
    <row r="31" spans="1:4" ht="18" customHeight="1" x14ac:dyDescent="0.15">
      <c r="A31" s="5">
        <v>21</v>
      </c>
      <c r="B31" s="22">
        <v>21</v>
      </c>
      <c r="C31" s="14">
        <v>33</v>
      </c>
      <c r="D31" s="18">
        <v>54</v>
      </c>
    </row>
    <row r="32" spans="1:4" ht="18" customHeight="1" x14ac:dyDescent="0.15">
      <c r="A32" s="5">
        <v>22</v>
      </c>
      <c r="B32" s="22">
        <v>39</v>
      </c>
      <c r="C32" s="14">
        <v>54</v>
      </c>
      <c r="D32" s="18">
        <v>93</v>
      </c>
    </row>
    <row r="33" spans="1:4" ht="18" customHeight="1" x14ac:dyDescent="0.15">
      <c r="A33" s="5">
        <v>23</v>
      </c>
      <c r="B33" s="22">
        <v>46</v>
      </c>
      <c r="C33" s="14">
        <v>36</v>
      </c>
      <c r="D33" s="18">
        <v>82</v>
      </c>
    </row>
    <row r="34" spans="1:4" ht="18" customHeight="1" x14ac:dyDescent="0.15">
      <c r="A34" s="5">
        <v>24</v>
      </c>
      <c r="B34" s="22">
        <v>71</v>
      </c>
      <c r="C34" s="14">
        <v>45</v>
      </c>
      <c r="D34" s="18">
        <v>116</v>
      </c>
    </row>
    <row r="35" spans="1:4" ht="18" customHeight="1" x14ac:dyDescent="0.15">
      <c r="A35" s="5" t="s">
        <v>9</v>
      </c>
      <c r="B35" s="22">
        <v>211</v>
      </c>
      <c r="C35" s="14">
        <v>204</v>
      </c>
      <c r="D35" s="18">
        <v>415</v>
      </c>
    </row>
    <row r="36" spans="1:4" ht="18" customHeight="1" x14ac:dyDescent="0.15">
      <c r="A36" s="5">
        <v>25</v>
      </c>
      <c r="B36" s="22">
        <v>60</v>
      </c>
      <c r="C36" s="14">
        <v>45</v>
      </c>
      <c r="D36" s="18">
        <v>105</v>
      </c>
    </row>
    <row r="37" spans="1:4" ht="18" customHeight="1" x14ac:dyDescent="0.15">
      <c r="A37" s="5">
        <v>26</v>
      </c>
      <c r="B37" s="22">
        <v>52</v>
      </c>
      <c r="C37" s="14">
        <v>35</v>
      </c>
      <c r="D37" s="18">
        <v>87</v>
      </c>
    </row>
    <row r="38" spans="1:4" ht="18" customHeight="1" x14ac:dyDescent="0.15">
      <c r="A38" s="5">
        <v>27</v>
      </c>
      <c r="B38" s="22">
        <v>59</v>
      </c>
      <c r="C38" s="14">
        <v>26</v>
      </c>
      <c r="D38" s="18">
        <v>85</v>
      </c>
    </row>
    <row r="39" spans="1:4" ht="18" customHeight="1" x14ac:dyDescent="0.15">
      <c r="A39" s="5">
        <v>28</v>
      </c>
      <c r="B39" s="22">
        <v>61</v>
      </c>
      <c r="C39" s="14">
        <v>47</v>
      </c>
      <c r="D39" s="18">
        <v>108</v>
      </c>
    </row>
    <row r="40" spans="1:4" ht="18" customHeight="1" x14ac:dyDescent="0.15">
      <c r="A40" s="5">
        <v>29</v>
      </c>
      <c r="B40" s="22">
        <v>56</v>
      </c>
      <c r="C40" s="14">
        <v>31</v>
      </c>
      <c r="D40" s="18">
        <v>87</v>
      </c>
    </row>
    <row r="41" spans="1:4" ht="18" customHeight="1" x14ac:dyDescent="0.15">
      <c r="A41" s="5" t="s">
        <v>2</v>
      </c>
      <c r="B41" s="22">
        <v>288</v>
      </c>
      <c r="C41" s="14">
        <v>184</v>
      </c>
      <c r="D41" s="18">
        <v>472</v>
      </c>
    </row>
    <row r="42" spans="1:4" ht="18" customHeight="1" x14ac:dyDescent="0.15">
      <c r="A42" s="5">
        <v>30</v>
      </c>
      <c r="B42" s="22">
        <v>45</v>
      </c>
      <c r="C42" s="14">
        <v>41</v>
      </c>
      <c r="D42" s="18">
        <v>86</v>
      </c>
    </row>
    <row r="43" spans="1:4" ht="18" customHeight="1" x14ac:dyDescent="0.15">
      <c r="A43" s="5">
        <v>31</v>
      </c>
      <c r="B43" s="22">
        <v>45</v>
      </c>
      <c r="C43" s="14">
        <v>26</v>
      </c>
      <c r="D43" s="18">
        <v>71</v>
      </c>
    </row>
    <row r="44" spans="1:4" ht="18" customHeight="1" x14ac:dyDescent="0.15">
      <c r="A44" s="5">
        <v>32</v>
      </c>
      <c r="B44" s="22">
        <v>44</v>
      </c>
      <c r="C44" s="14">
        <v>37</v>
      </c>
      <c r="D44" s="18">
        <v>81</v>
      </c>
    </row>
    <row r="45" spans="1:4" ht="18" customHeight="1" x14ac:dyDescent="0.15">
      <c r="A45" s="5">
        <v>33</v>
      </c>
      <c r="B45" s="22">
        <v>40</v>
      </c>
      <c r="C45" s="14">
        <v>24</v>
      </c>
      <c r="D45" s="18">
        <v>64</v>
      </c>
    </row>
    <row r="46" spans="1:4" ht="18" customHeight="1" x14ac:dyDescent="0.15">
      <c r="A46" s="5">
        <v>34</v>
      </c>
      <c r="B46" s="22">
        <v>33</v>
      </c>
      <c r="C46" s="14">
        <v>27</v>
      </c>
      <c r="D46" s="18">
        <v>60</v>
      </c>
    </row>
    <row r="47" spans="1:4" ht="18" customHeight="1" x14ac:dyDescent="0.15">
      <c r="A47" s="5" t="s">
        <v>15</v>
      </c>
      <c r="B47" s="22">
        <v>207</v>
      </c>
      <c r="C47" s="14">
        <v>155</v>
      </c>
      <c r="D47" s="18">
        <v>362</v>
      </c>
    </row>
    <row r="48" spans="1:4" ht="18" customHeight="1" x14ac:dyDescent="0.15">
      <c r="A48" s="5">
        <v>35</v>
      </c>
      <c r="B48" s="22">
        <v>35</v>
      </c>
      <c r="C48" s="14">
        <v>29</v>
      </c>
      <c r="D48" s="18">
        <v>64</v>
      </c>
    </row>
    <row r="49" spans="1:4" ht="18" customHeight="1" x14ac:dyDescent="0.15">
      <c r="A49" s="5">
        <v>36</v>
      </c>
      <c r="B49" s="22">
        <v>36</v>
      </c>
      <c r="C49" s="14">
        <v>33</v>
      </c>
      <c r="D49" s="18">
        <v>69</v>
      </c>
    </row>
    <row r="50" spans="1:4" ht="18" customHeight="1" x14ac:dyDescent="0.15">
      <c r="A50" s="5">
        <v>37</v>
      </c>
      <c r="B50" s="22">
        <v>42</v>
      </c>
      <c r="C50" s="14">
        <v>42</v>
      </c>
      <c r="D50" s="18">
        <v>84</v>
      </c>
    </row>
    <row r="51" spans="1:4" ht="18" customHeight="1" x14ac:dyDescent="0.15">
      <c r="A51" s="5">
        <v>38</v>
      </c>
      <c r="B51" s="22">
        <v>44</v>
      </c>
      <c r="C51" s="14">
        <v>32</v>
      </c>
      <c r="D51" s="18">
        <v>76</v>
      </c>
    </row>
    <row r="52" spans="1:4" ht="18" customHeight="1" x14ac:dyDescent="0.15">
      <c r="A52" s="5">
        <v>39</v>
      </c>
      <c r="B52" s="22">
        <v>41</v>
      </c>
      <c r="C52" s="14">
        <v>45</v>
      </c>
      <c r="D52" s="18">
        <v>86</v>
      </c>
    </row>
    <row r="53" spans="1:4" ht="18" customHeight="1" x14ac:dyDescent="0.15">
      <c r="A53" s="5" t="s">
        <v>18</v>
      </c>
      <c r="B53" s="22">
        <v>198</v>
      </c>
      <c r="C53" s="14">
        <v>181</v>
      </c>
      <c r="D53" s="18">
        <v>379</v>
      </c>
    </row>
    <row r="54" spans="1:4" ht="18" customHeight="1" x14ac:dyDescent="0.15">
      <c r="A54" s="5">
        <v>40</v>
      </c>
      <c r="B54" s="22">
        <v>45</v>
      </c>
      <c r="C54" s="14">
        <v>37</v>
      </c>
      <c r="D54" s="18">
        <v>82</v>
      </c>
    </row>
    <row r="55" spans="1:4" ht="18" customHeight="1" x14ac:dyDescent="0.15">
      <c r="A55" s="5">
        <v>41</v>
      </c>
      <c r="B55" s="22">
        <v>51</v>
      </c>
      <c r="C55" s="14">
        <v>53</v>
      </c>
      <c r="D55" s="18">
        <v>104</v>
      </c>
    </row>
    <row r="56" spans="1:4" ht="18" customHeight="1" x14ac:dyDescent="0.15">
      <c r="A56" s="5">
        <v>42</v>
      </c>
      <c r="B56" s="22">
        <v>59</v>
      </c>
      <c r="C56" s="14">
        <v>39</v>
      </c>
      <c r="D56" s="18">
        <v>98</v>
      </c>
    </row>
    <row r="57" spans="1:4" ht="18" customHeight="1" x14ac:dyDescent="0.15">
      <c r="A57" s="5">
        <v>43</v>
      </c>
      <c r="B57" s="22">
        <v>43</v>
      </c>
      <c r="C57" s="14">
        <v>44</v>
      </c>
      <c r="D57" s="18">
        <v>87</v>
      </c>
    </row>
    <row r="58" spans="1:4" ht="18" customHeight="1" x14ac:dyDescent="0.15">
      <c r="A58" s="5">
        <v>44</v>
      </c>
      <c r="B58" s="22">
        <v>41</v>
      </c>
      <c r="C58" s="14">
        <v>43</v>
      </c>
      <c r="D58" s="18">
        <v>84</v>
      </c>
    </row>
    <row r="59" spans="1:4" ht="18" customHeight="1" x14ac:dyDescent="0.15">
      <c r="A59" s="5" t="s">
        <v>21</v>
      </c>
      <c r="B59" s="22">
        <v>239</v>
      </c>
      <c r="C59" s="14">
        <v>216</v>
      </c>
      <c r="D59" s="18">
        <v>455</v>
      </c>
    </row>
    <row r="60" spans="1:4" ht="18" customHeight="1" x14ac:dyDescent="0.15">
      <c r="A60" s="5">
        <v>45</v>
      </c>
      <c r="B60" s="22">
        <v>44</v>
      </c>
      <c r="C60" s="14">
        <v>44</v>
      </c>
      <c r="D60" s="18">
        <v>88</v>
      </c>
    </row>
    <row r="61" spans="1:4" ht="18" customHeight="1" x14ac:dyDescent="0.15">
      <c r="A61" s="5">
        <v>46</v>
      </c>
      <c r="B61" s="22">
        <v>39</v>
      </c>
      <c r="C61" s="14">
        <v>55</v>
      </c>
      <c r="D61" s="18">
        <v>94</v>
      </c>
    </row>
    <row r="62" spans="1:4" ht="18" customHeight="1" x14ac:dyDescent="0.15">
      <c r="A62" s="5">
        <v>47</v>
      </c>
      <c r="B62" s="22">
        <v>38</v>
      </c>
      <c r="C62" s="14">
        <v>48</v>
      </c>
      <c r="D62" s="18">
        <v>86</v>
      </c>
    </row>
    <row r="63" spans="1:4" ht="18" customHeight="1" x14ac:dyDescent="0.15">
      <c r="A63" s="5">
        <v>48</v>
      </c>
      <c r="B63" s="22">
        <v>58</v>
      </c>
      <c r="C63" s="14">
        <v>44</v>
      </c>
      <c r="D63" s="18">
        <v>102</v>
      </c>
    </row>
    <row r="64" spans="1:4" ht="18" customHeight="1" x14ac:dyDescent="0.15">
      <c r="A64" s="5">
        <v>49</v>
      </c>
      <c r="B64" s="22">
        <v>43</v>
      </c>
      <c r="C64" s="14">
        <v>37</v>
      </c>
      <c r="D64" s="18">
        <v>80</v>
      </c>
    </row>
    <row r="65" spans="1:4" ht="18" customHeight="1" x14ac:dyDescent="0.15">
      <c r="A65" s="5" t="s">
        <v>17</v>
      </c>
      <c r="B65" s="22">
        <v>222</v>
      </c>
      <c r="C65" s="14">
        <v>228</v>
      </c>
      <c r="D65" s="18">
        <v>450</v>
      </c>
    </row>
    <row r="66" spans="1:4" ht="18" customHeight="1" x14ac:dyDescent="0.15">
      <c r="A66" s="5">
        <v>50</v>
      </c>
      <c r="B66" s="22">
        <v>51</v>
      </c>
      <c r="C66" s="14">
        <v>51</v>
      </c>
      <c r="D66" s="18">
        <v>102</v>
      </c>
    </row>
    <row r="67" spans="1:4" ht="18" customHeight="1" x14ac:dyDescent="0.15">
      <c r="A67" s="5">
        <v>51</v>
      </c>
      <c r="B67" s="22">
        <v>66</v>
      </c>
      <c r="C67" s="14">
        <v>62</v>
      </c>
      <c r="D67" s="18">
        <v>128</v>
      </c>
    </row>
    <row r="68" spans="1:4" ht="18" customHeight="1" x14ac:dyDescent="0.15">
      <c r="A68" s="5">
        <v>52</v>
      </c>
      <c r="B68" s="22">
        <v>67</v>
      </c>
      <c r="C68" s="14">
        <v>68</v>
      </c>
      <c r="D68" s="18">
        <v>135</v>
      </c>
    </row>
    <row r="69" spans="1:4" ht="18" customHeight="1" x14ac:dyDescent="0.15">
      <c r="A69" s="5">
        <v>53</v>
      </c>
      <c r="B69" s="22">
        <v>79</v>
      </c>
      <c r="C69" s="14">
        <v>67</v>
      </c>
      <c r="D69" s="18">
        <v>146</v>
      </c>
    </row>
    <row r="70" spans="1:4" ht="18" customHeight="1" x14ac:dyDescent="0.15">
      <c r="A70" s="5">
        <v>54</v>
      </c>
      <c r="B70" s="22">
        <v>55</v>
      </c>
      <c r="C70" s="14">
        <v>62</v>
      </c>
      <c r="D70" s="18">
        <v>117</v>
      </c>
    </row>
    <row r="71" spans="1:4" ht="18" customHeight="1" x14ac:dyDescent="0.15">
      <c r="A71" s="5" t="s">
        <v>22</v>
      </c>
      <c r="B71" s="22">
        <v>318</v>
      </c>
      <c r="C71" s="14">
        <v>310</v>
      </c>
      <c r="D71" s="18">
        <v>628</v>
      </c>
    </row>
    <row r="72" spans="1:4" ht="18" customHeight="1" x14ac:dyDescent="0.15">
      <c r="A72" s="5">
        <v>55</v>
      </c>
      <c r="B72" s="22">
        <v>68</v>
      </c>
      <c r="C72" s="14">
        <v>60</v>
      </c>
      <c r="D72" s="18">
        <v>128</v>
      </c>
    </row>
    <row r="73" spans="1:4" ht="18" customHeight="1" x14ac:dyDescent="0.15">
      <c r="A73" s="5">
        <v>56</v>
      </c>
      <c r="B73" s="22">
        <v>48</v>
      </c>
      <c r="C73" s="14">
        <v>43</v>
      </c>
      <c r="D73" s="18">
        <v>91</v>
      </c>
    </row>
    <row r="74" spans="1:4" ht="18" customHeight="1" x14ac:dyDescent="0.15">
      <c r="A74" s="5">
        <v>57</v>
      </c>
      <c r="B74" s="22">
        <v>84</v>
      </c>
      <c r="C74" s="14">
        <v>52</v>
      </c>
      <c r="D74" s="18">
        <v>136</v>
      </c>
    </row>
    <row r="75" spans="1:4" ht="18" customHeight="1" x14ac:dyDescent="0.15">
      <c r="A75" s="5">
        <v>58</v>
      </c>
      <c r="B75" s="22">
        <v>60</v>
      </c>
      <c r="C75" s="14">
        <v>49</v>
      </c>
      <c r="D75" s="18">
        <v>109</v>
      </c>
    </row>
    <row r="76" spans="1:4" ht="18" customHeight="1" x14ac:dyDescent="0.15">
      <c r="A76" s="5">
        <v>59</v>
      </c>
      <c r="B76" s="22">
        <v>47</v>
      </c>
      <c r="C76" s="14">
        <v>41</v>
      </c>
      <c r="D76" s="18">
        <v>88</v>
      </c>
    </row>
    <row r="77" spans="1:4" ht="18" customHeight="1" x14ac:dyDescent="0.15">
      <c r="A77" s="5" t="s">
        <v>27</v>
      </c>
      <c r="B77" s="22">
        <v>307</v>
      </c>
      <c r="C77" s="14">
        <v>245</v>
      </c>
      <c r="D77" s="18">
        <v>552</v>
      </c>
    </row>
    <row r="78" spans="1:4" ht="18" customHeight="1" x14ac:dyDescent="0.15">
      <c r="A78" s="5">
        <v>60</v>
      </c>
      <c r="B78" s="22">
        <v>49</v>
      </c>
      <c r="C78" s="14">
        <v>63</v>
      </c>
      <c r="D78" s="18">
        <v>112</v>
      </c>
    </row>
    <row r="79" spans="1:4" ht="18" customHeight="1" x14ac:dyDescent="0.15">
      <c r="A79" s="5">
        <v>61</v>
      </c>
      <c r="B79" s="22">
        <v>54</v>
      </c>
      <c r="C79" s="14">
        <v>45</v>
      </c>
      <c r="D79" s="18">
        <v>99</v>
      </c>
    </row>
    <row r="80" spans="1:4" ht="18" customHeight="1" x14ac:dyDescent="0.15">
      <c r="A80" s="5">
        <v>62</v>
      </c>
      <c r="B80" s="22">
        <v>49</v>
      </c>
      <c r="C80" s="14">
        <v>62</v>
      </c>
      <c r="D80" s="18">
        <v>111</v>
      </c>
    </row>
    <row r="81" spans="1:4" ht="18" customHeight="1" x14ac:dyDescent="0.15">
      <c r="A81" s="5">
        <v>63</v>
      </c>
      <c r="B81" s="22">
        <v>41</v>
      </c>
      <c r="C81" s="14">
        <v>54</v>
      </c>
      <c r="D81" s="18">
        <v>95</v>
      </c>
    </row>
    <row r="82" spans="1:4" ht="18" customHeight="1" x14ac:dyDescent="0.15">
      <c r="A82" s="5">
        <v>64</v>
      </c>
      <c r="B82" s="22">
        <v>48</v>
      </c>
      <c r="C82" s="14">
        <v>39</v>
      </c>
      <c r="D82" s="18">
        <v>87</v>
      </c>
    </row>
    <row r="83" spans="1:4" ht="18" customHeight="1" x14ac:dyDescent="0.15">
      <c r="A83" s="5" t="s">
        <v>28</v>
      </c>
      <c r="B83" s="22">
        <v>241</v>
      </c>
      <c r="C83" s="14">
        <v>263</v>
      </c>
      <c r="D83" s="18">
        <v>504</v>
      </c>
    </row>
    <row r="84" spans="1:4" ht="18" customHeight="1" x14ac:dyDescent="0.15">
      <c r="A84" s="5" t="s">
        <v>31</v>
      </c>
      <c r="B84" s="22">
        <v>2363</v>
      </c>
      <c r="C84" s="14">
        <v>2121</v>
      </c>
      <c r="D84" s="18">
        <v>4484</v>
      </c>
    </row>
    <row r="85" spans="1:4" ht="18" customHeight="1" x14ac:dyDescent="0.15">
      <c r="A85" s="5">
        <v>65</v>
      </c>
      <c r="B85" s="22">
        <v>45</v>
      </c>
      <c r="C85" s="14">
        <v>50</v>
      </c>
      <c r="D85" s="18">
        <v>95</v>
      </c>
    </row>
    <row r="86" spans="1:4" ht="18" customHeight="1" x14ac:dyDescent="0.15">
      <c r="A86" s="5">
        <v>66</v>
      </c>
      <c r="B86" s="22">
        <v>53</v>
      </c>
      <c r="C86" s="14">
        <v>52</v>
      </c>
      <c r="D86" s="18">
        <v>105</v>
      </c>
    </row>
    <row r="87" spans="1:4" ht="18" customHeight="1" x14ac:dyDescent="0.15">
      <c r="A87" s="5">
        <v>67</v>
      </c>
      <c r="B87" s="22">
        <v>51</v>
      </c>
      <c r="C87" s="14">
        <v>43</v>
      </c>
      <c r="D87" s="18">
        <v>94</v>
      </c>
    </row>
    <row r="88" spans="1:4" ht="18" customHeight="1" x14ac:dyDescent="0.15">
      <c r="A88" s="5">
        <v>68</v>
      </c>
      <c r="B88" s="22">
        <v>58</v>
      </c>
      <c r="C88" s="14">
        <v>43</v>
      </c>
      <c r="D88" s="18">
        <v>101</v>
      </c>
    </row>
    <row r="89" spans="1:4" ht="18" customHeight="1" x14ac:dyDescent="0.15">
      <c r="A89" s="5">
        <v>69</v>
      </c>
      <c r="B89" s="22">
        <v>36</v>
      </c>
      <c r="C89" s="14">
        <v>44</v>
      </c>
      <c r="D89" s="18">
        <v>80</v>
      </c>
    </row>
    <row r="90" spans="1:4" ht="18" customHeight="1" x14ac:dyDescent="0.15">
      <c r="A90" s="5" t="s">
        <v>20</v>
      </c>
      <c r="B90" s="22">
        <v>243</v>
      </c>
      <c r="C90" s="14">
        <v>232</v>
      </c>
      <c r="D90" s="18">
        <v>475</v>
      </c>
    </row>
    <row r="91" spans="1:4" ht="18" customHeight="1" x14ac:dyDescent="0.15">
      <c r="A91" s="5">
        <v>70</v>
      </c>
      <c r="B91" s="22">
        <v>44</v>
      </c>
      <c r="C91" s="14">
        <v>58</v>
      </c>
      <c r="D91" s="18">
        <v>102</v>
      </c>
    </row>
    <row r="92" spans="1:4" ht="18" customHeight="1" x14ac:dyDescent="0.15">
      <c r="A92" s="5">
        <v>71</v>
      </c>
      <c r="B92" s="22">
        <v>41</v>
      </c>
      <c r="C92" s="14">
        <v>49</v>
      </c>
      <c r="D92" s="18">
        <v>90</v>
      </c>
    </row>
    <row r="93" spans="1:4" ht="18" customHeight="1" x14ac:dyDescent="0.15">
      <c r="A93" s="5">
        <v>72</v>
      </c>
      <c r="B93" s="22">
        <v>47</v>
      </c>
      <c r="C93" s="14">
        <v>45</v>
      </c>
      <c r="D93" s="18">
        <v>92</v>
      </c>
    </row>
    <row r="94" spans="1:4" ht="18" customHeight="1" x14ac:dyDescent="0.15">
      <c r="A94" s="5">
        <v>73</v>
      </c>
      <c r="B94" s="22">
        <v>44</v>
      </c>
      <c r="C94" s="14">
        <v>52</v>
      </c>
      <c r="D94" s="18">
        <v>96</v>
      </c>
    </row>
    <row r="95" spans="1:4" ht="18" customHeight="1" x14ac:dyDescent="0.15">
      <c r="A95" s="5">
        <v>74</v>
      </c>
      <c r="B95" s="22">
        <v>35</v>
      </c>
      <c r="C95" s="14">
        <v>58</v>
      </c>
      <c r="D95" s="18">
        <v>93</v>
      </c>
    </row>
    <row r="96" spans="1:4" ht="18" customHeight="1" x14ac:dyDescent="0.15">
      <c r="A96" s="5" t="s">
        <v>33</v>
      </c>
      <c r="B96" s="22">
        <v>211</v>
      </c>
      <c r="C96" s="14">
        <v>262</v>
      </c>
      <c r="D96" s="18">
        <v>473</v>
      </c>
    </row>
    <row r="97" spans="1:4" ht="18" customHeight="1" x14ac:dyDescent="0.15">
      <c r="A97" s="5">
        <v>75</v>
      </c>
      <c r="B97" s="22">
        <v>53</v>
      </c>
      <c r="C97" s="14">
        <v>66</v>
      </c>
      <c r="D97" s="18">
        <v>119</v>
      </c>
    </row>
    <row r="98" spans="1:4" ht="18" customHeight="1" x14ac:dyDescent="0.15">
      <c r="A98" s="5">
        <v>76</v>
      </c>
      <c r="B98" s="22">
        <v>52</v>
      </c>
      <c r="C98" s="14">
        <v>75</v>
      </c>
      <c r="D98" s="18">
        <v>127</v>
      </c>
    </row>
    <row r="99" spans="1:4" ht="18" customHeight="1" x14ac:dyDescent="0.15">
      <c r="A99" s="5">
        <v>77</v>
      </c>
      <c r="B99" s="22">
        <v>49</v>
      </c>
      <c r="C99" s="14">
        <v>77</v>
      </c>
      <c r="D99" s="18">
        <v>126</v>
      </c>
    </row>
    <row r="100" spans="1:4" ht="18" customHeight="1" x14ac:dyDescent="0.15">
      <c r="A100" s="5">
        <v>78</v>
      </c>
      <c r="B100" s="22">
        <v>67</v>
      </c>
      <c r="C100" s="14">
        <v>84</v>
      </c>
      <c r="D100" s="18">
        <v>151</v>
      </c>
    </row>
    <row r="101" spans="1:4" ht="18" customHeight="1" x14ac:dyDescent="0.15">
      <c r="A101" s="5">
        <v>79</v>
      </c>
      <c r="B101" s="22">
        <v>50</v>
      </c>
      <c r="C101" s="14">
        <v>69</v>
      </c>
      <c r="D101" s="18">
        <v>119</v>
      </c>
    </row>
    <row r="102" spans="1:4" ht="18" customHeight="1" x14ac:dyDescent="0.15">
      <c r="A102" s="5" t="s">
        <v>0</v>
      </c>
      <c r="B102" s="22">
        <v>271</v>
      </c>
      <c r="C102" s="14">
        <v>371</v>
      </c>
      <c r="D102" s="18">
        <v>642</v>
      </c>
    </row>
    <row r="103" spans="1:4" ht="18" customHeight="1" x14ac:dyDescent="0.15">
      <c r="A103" s="5">
        <v>80</v>
      </c>
      <c r="B103" s="22">
        <v>42</v>
      </c>
      <c r="C103" s="14">
        <v>42</v>
      </c>
      <c r="D103" s="18">
        <v>84</v>
      </c>
    </row>
    <row r="104" spans="1:4" ht="18" customHeight="1" x14ac:dyDescent="0.15">
      <c r="A104" s="5">
        <v>81</v>
      </c>
      <c r="B104" s="22">
        <v>42</v>
      </c>
      <c r="C104" s="14">
        <v>47</v>
      </c>
      <c r="D104" s="18">
        <v>89</v>
      </c>
    </row>
    <row r="105" spans="1:4" ht="18" customHeight="1" x14ac:dyDescent="0.15">
      <c r="A105" s="5">
        <v>82</v>
      </c>
      <c r="B105" s="22">
        <v>30</v>
      </c>
      <c r="C105" s="14">
        <v>64</v>
      </c>
      <c r="D105" s="18">
        <v>94</v>
      </c>
    </row>
    <row r="106" spans="1:4" ht="18" customHeight="1" x14ac:dyDescent="0.15">
      <c r="A106" s="5">
        <v>83</v>
      </c>
      <c r="B106" s="22">
        <v>34</v>
      </c>
      <c r="C106" s="14">
        <v>54</v>
      </c>
      <c r="D106" s="18">
        <v>88</v>
      </c>
    </row>
    <row r="107" spans="1:4" ht="18" customHeight="1" x14ac:dyDescent="0.15">
      <c r="A107" s="5">
        <v>84</v>
      </c>
      <c r="B107" s="22">
        <v>37</v>
      </c>
      <c r="C107" s="14">
        <v>58</v>
      </c>
      <c r="D107" s="18">
        <v>95</v>
      </c>
    </row>
    <row r="108" spans="1:4" ht="18" customHeight="1" x14ac:dyDescent="0.15">
      <c r="A108" s="5" t="s">
        <v>35</v>
      </c>
      <c r="B108" s="22">
        <v>185</v>
      </c>
      <c r="C108" s="14">
        <v>265</v>
      </c>
      <c r="D108" s="18">
        <v>450</v>
      </c>
    </row>
    <row r="109" spans="1:4" ht="18" customHeight="1" x14ac:dyDescent="0.15">
      <c r="A109" s="5">
        <v>85</v>
      </c>
      <c r="B109" s="22">
        <v>36</v>
      </c>
      <c r="C109" s="14">
        <v>51</v>
      </c>
      <c r="D109" s="18">
        <v>87</v>
      </c>
    </row>
    <row r="110" spans="1:4" ht="18" customHeight="1" x14ac:dyDescent="0.15">
      <c r="A110" s="5">
        <v>86</v>
      </c>
      <c r="B110" s="22">
        <v>23</v>
      </c>
      <c r="C110" s="14">
        <v>29</v>
      </c>
      <c r="D110" s="18">
        <v>52</v>
      </c>
    </row>
    <row r="111" spans="1:4" ht="18" customHeight="1" x14ac:dyDescent="0.15">
      <c r="A111" s="5">
        <v>87</v>
      </c>
      <c r="B111" s="22">
        <v>19</v>
      </c>
      <c r="C111" s="14">
        <v>30</v>
      </c>
      <c r="D111" s="18">
        <v>49</v>
      </c>
    </row>
    <row r="112" spans="1:4" ht="18" customHeight="1" x14ac:dyDescent="0.15">
      <c r="A112" s="5">
        <v>88</v>
      </c>
      <c r="B112" s="22">
        <v>19</v>
      </c>
      <c r="C112" s="14">
        <v>38</v>
      </c>
      <c r="D112" s="18">
        <v>57</v>
      </c>
    </row>
    <row r="113" spans="1:4" ht="18" customHeight="1" x14ac:dyDescent="0.15">
      <c r="A113" s="5">
        <v>89</v>
      </c>
      <c r="B113" s="22">
        <v>11</v>
      </c>
      <c r="C113" s="14">
        <v>29</v>
      </c>
      <c r="D113" s="18">
        <v>40</v>
      </c>
    </row>
    <row r="114" spans="1:4" ht="18" customHeight="1" x14ac:dyDescent="0.15">
      <c r="A114" s="5" t="s">
        <v>37</v>
      </c>
      <c r="B114" s="22">
        <v>108</v>
      </c>
      <c r="C114" s="14">
        <v>177</v>
      </c>
      <c r="D114" s="18">
        <v>285</v>
      </c>
    </row>
    <row r="115" spans="1:4" ht="18" customHeight="1" x14ac:dyDescent="0.15">
      <c r="A115" s="5">
        <v>90</v>
      </c>
      <c r="B115" s="22">
        <v>18</v>
      </c>
      <c r="C115" s="14">
        <v>28</v>
      </c>
      <c r="D115" s="18">
        <v>46</v>
      </c>
    </row>
    <row r="116" spans="1:4" ht="18" customHeight="1" x14ac:dyDescent="0.15">
      <c r="A116" s="5">
        <v>91</v>
      </c>
      <c r="B116" s="22">
        <v>9</v>
      </c>
      <c r="C116" s="14">
        <v>33</v>
      </c>
      <c r="D116" s="18">
        <v>42</v>
      </c>
    </row>
    <row r="117" spans="1:4" ht="18" customHeight="1" x14ac:dyDescent="0.15">
      <c r="A117" s="5">
        <v>92</v>
      </c>
      <c r="B117" s="22">
        <v>9</v>
      </c>
      <c r="C117" s="14">
        <v>32</v>
      </c>
      <c r="D117" s="18">
        <v>41</v>
      </c>
    </row>
    <row r="118" spans="1:4" ht="18" customHeight="1" x14ac:dyDescent="0.15">
      <c r="A118" s="5">
        <v>93</v>
      </c>
      <c r="B118" s="22">
        <v>4</v>
      </c>
      <c r="C118" s="14">
        <v>24</v>
      </c>
      <c r="D118" s="18">
        <v>28</v>
      </c>
    </row>
    <row r="119" spans="1:4" ht="18" customHeight="1" x14ac:dyDescent="0.15">
      <c r="A119" s="5">
        <v>94</v>
      </c>
      <c r="B119" s="22">
        <v>8</v>
      </c>
      <c r="C119" s="14">
        <v>20</v>
      </c>
      <c r="D119" s="18">
        <v>28</v>
      </c>
    </row>
    <row r="120" spans="1:4" ht="18" customHeight="1" x14ac:dyDescent="0.15">
      <c r="A120" s="5" t="s">
        <v>39</v>
      </c>
      <c r="B120" s="22">
        <v>48</v>
      </c>
      <c r="C120" s="14">
        <v>137</v>
      </c>
      <c r="D120" s="18">
        <v>185</v>
      </c>
    </row>
    <row r="121" spans="1:4" ht="18" customHeight="1" x14ac:dyDescent="0.15">
      <c r="A121" s="5">
        <v>95</v>
      </c>
      <c r="B121" s="22">
        <v>3</v>
      </c>
      <c r="C121" s="14">
        <v>16</v>
      </c>
      <c r="D121" s="18">
        <v>19</v>
      </c>
    </row>
    <row r="122" spans="1:4" ht="18" customHeight="1" x14ac:dyDescent="0.15">
      <c r="A122" s="5">
        <v>96</v>
      </c>
      <c r="B122" s="22">
        <v>3</v>
      </c>
      <c r="C122" s="14">
        <v>4</v>
      </c>
      <c r="D122" s="18">
        <v>7</v>
      </c>
    </row>
    <row r="123" spans="1:4" ht="18" customHeight="1" x14ac:dyDescent="0.15">
      <c r="A123" s="5">
        <v>97</v>
      </c>
      <c r="B123" s="22">
        <v>1</v>
      </c>
      <c r="C123" s="14">
        <v>8</v>
      </c>
      <c r="D123" s="18">
        <v>9</v>
      </c>
    </row>
    <row r="124" spans="1:4" ht="18" customHeight="1" x14ac:dyDescent="0.15">
      <c r="A124" s="5">
        <v>98</v>
      </c>
      <c r="B124" s="22">
        <v>0</v>
      </c>
      <c r="C124" s="14">
        <v>6</v>
      </c>
      <c r="D124" s="18">
        <v>6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8</v>
      </c>
      <c r="C126" s="14">
        <v>35</v>
      </c>
      <c r="D126" s="18">
        <v>43</v>
      </c>
    </row>
    <row r="127" spans="1:4" ht="18" customHeight="1" x14ac:dyDescent="0.15">
      <c r="A127" s="5">
        <v>100</v>
      </c>
      <c r="B127" s="22">
        <v>0</v>
      </c>
      <c r="C127" s="14">
        <v>4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6</v>
      </c>
      <c r="D128" s="18">
        <v>6</v>
      </c>
    </row>
    <row r="129" spans="1:4" ht="18" customHeight="1" x14ac:dyDescent="0.15">
      <c r="A129" s="5" t="s">
        <v>44</v>
      </c>
      <c r="B129" s="22">
        <v>0</v>
      </c>
      <c r="C129" s="14">
        <v>10</v>
      </c>
      <c r="D129" s="18">
        <v>10</v>
      </c>
    </row>
    <row r="130" spans="1:4" ht="18" customHeight="1" x14ac:dyDescent="0.15">
      <c r="A130" s="5" t="s">
        <v>46</v>
      </c>
      <c r="B130" s="22">
        <v>1074</v>
      </c>
      <c r="C130" s="14">
        <v>1489</v>
      </c>
      <c r="D130" s="18">
        <v>2563</v>
      </c>
    </row>
    <row r="131" spans="1:4" ht="18" customHeight="1" x14ac:dyDescent="0.15">
      <c r="A131" s="7" t="s">
        <v>45</v>
      </c>
      <c r="B131" s="23">
        <v>3808</v>
      </c>
      <c r="C131" s="15">
        <v>4001</v>
      </c>
      <c r="D131" s="19">
        <v>780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verticalDpi="300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2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3</v>
      </c>
      <c r="C5" s="13">
        <v>31</v>
      </c>
      <c r="D5" s="17">
        <v>54</v>
      </c>
    </row>
    <row r="6" spans="1:4" ht="18" customHeight="1" x14ac:dyDescent="0.15">
      <c r="A6" s="5">
        <v>1</v>
      </c>
      <c r="B6" s="22">
        <v>24</v>
      </c>
      <c r="C6" s="14">
        <v>22</v>
      </c>
      <c r="D6" s="18">
        <v>46</v>
      </c>
    </row>
    <row r="7" spans="1:4" ht="18" customHeight="1" x14ac:dyDescent="0.15">
      <c r="A7" s="5">
        <v>2</v>
      </c>
      <c r="B7" s="22">
        <v>38</v>
      </c>
      <c r="C7" s="14">
        <v>34</v>
      </c>
      <c r="D7" s="18">
        <v>72</v>
      </c>
    </row>
    <row r="8" spans="1:4" ht="18" customHeight="1" x14ac:dyDescent="0.15">
      <c r="A8" s="5">
        <v>3</v>
      </c>
      <c r="B8" s="22">
        <v>36</v>
      </c>
      <c r="C8" s="14">
        <v>38</v>
      </c>
      <c r="D8" s="18">
        <v>74</v>
      </c>
    </row>
    <row r="9" spans="1:4" ht="18" customHeight="1" x14ac:dyDescent="0.15">
      <c r="A9" s="5">
        <v>4</v>
      </c>
      <c r="B9" s="22">
        <v>34</v>
      </c>
      <c r="C9" s="14">
        <v>30</v>
      </c>
      <c r="D9" s="18">
        <v>64</v>
      </c>
    </row>
    <row r="10" spans="1:4" ht="18" customHeight="1" x14ac:dyDescent="0.15">
      <c r="A10" s="5" t="s">
        <v>7</v>
      </c>
      <c r="B10" s="22">
        <v>155</v>
      </c>
      <c r="C10" s="14">
        <v>155</v>
      </c>
      <c r="D10" s="18">
        <v>310</v>
      </c>
    </row>
    <row r="11" spans="1:4" ht="18" customHeight="1" x14ac:dyDescent="0.15">
      <c r="A11" s="5">
        <v>5</v>
      </c>
      <c r="B11" s="22">
        <v>33</v>
      </c>
      <c r="C11" s="14">
        <v>45</v>
      </c>
      <c r="D11" s="18">
        <v>78</v>
      </c>
    </row>
    <row r="12" spans="1:4" ht="18" customHeight="1" x14ac:dyDescent="0.15">
      <c r="A12" s="5">
        <v>6</v>
      </c>
      <c r="B12" s="22">
        <v>38</v>
      </c>
      <c r="C12" s="14">
        <v>35</v>
      </c>
      <c r="D12" s="18">
        <v>73</v>
      </c>
    </row>
    <row r="13" spans="1:4" ht="18" customHeight="1" x14ac:dyDescent="0.15">
      <c r="A13" s="5">
        <v>7</v>
      </c>
      <c r="B13" s="22">
        <v>50</v>
      </c>
      <c r="C13" s="14">
        <v>38</v>
      </c>
      <c r="D13" s="18">
        <v>88</v>
      </c>
    </row>
    <row r="14" spans="1:4" ht="18" customHeight="1" x14ac:dyDescent="0.15">
      <c r="A14" s="5">
        <v>8</v>
      </c>
      <c r="B14" s="22">
        <v>33</v>
      </c>
      <c r="C14" s="14">
        <v>30</v>
      </c>
      <c r="D14" s="18">
        <v>63</v>
      </c>
    </row>
    <row r="15" spans="1:4" ht="18" customHeight="1" x14ac:dyDescent="0.15">
      <c r="A15" s="5">
        <v>9</v>
      </c>
      <c r="B15" s="22">
        <v>35</v>
      </c>
      <c r="C15" s="14">
        <v>38</v>
      </c>
      <c r="D15" s="18">
        <v>73</v>
      </c>
    </row>
    <row r="16" spans="1:4" ht="18" customHeight="1" x14ac:dyDescent="0.15">
      <c r="A16" s="5" t="s">
        <v>11</v>
      </c>
      <c r="B16" s="22">
        <v>189</v>
      </c>
      <c r="C16" s="14">
        <v>186</v>
      </c>
      <c r="D16" s="18">
        <v>375</v>
      </c>
    </row>
    <row r="17" spans="1:4" ht="18" customHeight="1" x14ac:dyDescent="0.15">
      <c r="A17" s="5">
        <v>10</v>
      </c>
      <c r="B17" s="22">
        <v>42</v>
      </c>
      <c r="C17" s="14">
        <v>40</v>
      </c>
      <c r="D17" s="18">
        <v>82</v>
      </c>
    </row>
    <row r="18" spans="1:4" ht="18" customHeight="1" x14ac:dyDescent="0.15">
      <c r="A18" s="5">
        <v>11</v>
      </c>
      <c r="B18" s="22">
        <v>34</v>
      </c>
      <c r="C18" s="14">
        <v>40</v>
      </c>
      <c r="D18" s="18">
        <v>74</v>
      </c>
    </row>
    <row r="19" spans="1:4" ht="18" customHeight="1" x14ac:dyDescent="0.15">
      <c r="A19" s="5">
        <v>12</v>
      </c>
      <c r="B19" s="22">
        <v>43</v>
      </c>
      <c r="C19" s="14">
        <v>33</v>
      </c>
      <c r="D19" s="18">
        <v>76</v>
      </c>
    </row>
    <row r="20" spans="1:4" ht="18" customHeight="1" x14ac:dyDescent="0.15">
      <c r="A20" s="5">
        <v>13</v>
      </c>
      <c r="B20" s="22">
        <v>36</v>
      </c>
      <c r="C20" s="14">
        <v>36</v>
      </c>
      <c r="D20" s="18">
        <v>72</v>
      </c>
    </row>
    <row r="21" spans="1:4" ht="18" customHeight="1" x14ac:dyDescent="0.15">
      <c r="A21" s="5">
        <v>14</v>
      </c>
      <c r="B21" s="22">
        <v>41</v>
      </c>
      <c r="C21" s="14">
        <v>44</v>
      </c>
      <c r="D21" s="18">
        <v>85</v>
      </c>
    </row>
    <row r="22" spans="1:4" ht="18" customHeight="1" x14ac:dyDescent="0.15">
      <c r="A22" s="5" t="s">
        <v>12</v>
      </c>
      <c r="B22" s="22">
        <v>196</v>
      </c>
      <c r="C22" s="14">
        <v>193</v>
      </c>
      <c r="D22" s="18">
        <v>389</v>
      </c>
    </row>
    <row r="23" spans="1:4" ht="18" customHeight="1" x14ac:dyDescent="0.15">
      <c r="A23" s="5" t="s">
        <v>6</v>
      </c>
      <c r="B23" s="22">
        <v>540</v>
      </c>
      <c r="C23" s="14">
        <v>534</v>
      </c>
      <c r="D23" s="18">
        <v>1074</v>
      </c>
    </row>
    <row r="24" spans="1:4" ht="18" customHeight="1" x14ac:dyDescent="0.15">
      <c r="A24" s="5">
        <v>15</v>
      </c>
      <c r="B24" s="22">
        <v>44</v>
      </c>
      <c r="C24" s="14">
        <v>31</v>
      </c>
      <c r="D24" s="18">
        <v>75</v>
      </c>
    </row>
    <row r="25" spans="1:4" ht="18" customHeight="1" x14ac:dyDescent="0.15">
      <c r="A25" s="5">
        <v>16</v>
      </c>
      <c r="B25" s="22">
        <v>41</v>
      </c>
      <c r="C25" s="14">
        <v>43</v>
      </c>
      <c r="D25" s="18">
        <v>84</v>
      </c>
    </row>
    <row r="26" spans="1:4" ht="18" customHeight="1" x14ac:dyDescent="0.15">
      <c r="A26" s="5">
        <v>17</v>
      </c>
      <c r="B26" s="22">
        <v>50</v>
      </c>
      <c r="C26" s="14">
        <v>48</v>
      </c>
      <c r="D26" s="18">
        <v>98</v>
      </c>
    </row>
    <row r="27" spans="1:4" ht="18" customHeight="1" x14ac:dyDescent="0.15">
      <c r="A27" s="5">
        <v>18</v>
      </c>
      <c r="B27" s="22">
        <v>57</v>
      </c>
      <c r="C27" s="14">
        <v>35</v>
      </c>
      <c r="D27" s="18">
        <v>92</v>
      </c>
    </row>
    <row r="28" spans="1:4" ht="18" customHeight="1" x14ac:dyDescent="0.15">
      <c r="A28" s="5">
        <v>19</v>
      </c>
      <c r="B28" s="22">
        <v>38</v>
      </c>
      <c r="C28" s="14">
        <v>38</v>
      </c>
      <c r="D28" s="18">
        <v>76</v>
      </c>
    </row>
    <row r="29" spans="1:4" ht="18" customHeight="1" x14ac:dyDescent="0.15">
      <c r="A29" s="5" t="s">
        <v>14</v>
      </c>
      <c r="B29" s="22">
        <v>230</v>
      </c>
      <c r="C29" s="14">
        <v>195</v>
      </c>
      <c r="D29" s="18">
        <v>425</v>
      </c>
    </row>
    <row r="30" spans="1:4" ht="18" customHeight="1" x14ac:dyDescent="0.15">
      <c r="A30" s="5">
        <v>20</v>
      </c>
      <c r="B30" s="22">
        <v>50</v>
      </c>
      <c r="C30" s="14">
        <v>35</v>
      </c>
      <c r="D30" s="18">
        <v>85</v>
      </c>
    </row>
    <row r="31" spans="1:4" ht="18" customHeight="1" x14ac:dyDescent="0.15">
      <c r="A31" s="5">
        <v>21</v>
      </c>
      <c r="B31" s="22">
        <v>69</v>
      </c>
      <c r="C31" s="14">
        <v>45</v>
      </c>
      <c r="D31" s="18">
        <v>114</v>
      </c>
    </row>
    <row r="32" spans="1:4" ht="18" customHeight="1" x14ac:dyDescent="0.15">
      <c r="A32" s="5">
        <v>22</v>
      </c>
      <c r="B32" s="22">
        <v>48</v>
      </c>
      <c r="C32" s="14">
        <v>55</v>
      </c>
      <c r="D32" s="18">
        <v>103</v>
      </c>
    </row>
    <row r="33" spans="1:4" ht="18" customHeight="1" x14ac:dyDescent="0.15">
      <c r="A33" s="5">
        <v>23</v>
      </c>
      <c r="B33" s="22">
        <v>71</v>
      </c>
      <c r="C33" s="14">
        <v>52</v>
      </c>
      <c r="D33" s="18">
        <v>123</v>
      </c>
    </row>
    <row r="34" spans="1:4" ht="18" customHeight="1" x14ac:dyDescent="0.15">
      <c r="A34" s="5">
        <v>24</v>
      </c>
      <c r="B34" s="22">
        <v>73</v>
      </c>
      <c r="C34" s="14">
        <v>51</v>
      </c>
      <c r="D34" s="18">
        <v>124</v>
      </c>
    </row>
    <row r="35" spans="1:4" ht="18" customHeight="1" x14ac:dyDescent="0.15">
      <c r="A35" s="5" t="s">
        <v>9</v>
      </c>
      <c r="B35" s="22">
        <v>311</v>
      </c>
      <c r="C35" s="14">
        <v>238</v>
      </c>
      <c r="D35" s="18">
        <v>549</v>
      </c>
    </row>
    <row r="36" spans="1:4" ht="18" customHeight="1" x14ac:dyDescent="0.15">
      <c r="A36" s="5">
        <v>25</v>
      </c>
      <c r="B36" s="22">
        <v>65</v>
      </c>
      <c r="C36" s="14">
        <v>54</v>
      </c>
      <c r="D36" s="18">
        <v>119</v>
      </c>
    </row>
    <row r="37" spans="1:4" ht="18" customHeight="1" x14ac:dyDescent="0.15">
      <c r="A37" s="5">
        <v>26</v>
      </c>
      <c r="B37" s="22">
        <v>71</v>
      </c>
      <c r="C37" s="14">
        <v>56</v>
      </c>
      <c r="D37" s="18">
        <v>127</v>
      </c>
    </row>
    <row r="38" spans="1:4" ht="18" customHeight="1" x14ac:dyDescent="0.15">
      <c r="A38" s="5">
        <v>27</v>
      </c>
      <c r="B38" s="22">
        <v>64</v>
      </c>
      <c r="C38" s="14">
        <v>47</v>
      </c>
      <c r="D38" s="18">
        <v>111</v>
      </c>
    </row>
    <row r="39" spans="1:4" ht="18" customHeight="1" x14ac:dyDescent="0.15">
      <c r="A39" s="5">
        <v>28</v>
      </c>
      <c r="B39" s="22">
        <v>54</v>
      </c>
      <c r="C39" s="14">
        <v>38</v>
      </c>
      <c r="D39" s="18">
        <v>92</v>
      </c>
    </row>
    <row r="40" spans="1:4" ht="18" customHeight="1" x14ac:dyDescent="0.15">
      <c r="A40" s="5">
        <v>29</v>
      </c>
      <c r="B40" s="22">
        <v>59</v>
      </c>
      <c r="C40" s="14">
        <v>53</v>
      </c>
      <c r="D40" s="18">
        <v>112</v>
      </c>
    </row>
    <row r="41" spans="1:4" ht="18" customHeight="1" x14ac:dyDescent="0.15">
      <c r="A41" s="5" t="s">
        <v>2</v>
      </c>
      <c r="B41" s="22">
        <v>313</v>
      </c>
      <c r="C41" s="14">
        <v>248</v>
      </c>
      <c r="D41" s="18">
        <v>561</v>
      </c>
    </row>
    <row r="42" spans="1:4" ht="18" customHeight="1" x14ac:dyDescent="0.15">
      <c r="A42" s="5">
        <v>30</v>
      </c>
      <c r="B42" s="22">
        <v>62</v>
      </c>
      <c r="C42" s="14">
        <v>50</v>
      </c>
      <c r="D42" s="18">
        <v>112</v>
      </c>
    </row>
    <row r="43" spans="1:4" ht="18" customHeight="1" x14ac:dyDescent="0.15">
      <c r="A43" s="5">
        <v>31</v>
      </c>
      <c r="B43" s="22">
        <v>66</v>
      </c>
      <c r="C43" s="14">
        <v>54</v>
      </c>
      <c r="D43" s="18">
        <v>120</v>
      </c>
    </row>
    <row r="44" spans="1:4" ht="18" customHeight="1" x14ac:dyDescent="0.15">
      <c r="A44" s="5">
        <v>32</v>
      </c>
      <c r="B44" s="22">
        <v>62</v>
      </c>
      <c r="C44" s="14">
        <v>43</v>
      </c>
      <c r="D44" s="18">
        <v>105</v>
      </c>
    </row>
    <row r="45" spans="1:4" ht="18" customHeight="1" x14ac:dyDescent="0.15">
      <c r="A45" s="5">
        <v>33</v>
      </c>
      <c r="B45" s="22">
        <v>51</v>
      </c>
      <c r="C45" s="14">
        <v>50</v>
      </c>
      <c r="D45" s="18">
        <v>101</v>
      </c>
    </row>
    <row r="46" spans="1:4" ht="18" customHeight="1" x14ac:dyDescent="0.15">
      <c r="A46" s="5">
        <v>34</v>
      </c>
      <c r="B46" s="22">
        <v>40</v>
      </c>
      <c r="C46" s="14">
        <v>46</v>
      </c>
      <c r="D46" s="18">
        <v>86</v>
      </c>
    </row>
    <row r="47" spans="1:4" ht="18" customHeight="1" x14ac:dyDescent="0.15">
      <c r="A47" s="5" t="s">
        <v>15</v>
      </c>
      <c r="B47" s="22">
        <v>281</v>
      </c>
      <c r="C47" s="14">
        <v>243</v>
      </c>
      <c r="D47" s="18">
        <v>524</v>
      </c>
    </row>
    <row r="48" spans="1:4" ht="18" customHeight="1" x14ac:dyDescent="0.15">
      <c r="A48" s="5">
        <v>35</v>
      </c>
      <c r="B48" s="22">
        <v>48</v>
      </c>
      <c r="C48" s="14">
        <v>51</v>
      </c>
      <c r="D48" s="18">
        <v>99</v>
      </c>
    </row>
    <row r="49" spans="1:4" ht="18" customHeight="1" x14ac:dyDescent="0.15">
      <c r="A49" s="5">
        <v>36</v>
      </c>
      <c r="B49" s="22">
        <v>82</v>
      </c>
      <c r="C49" s="14">
        <v>41</v>
      </c>
      <c r="D49" s="18">
        <v>123</v>
      </c>
    </row>
    <row r="50" spans="1:4" ht="18" customHeight="1" x14ac:dyDescent="0.15">
      <c r="A50" s="5">
        <v>37</v>
      </c>
      <c r="B50" s="22">
        <v>57</v>
      </c>
      <c r="C50" s="14">
        <v>59</v>
      </c>
      <c r="D50" s="18">
        <v>116</v>
      </c>
    </row>
    <row r="51" spans="1:4" ht="18" customHeight="1" x14ac:dyDescent="0.15">
      <c r="A51" s="5">
        <v>38</v>
      </c>
      <c r="B51" s="22">
        <v>54</v>
      </c>
      <c r="C51" s="14">
        <v>54</v>
      </c>
      <c r="D51" s="18">
        <v>108</v>
      </c>
    </row>
    <row r="52" spans="1:4" ht="18" customHeight="1" x14ac:dyDescent="0.15">
      <c r="A52" s="5">
        <v>39</v>
      </c>
      <c r="B52" s="22">
        <v>56</v>
      </c>
      <c r="C52" s="14">
        <v>53</v>
      </c>
      <c r="D52" s="18">
        <v>109</v>
      </c>
    </row>
    <row r="53" spans="1:4" ht="18" customHeight="1" x14ac:dyDescent="0.15">
      <c r="A53" s="5" t="s">
        <v>18</v>
      </c>
      <c r="B53" s="22">
        <v>297</v>
      </c>
      <c r="C53" s="14">
        <v>258</v>
      </c>
      <c r="D53" s="18">
        <v>555</v>
      </c>
    </row>
    <row r="54" spans="1:4" ht="18" customHeight="1" x14ac:dyDescent="0.15">
      <c r="A54" s="5">
        <v>40</v>
      </c>
      <c r="B54" s="22">
        <v>60</v>
      </c>
      <c r="C54" s="14">
        <v>53</v>
      </c>
      <c r="D54" s="18">
        <v>113</v>
      </c>
    </row>
    <row r="55" spans="1:4" ht="18" customHeight="1" x14ac:dyDescent="0.15">
      <c r="A55" s="5">
        <v>41</v>
      </c>
      <c r="B55" s="22">
        <v>56</v>
      </c>
      <c r="C55" s="14">
        <v>56</v>
      </c>
      <c r="D55" s="18">
        <v>112</v>
      </c>
    </row>
    <row r="56" spans="1:4" ht="18" customHeight="1" x14ac:dyDescent="0.15">
      <c r="A56" s="5">
        <v>42</v>
      </c>
      <c r="B56" s="22">
        <v>51</v>
      </c>
      <c r="C56" s="14">
        <v>58</v>
      </c>
      <c r="D56" s="18">
        <v>109</v>
      </c>
    </row>
    <row r="57" spans="1:4" ht="18" customHeight="1" x14ac:dyDescent="0.15">
      <c r="A57" s="5">
        <v>43</v>
      </c>
      <c r="B57" s="22">
        <v>69</v>
      </c>
      <c r="C57" s="14">
        <v>49</v>
      </c>
      <c r="D57" s="18">
        <v>118</v>
      </c>
    </row>
    <row r="58" spans="1:4" ht="18" customHeight="1" x14ac:dyDescent="0.15">
      <c r="A58" s="5">
        <v>44</v>
      </c>
      <c r="B58" s="22">
        <v>61</v>
      </c>
      <c r="C58" s="14">
        <v>52</v>
      </c>
      <c r="D58" s="18">
        <v>113</v>
      </c>
    </row>
    <row r="59" spans="1:4" ht="18" customHeight="1" x14ac:dyDescent="0.15">
      <c r="A59" s="5" t="s">
        <v>21</v>
      </c>
      <c r="B59" s="22">
        <v>297</v>
      </c>
      <c r="C59" s="14">
        <v>268</v>
      </c>
      <c r="D59" s="18">
        <v>565</v>
      </c>
    </row>
    <row r="60" spans="1:4" ht="18" customHeight="1" x14ac:dyDescent="0.15">
      <c r="A60" s="5">
        <v>45</v>
      </c>
      <c r="B60" s="22">
        <v>64</v>
      </c>
      <c r="C60" s="14">
        <v>55</v>
      </c>
      <c r="D60" s="18">
        <v>119</v>
      </c>
    </row>
    <row r="61" spans="1:4" ht="18" customHeight="1" x14ac:dyDescent="0.15">
      <c r="A61" s="5">
        <v>46</v>
      </c>
      <c r="B61" s="22">
        <v>68</v>
      </c>
      <c r="C61" s="14">
        <v>62</v>
      </c>
      <c r="D61" s="18">
        <v>130</v>
      </c>
    </row>
    <row r="62" spans="1:4" ht="18" customHeight="1" x14ac:dyDescent="0.15">
      <c r="A62" s="5">
        <v>47</v>
      </c>
      <c r="B62" s="22">
        <v>72</v>
      </c>
      <c r="C62" s="14">
        <v>73</v>
      </c>
      <c r="D62" s="18">
        <v>145</v>
      </c>
    </row>
    <row r="63" spans="1:4" ht="18" customHeight="1" x14ac:dyDescent="0.15">
      <c r="A63" s="5">
        <v>48</v>
      </c>
      <c r="B63" s="22">
        <v>66</v>
      </c>
      <c r="C63" s="14">
        <v>64</v>
      </c>
      <c r="D63" s="18">
        <v>130</v>
      </c>
    </row>
    <row r="64" spans="1:4" ht="18" customHeight="1" x14ac:dyDescent="0.15">
      <c r="A64" s="5">
        <v>49</v>
      </c>
      <c r="B64" s="22">
        <v>74</v>
      </c>
      <c r="C64" s="14">
        <v>65</v>
      </c>
      <c r="D64" s="18">
        <v>139</v>
      </c>
    </row>
    <row r="65" spans="1:4" ht="18" customHeight="1" x14ac:dyDescent="0.15">
      <c r="A65" s="5" t="s">
        <v>17</v>
      </c>
      <c r="B65" s="22">
        <v>344</v>
      </c>
      <c r="C65" s="14">
        <v>319</v>
      </c>
      <c r="D65" s="18">
        <v>663</v>
      </c>
    </row>
    <row r="66" spans="1:4" ht="18" customHeight="1" x14ac:dyDescent="0.15">
      <c r="A66" s="5">
        <v>50</v>
      </c>
      <c r="B66" s="22">
        <v>80</v>
      </c>
      <c r="C66" s="14">
        <v>88</v>
      </c>
      <c r="D66" s="18">
        <v>168</v>
      </c>
    </row>
    <row r="67" spans="1:4" ht="18" customHeight="1" x14ac:dyDescent="0.15">
      <c r="A67" s="5">
        <v>51</v>
      </c>
      <c r="B67" s="22">
        <v>94</v>
      </c>
      <c r="C67" s="14">
        <v>80</v>
      </c>
      <c r="D67" s="18">
        <v>174</v>
      </c>
    </row>
    <row r="68" spans="1:4" ht="18" customHeight="1" x14ac:dyDescent="0.15">
      <c r="A68" s="5">
        <v>52</v>
      </c>
      <c r="B68" s="22">
        <v>93</v>
      </c>
      <c r="C68" s="14">
        <v>88</v>
      </c>
      <c r="D68" s="18">
        <v>181</v>
      </c>
    </row>
    <row r="69" spans="1:4" ht="18" customHeight="1" x14ac:dyDescent="0.15">
      <c r="A69" s="5">
        <v>53</v>
      </c>
      <c r="B69" s="22">
        <v>102</v>
      </c>
      <c r="C69" s="14">
        <v>92</v>
      </c>
      <c r="D69" s="18">
        <v>194</v>
      </c>
    </row>
    <row r="70" spans="1:4" ht="18" customHeight="1" x14ac:dyDescent="0.15">
      <c r="A70" s="5">
        <v>54</v>
      </c>
      <c r="B70" s="22">
        <v>78</v>
      </c>
      <c r="C70" s="14">
        <v>94</v>
      </c>
      <c r="D70" s="18">
        <v>172</v>
      </c>
    </row>
    <row r="71" spans="1:4" ht="18" customHeight="1" x14ac:dyDescent="0.15">
      <c r="A71" s="5" t="s">
        <v>22</v>
      </c>
      <c r="B71" s="22">
        <v>447</v>
      </c>
      <c r="C71" s="14">
        <v>442</v>
      </c>
      <c r="D71" s="18">
        <v>889</v>
      </c>
    </row>
    <row r="72" spans="1:4" ht="18" customHeight="1" x14ac:dyDescent="0.15">
      <c r="A72" s="5">
        <v>55</v>
      </c>
      <c r="B72" s="22">
        <v>87</v>
      </c>
      <c r="C72" s="14">
        <v>88</v>
      </c>
      <c r="D72" s="18">
        <v>175</v>
      </c>
    </row>
    <row r="73" spans="1:4" ht="18" customHeight="1" x14ac:dyDescent="0.15">
      <c r="A73" s="5">
        <v>56</v>
      </c>
      <c r="B73" s="22">
        <v>82</v>
      </c>
      <c r="C73" s="14">
        <v>89</v>
      </c>
      <c r="D73" s="18">
        <v>171</v>
      </c>
    </row>
    <row r="74" spans="1:4" ht="18" customHeight="1" x14ac:dyDescent="0.15">
      <c r="A74" s="5">
        <v>57</v>
      </c>
      <c r="B74" s="22">
        <v>80</v>
      </c>
      <c r="C74" s="14">
        <v>85</v>
      </c>
      <c r="D74" s="18">
        <v>165</v>
      </c>
    </row>
    <row r="75" spans="1:4" ht="18" customHeight="1" x14ac:dyDescent="0.15">
      <c r="A75" s="5">
        <v>58</v>
      </c>
      <c r="B75" s="22">
        <v>79</v>
      </c>
      <c r="C75" s="14">
        <v>68</v>
      </c>
      <c r="D75" s="18">
        <v>147</v>
      </c>
    </row>
    <row r="76" spans="1:4" ht="18" customHeight="1" x14ac:dyDescent="0.15">
      <c r="A76" s="5">
        <v>59</v>
      </c>
      <c r="B76" s="22">
        <v>77</v>
      </c>
      <c r="C76" s="14">
        <v>56</v>
      </c>
      <c r="D76" s="18">
        <v>133</v>
      </c>
    </row>
    <row r="77" spans="1:4" ht="18" customHeight="1" x14ac:dyDescent="0.15">
      <c r="A77" s="5" t="s">
        <v>27</v>
      </c>
      <c r="B77" s="22">
        <v>405</v>
      </c>
      <c r="C77" s="14">
        <v>386</v>
      </c>
      <c r="D77" s="18">
        <v>791</v>
      </c>
    </row>
    <row r="78" spans="1:4" ht="18" customHeight="1" x14ac:dyDescent="0.15">
      <c r="A78" s="5">
        <v>60</v>
      </c>
      <c r="B78" s="22">
        <v>54</v>
      </c>
      <c r="C78" s="14">
        <v>67</v>
      </c>
      <c r="D78" s="18">
        <v>121</v>
      </c>
    </row>
    <row r="79" spans="1:4" ht="18" customHeight="1" x14ac:dyDescent="0.15">
      <c r="A79" s="5">
        <v>61</v>
      </c>
      <c r="B79" s="22">
        <v>66</v>
      </c>
      <c r="C79" s="14">
        <v>74</v>
      </c>
      <c r="D79" s="18">
        <v>140</v>
      </c>
    </row>
    <row r="80" spans="1:4" ht="18" customHeight="1" x14ac:dyDescent="0.15">
      <c r="A80" s="5">
        <v>62</v>
      </c>
      <c r="B80" s="22">
        <v>60</v>
      </c>
      <c r="C80" s="14">
        <v>70</v>
      </c>
      <c r="D80" s="18">
        <v>130</v>
      </c>
    </row>
    <row r="81" spans="1:4" ht="18" customHeight="1" x14ac:dyDescent="0.15">
      <c r="A81" s="5">
        <v>63</v>
      </c>
      <c r="B81" s="22">
        <v>68</v>
      </c>
      <c r="C81" s="14">
        <v>65</v>
      </c>
      <c r="D81" s="18">
        <v>133</v>
      </c>
    </row>
    <row r="82" spans="1:4" ht="18" customHeight="1" x14ac:dyDescent="0.15">
      <c r="A82" s="5">
        <v>64</v>
      </c>
      <c r="B82" s="22">
        <v>64</v>
      </c>
      <c r="C82" s="14">
        <v>65</v>
      </c>
      <c r="D82" s="18">
        <v>129</v>
      </c>
    </row>
    <row r="83" spans="1:4" ht="18" customHeight="1" x14ac:dyDescent="0.15">
      <c r="A83" s="5" t="s">
        <v>28</v>
      </c>
      <c r="B83" s="22">
        <v>312</v>
      </c>
      <c r="C83" s="14">
        <v>341</v>
      </c>
      <c r="D83" s="18">
        <v>653</v>
      </c>
    </row>
    <row r="84" spans="1:4" ht="18" customHeight="1" x14ac:dyDescent="0.15">
      <c r="A84" s="5" t="s">
        <v>31</v>
      </c>
      <c r="B84" s="22">
        <v>3237</v>
      </c>
      <c r="C84" s="14">
        <v>2938</v>
      </c>
      <c r="D84" s="18">
        <v>6175</v>
      </c>
    </row>
    <row r="85" spans="1:4" ht="18" customHeight="1" x14ac:dyDescent="0.15">
      <c r="A85" s="5">
        <v>65</v>
      </c>
      <c r="B85" s="22">
        <v>48</v>
      </c>
      <c r="C85" s="14">
        <v>77</v>
      </c>
      <c r="D85" s="18">
        <v>125</v>
      </c>
    </row>
    <row r="86" spans="1:4" ht="18" customHeight="1" x14ac:dyDescent="0.15">
      <c r="A86" s="5">
        <v>66</v>
      </c>
      <c r="B86" s="22">
        <v>65</v>
      </c>
      <c r="C86" s="14">
        <v>63</v>
      </c>
      <c r="D86" s="18">
        <v>128</v>
      </c>
    </row>
    <row r="87" spans="1:4" ht="18" customHeight="1" x14ac:dyDescent="0.15">
      <c r="A87" s="5">
        <v>67</v>
      </c>
      <c r="B87" s="22">
        <v>49</v>
      </c>
      <c r="C87" s="14">
        <v>54</v>
      </c>
      <c r="D87" s="18">
        <v>103</v>
      </c>
    </row>
    <row r="88" spans="1:4" ht="18" customHeight="1" x14ac:dyDescent="0.15">
      <c r="A88" s="5">
        <v>68</v>
      </c>
      <c r="B88" s="22">
        <v>54</v>
      </c>
      <c r="C88" s="14">
        <v>59</v>
      </c>
      <c r="D88" s="18">
        <v>113</v>
      </c>
    </row>
    <row r="89" spans="1:4" ht="18" customHeight="1" x14ac:dyDescent="0.15">
      <c r="A89" s="5">
        <v>69</v>
      </c>
      <c r="B89" s="22">
        <v>57</v>
      </c>
      <c r="C89" s="14">
        <v>62</v>
      </c>
      <c r="D89" s="18">
        <v>119</v>
      </c>
    </row>
    <row r="90" spans="1:4" ht="18" customHeight="1" x14ac:dyDescent="0.15">
      <c r="A90" s="5" t="s">
        <v>20</v>
      </c>
      <c r="B90" s="22">
        <v>273</v>
      </c>
      <c r="C90" s="14">
        <v>315</v>
      </c>
      <c r="D90" s="18">
        <v>588</v>
      </c>
    </row>
    <row r="91" spans="1:4" ht="18" customHeight="1" x14ac:dyDescent="0.15">
      <c r="A91" s="5">
        <v>70</v>
      </c>
      <c r="B91" s="22">
        <v>56</v>
      </c>
      <c r="C91" s="14">
        <v>62</v>
      </c>
      <c r="D91" s="18">
        <v>118</v>
      </c>
    </row>
    <row r="92" spans="1:4" ht="18" customHeight="1" x14ac:dyDescent="0.15">
      <c r="A92" s="5">
        <v>71</v>
      </c>
      <c r="B92" s="22">
        <v>55</v>
      </c>
      <c r="C92" s="14">
        <v>66</v>
      </c>
      <c r="D92" s="18">
        <v>121</v>
      </c>
    </row>
    <row r="93" spans="1:4" ht="18" customHeight="1" x14ac:dyDescent="0.15">
      <c r="A93" s="5">
        <v>72</v>
      </c>
      <c r="B93" s="22">
        <v>57</v>
      </c>
      <c r="C93" s="14">
        <v>64</v>
      </c>
      <c r="D93" s="18">
        <v>121</v>
      </c>
    </row>
    <row r="94" spans="1:4" ht="18" customHeight="1" x14ac:dyDescent="0.15">
      <c r="A94" s="5">
        <v>73</v>
      </c>
      <c r="B94" s="22">
        <v>60</v>
      </c>
      <c r="C94" s="14">
        <v>66</v>
      </c>
      <c r="D94" s="18">
        <v>126</v>
      </c>
    </row>
    <row r="95" spans="1:4" ht="18" customHeight="1" x14ac:dyDescent="0.15">
      <c r="A95" s="5">
        <v>74</v>
      </c>
      <c r="B95" s="22">
        <v>66</v>
      </c>
      <c r="C95" s="14">
        <v>67</v>
      </c>
      <c r="D95" s="18">
        <v>133</v>
      </c>
    </row>
    <row r="96" spans="1:4" ht="18" customHeight="1" x14ac:dyDescent="0.15">
      <c r="A96" s="5" t="s">
        <v>33</v>
      </c>
      <c r="B96" s="22">
        <v>294</v>
      </c>
      <c r="C96" s="14">
        <v>325</v>
      </c>
      <c r="D96" s="18">
        <v>619</v>
      </c>
    </row>
    <row r="97" spans="1:4" ht="18" customHeight="1" x14ac:dyDescent="0.15">
      <c r="A97" s="5">
        <v>75</v>
      </c>
      <c r="B97" s="22">
        <v>55</v>
      </c>
      <c r="C97" s="14">
        <v>77</v>
      </c>
      <c r="D97" s="18">
        <v>132</v>
      </c>
    </row>
    <row r="98" spans="1:4" ht="18" customHeight="1" x14ac:dyDescent="0.15">
      <c r="A98" s="5">
        <v>76</v>
      </c>
      <c r="B98" s="22">
        <v>68</v>
      </c>
      <c r="C98" s="14">
        <v>80</v>
      </c>
      <c r="D98" s="18">
        <v>148</v>
      </c>
    </row>
    <row r="99" spans="1:4" ht="18" customHeight="1" x14ac:dyDescent="0.15">
      <c r="A99" s="5">
        <v>77</v>
      </c>
      <c r="B99" s="22">
        <v>64</v>
      </c>
      <c r="C99" s="14">
        <v>86</v>
      </c>
      <c r="D99" s="18">
        <v>150</v>
      </c>
    </row>
    <row r="100" spans="1:4" ht="18" customHeight="1" x14ac:dyDescent="0.15">
      <c r="A100" s="5">
        <v>78</v>
      </c>
      <c r="B100" s="22">
        <v>65</v>
      </c>
      <c r="C100" s="14">
        <v>101</v>
      </c>
      <c r="D100" s="18">
        <v>166</v>
      </c>
    </row>
    <row r="101" spans="1:4" ht="18" customHeight="1" x14ac:dyDescent="0.15">
      <c r="A101" s="5">
        <v>79</v>
      </c>
      <c r="B101" s="22">
        <v>52</v>
      </c>
      <c r="C101" s="14">
        <v>64</v>
      </c>
      <c r="D101" s="18">
        <v>116</v>
      </c>
    </row>
    <row r="102" spans="1:4" ht="18" customHeight="1" x14ac:dyDescent="0.15">
      <c r="A102" s="5" t="s">
        <v>0</v>
      </c>
      <c r="B102" s="22">
        <v>304</v>
      </c>
      <c r="C102" s="14">
        <v>408</v>
      </c>
      <c r="D102" s="18">
        <v>712</v>
      </c>
    </row>
    <row r="103" spans="1:4" ht="18" customHeight="1" x14ac:dyDescent="0.15">
      <c r="A103" s="5">
        <v>80</v>
      </c>
      <c r="B103" s="22">
        <v>23</v>
      </c>
      <c r="C103" s="14">
        <v>48</v>
      </c>
      <c r="D103" s="18">
        <v>71</v>
      </c>
    </row>
    <row r="104" spans="1:4" ht="18" customHeight="1" x14ac:dyDescent="0.15">
      <c r="A104" s="5">
        <v>81</v>
      </c>
      <c r="B104" s="22">
        <v>53</v>
      </c>
      <c r="C104" s="14">
        <v>62</v>
      </c>
      <c r="D104" s="18">
        <v>115</v>
      </c>
    </row>
    <row r="105" spans="1:4" ht="18" customHeight="1" x14ac:dyDescent="0.15">
      <c r="A105" s="5">
        <v>82</v>
      </c>
      <c r="B105" s="22">
        <v>57</v>
      </c>
      <c r="C105" s="14">
        <v>68</v>
      </c>
      <c r="D105" s="18">
        <v>125</v>
      </c>
    </row>
    <row r="106" spans="1:4" ht="18" customHeight="1" x14ac:dyDescent="0.15">
      <c r="A106" s="5">
        <v>83</v>
      </c>
      <c r="B106" s="22">
        <v>35</v>
      </c>
      <c r="C106" s="14">
        <v>54</v>
      </c>
      <c r="D106" s="18">
        <v>89</v>
      </c>
    </row>
    <row r="107" spans="1:4" ht="18" customHeight="1" x14ac:dyDescent="0.15">
      <c r="A107" s="5">
        <v>84</v>
      </c>
      <c r="B107" s="22">
        <v>33</v>
      </c>
      <c r="C107" s="14">
        <v>54</v>
      </c>
      <c r="D107" s="18">
        <v>87</v>
      </c>
    </row>
    <row r="108" spans="1:4" ht="18" customHeight="1" x14ac:dyDescent="0.15">
      <c r="A108" s="5" t="s">
        <v>35</v>
      </c>
      <c r="B108" s="22">
        <v>201</v>
      </c>
      <c r="C108" s="14">
        <v>286</v>
      </c>
      <c r="D108" s="18">
        <v>487</v>
      </c>
    </row>
    <row r="109" spans="1:4" ht="18" customHeight="1" x14ac:dyDescent="0.15">
      <c r="A109" s="5">
        <v>85</v>
      </c>
      <c r="B109" s="22">
        <v>22</v>
      </c>
      <c r="C109" s="14">
        <v>51</v>
      </c>
      <c r="D109" s="18">
        <v>73</v>
      </c>
    </row>
    <row r="110" spans="1:4" ht="18" customHeight="1" x14ac:dyDescent="0.15">
      <c r="A110" s="5">
        <v>86</v>
      </c>
      <c r="B110" s="22">
        <v>23</v>
      </c>
      <c r="C110" s="14">
        <v>44</v>
      </c>
      <c r="D110" s="18">
        <v>67</v>
      </c>
    </row>
    <row r="111" spans="1:4" ht="18" customHeight="1" x14ac:dyDescent="0.15">
      <c r="A111" s="5">
        <v>87</v>
      </c>
      <c r="B111" s="22">
        <v>24</v>
      </c>
      <c r="C111" s="14">
        <v>44</v>
      </c>
      <c r="D111" s="18">
        <v>68</v>
      </c>
    </row>
    <row r="112" spans="1:4" ht="18" customHeight="1" x14ac:dyDescent="0.15">
      <c r="A112" s="5">
        <v>88</v>
      </c>
      <c r="B112" s="22">
        <v>22</v>
      </c>
      <c r="C112" s="14">
        <v>49</v>
      </c>
      <c r="D112" s="18">
        <v>71</v>
      </c>
    </row>
    <row r="113" spans="1:4" ht="18" customHeight="1" x14ac:dyDescent="0.15">
      <c r="A113" s="5">
        <v>89</v>
      </c>
      <c r="B113" s="22">
        <v>22</v>
      </c>
      <c r="C113" s="14">
        <v>44</v>
      </c>
      <c r="D113" s="18">
        <v>66</v>
      </c>
    </row>
    <row r="114" spans="1:4" ht="18" customHeight="1" x14ac:dyDescent="0.15">
      <c r="A114" s="5" t="s">
        <v>37</v>
      </c>
      <c r="B114" s="22">
        <v>113</v>
      </c>
      <c r="C114" s="14">
        <v>232</v>
      </c>
      <c r="D114" s="18">
        <v>345</v>
      </c>
    </row>
    <row r="115" spans="1:4" ht="18" customHeight="1" x14ac:dyDescent="0.15">
      <c r="A115" s="5">
        <v>90</v>
      </c>
      <c r="B115" s="22">
        <v>15</v>
      </c>
      <c r="C115" s="14">
        <v>38</v>
      </c>
      <c r="D115" s="18">
        <v>53</v>
      </c>
    </row>
    <row r="116" spans="1:4" ht="18" customHeight="1" x14ac:dyDescent="0.15">
      <c r="A116" s="5">
        <v>91</v>
      </c>
      <c r="B116" s="22">
        <v>15</v>
      </c>
      <c r="C116" s="14">
        <v>33</v>
      </c>
      <c r="D116" s="18">
        <v>48</v>
      </c>
    </row>
    <row r="117" spans="1:4" ht="18" customHeight="1" x14ac:dyDescent="0.15">
      <c r="A117" s="5">
        <v>92</v>
      </c>
      <c r="B117" s="22">
        <v>13</v>
      </c>
      <c r="C117" s="14">
        <v>43</v>
      </c>
      <c r="D117" s="18">
        <v>56</v>
      </c>
    </row>
    <row r="118" spans="1:4" ht="18" customHeight="1" x14ac:dyDescent="0.15">
      <c r="A118" s="5">
        <v>93</v>
      </c>
      <c r="B118" s="22">
        <v>6</v>
      </c>
      <c r="C118" s="14">
        <v>28</v>
      </c>
      <c r="D118" s="18">
        <v>34</v>
      </c>
    </row>
    <row r="119" spans="1:4" ht="18" customHeight="1" x14ac:dyDescent="0.15">
      <c r="A119" s="5">
        <v>94</v>
      </c>
      <c r="B119" s="22">
        <v>9</v>
      </c>
      <c r="C119" s="14">
        <v>27</v>
      </c>
      <c r="D119" s="18">
        <v>36</v>
      </c>
    </row>
    <row r="120" spans="1:4" ht="18" customHeight="1" x14ac:dyDescent="0.15">
      <c r="A120" s="5" t="s">
        <v>39</v>
      </c>
      <c r="B120" s="22">
        <v>58</v>
      </c>
      <c r="C120" s="14">
        <v>169</v>
      </c>
      <c r="D120" s="18">
        <v>227</v>
      </c>
    </row>
    <row r="121" spans="1:4" ht="18" customHeight="1" x14ac:dyDescent="0.15">
      <c r="A121" s="5">
        <v>95</v>
      </c>
      <c r="B121" s="22">
        <v>5</v>
      </c>
      <c r="C121" s="14">
        <v>21</v>
      </c>
      <c r="D121" s="18">
        <v>26</v>
      </c>
    </row>
    <row r="122" spans="1:4" ht="18" customHeight="1" x14ac:dyDescent="0.15">
      <c r="A122" s="5">
        <v>96</v>
      </c>
      <c r="B122" s="22">
        <v>6</v>
      </c>
      <c r="C122" s="14">
        <v>10</v>
      </c>
      <c r="D122" s="18">
        <v>16</v>
      </c>
    </row>
    <row r="123" spans="1:4" ht="18" customHeight="1" x14ac:dyDescent="0.15">
      <c r="A123" s="5">
        <v>97</v>
      </c>
      <c r="B123" s="22">
        <v>2</v>
      </c>
      <c r="C123" s="14">
        <v>7</v>
      </c>
      <c r="D123" s="18">
        <v>9</v>
      </c>
    </row>
    <row r="124" spans="1:4" ht="18" customHeight="1" x14ac:dyDescent="0.15">
      <c r="A124" s="5">
        <v>98</v>
      </c>
      <c r="B124" s="22">
        <v>1</v>
      </c>
      <c r="C124" s="14">
        <v>8</v>
      </c>
      <c r="D124" s="18">
        <v>9</v>
      </c>
    </row>
    <row r="125" spans="1:4" ht="18" customHeight="1" x14ac:dyDescent="0.15">
      <c r="A125" s="5">
        <v>99</v>
      </c>
      <c r="B125" s="22">
        <v>0</v>
      </c>
      <c r="C125" s="14">
        <v>7</v>
      </c>
      <c r="D125" s="18">
        <v>7</v>
      </c>
    </row>
    <row r="126" spans="1:4" ht="18" customHeight="1" x14ac:dyDescent="0.15">
      <c r="A126" s="5" t="s">
        <v>40</v>
      </c>
      <c r="B126" s="22">
        <v>14</v>
      </c>
      <c r="C126" s="14">
        <v>53</v>
      </c>
      <c r="D126" s="18">
        <v>67</v>
      </c>
    </row>
    <row r="127" spans="1:4" ht="18" customHeight="1" x14ac:dyDescent="0.15">
      <c r="A127" s="5">
        <v>100</v>
      </c>
      <c r="B127" s="22">
        <v>1</v>
      </c>
      <c r="C127" s="14">
        <v>4</v>
      </c>
      <c r="D127" s="18">
        <v>5</v>
      </c>
    </row>
    <row r="128" spans="1:4" ht="18" customHeight="1" x14ac:dyDescent="0.15">
      <c r="A128" s="6" t="s">
        <v>43</v>
      </c>
      <c r="B128" s="22">
        <v>0</v>
      </c>
      <c r="C128" s="14">
        <v>8</v>
      </c>
      <c r="D128" s="18">
        <v>8</v>
      </c>
    </row>
    <row r="129" spans="1:4" ht="18" customHeight="1" x14ac:dyDescent="0.15">
      <c r="A129" s="5" t="s">
        <v>44</v>
      </c>
      <c r="B129" s="22">
        <v>1</v>
      </c>
      <c r="C129" s="14">
        <v>12</v>
      </c>
      <c r="D129" s="18">
        <v>13</v>
      </c>
    </row>
    <row r="130" spans="1:4" ht="18" customHeight="1" x14ac:dyDescent="0.15">
      <c r="A130" s="5" t="s">
        <v>46</v>
      </c>
      <c r="B130" s="22">
        <v>1258</v>
      </c>
      <c r="C130" s="14">
        <v>1800</v>
      </c>
      <c r="D130" s="18">
        <v>3058</v>
      </c>
    </row>
    <row r="131" spans="1:4" ht="18" customHeight="1" x14ac:dyDescent="0.15">
      <c r="A131" s="7" t="s">
        <v>45</v>
      </c>
      <c r="B131" s="23">
        <v>5035</v>
      </c>
      <c r="C131" s="15">
        <v>5272</v>
      </c>
      <c r="D131" s="19">
        <v>1030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2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1</v>
      </c>
      <c r="C5" s="13">
        <v>29</v>
      </c>
      <c r="D5" s="17">
        <v>50</v>
      </c>
    </row>
    <row r="6" spans="1:4" ht="18" customHeight="1" x14ac:dyDescent="0.15">
      <c r="A6" s="5">
        <v>1</v>
      </c>
      <c r="B6" s="22">
        <v>27</v>
      </c>
      <c r="C6" s="14">
        <v>25</v>
      </c>
      <c r="D6" s="18">
        <v>52</v>
      </c>
    </row>
    <row r="7" spans="1:4" ht="18" customHeight="1" x14ac:dyDescent="0.15">
      <c r="A7" s="5">
        <v>2</v>
      </c>
      <c r="B7" s="22">
        <v>26</v>
      </c>
      <c r="C7" s="14">
        <v>31</v>
      </c>
      <c r="D7" s="18">
        <v>57</v>
      </c>
    </row>
    <row r="8" spans="1:4" ht="18" customHeight="1" x14ac:dyDescent="0.15">
      <c r="A8" s="5">
        <v>3</v>
      </c>
      <c r="B8" s="22">
        <v>27</v>
      </c>
      <c r="C8" s="14">
        <v>23</v>
      </c>
      <c r="D8" s="18">
        <v>50</v>
      </c>
    </row>
    <row r="9" spans="1:4" ht="18" customHeight="1" x14ac:dyDescent="0.15">
      <c r="A9" s="5">
        <v>4</v>
      </c>
      <c r="B9" s="22">
        <v>34</v>
      </c>
      <c r="C9" s="14">
        <v>32</v>
      </c>
      <c r="D9" s="18">
        <v>66</v>
      </c>
    </row>
    <row r="10" spans="1:4" ht="18" customHeight="1" x14ac:dyDescent="0.15">
      <c r="A10" s="5" t="s">
        <v>7</v>
      </c>
      <c r="B10" s="22">
        <v>135</v>
      </c>
      <c r="C10" s="14">
        <v>140</v>
      </c>
      <c r="D10" s="18">
        <v>275</v>
      </c>
    </row>
    <row r="11" spans="1:4" ht="18" customHeight="1" x14ac:dyDescent="0.15">
      <c r="A11" s="5">
        <v>5</v>
      </c>
      <c r="B11" s="22">
        <v>37</v>
      </c>
      <c r="C11" s="14">
        <v>20</v>
      </c>
      <c r="D11" s="18">
        <v>57</v>
      </c>
    </row>
    <row r="12" spans="1:4" ht="18" customHeight="1" x14ac:dyDescent="0.15">
      <c r="A12" s="5">
        <v>6</v>
      </c>
      <c r="B12" s="22">
        <v>34</v>
      </c>
      <c r="C12" s="14">
        <v>20</v>
      </c>
      <c r="D12" s="18">
        <v>54</v>
      </c>
    </row>
    <row r="13" spans="1:4" ht="18" customHeight="1" x14ac:dyDescent="0.15">
      <c r="A13" s="5">
        <v>7</v>
      </c>
      <c r="B13" s="22">
        <v>35</v>
      </c>
      <c r="C13" s="14">
        <v>35</v>
      </c>
      <c r="D13" s="18">
        <v>70</v>
      </c>
    </row>
    <row r="14" spans="1:4" ht="18" customHeight="1" x14ac:dyDescent="0.15">
      <c r="A14" s="5">
        <v>8</v>
      </c>
      <c r="B14" s="22">
        <v>21</v>
      </c>
      <c r="C14" s="14">
        <v>34</v>
      </c>
      <c r="D14" s="18">
        <v>55</v>
      </c>
    </row>
    <row r="15" spans="1:4" ht="18" customHeight="1" x14ac:dyDescent="0.15">
      <c r="A15" s="5">
        <v>9</v>
      </c>
      <c r="B15" s="22">
        <v>40</v>
      </c>
      <c r="C15" s="14">
        <v>45</v>
      </c>
      <c r="D15" s="18">
        <v>85</v>
      </c>
    </row>
    <row r="16" spans="1:4" ht="18" customHeight="1" x14ac:dyDescent="0.15">
      <c r="A16" s="5" t="s">
        <v>11</v>
      </c>
      <c r="B16" s="22">
        <v>167</v>
      </c>
      <c r="C16" s="14">
        <v>154</v>
      </c>
      <c r="D16" s="18">
        <v>321</v>
      </c>
    </row>
    <row r="17" spans="1:4" ht="18" customHeight="1" x14ac:dyDescent="0.15">
      <c r="A17" s="5">
        <v>10</v>
      </c>
      <c r="B17" s="22">
        <v>30</v>
      </c>
      <c r="C17" s="14">
        <v>32</v>
      </c>
      <c r="D17" s="18">
        <v>62</v>
      </c>
    </row>
    <row r="18" spans="1:4" ht="18" customHeight="1" x14ac:dyDescent="0.15">
      <c r="A18" s="5">
        <v>11</v>
      </c>
      <c r="B18" s="22">
        <v>38</v>
      </c>
      <c r="C18" s="14">
        <v>29</v>
      </c>
      <c r="D18" s="18">
        <v>67</v>
      </c>
    </row>
    <row r="19" spans="1:4" ht="18" customHeight="1" x14ac:dyDescent="0.15">
      <c r="A19" s="5">
        <v>12</v>
      </c>
      <c r="B19" s="22">
        <v>34</v>
      </c>
      <c r="C19" s="14">
        <v>35</v>
      </c>
      <c r="D19" s="18">
        <v>69</v>
      </c>
    </row>
    <row r="20" spans="1:4" ht="18" customHeight="1" x14ac:dyDescent="0.15">
      <c r="A20" s="5">
        <v>13</v>
      </c>
      <c r="B20" s="22">
        <v>32</v>
      </c>
      <c r="C20" s="14">
        <v>34</v>
      </c>
      <c r="D20" s="18">
        <v>66</v>
      </c>
    </row>
    <row r="21" spans="1:4" ht="18" customHeight="1" x14ac:dyDescent="0.15">
      <c r="A21" s="5">
        <v>14</v>
      </c>
      <c r="B21" s="22">
        <v>26</v>
      </c>
      <c r="C21" s="14">
        <v>27</v>
      </c>
      <c r="D21" s="18">
        <v>53</v>
      </c>
    </row>
    <row r="22" spans="1:4" ht="18" customHeight="1" x14ac:dyDescent="0.15">
      <c r="A22" s="5" t="s">
        <v>12</v>
      </c>
      <c r="B22" s="22">
        <v>160</v>
      </c>
      <c r="C22" s="14">
        <v>157</v>
      </c>
      <c r="D22" s="18">
        <v>317</v>
      </c>
    </row>
    <row r="23" spans="1:4" ht="18" customHeight="1" x14ac:dyDescent="0.15">
      <c r="A23" s="5" t="s">
        <v>6</v>
      </c>
      <c r="B23" s="22">
        <v>462</v>
      </c>
      <c r="C23" s="14">
        <v>451</v>
      </c>
      <c r="D23" s="18">
        <v>913</v>
      </c>
    </row>
    <row r="24" spans="1:4" ht="18" customHeight="1" x14ac:dyDescent="0.15">
      <c r="A24" s="5">
        <v>15</v>
      </c>
      <c r="B24" s="22">
        <v>38</v>
      </c>
      <c r="C24" s="14">
        <v>31</v>
      </c>
      <c r="D24" s="18">
        <v>69</v>
      </c>
    </row>
    <row r="25" spans="1:4" ht="18" customHeight="1" x14ac:dyDescent="0.15">
      <c r="A25" s="5">
        <v>16</v>
      </c>
      <c r="B25" s="22">
        <v>38</v>
      </c>
      <c r="C25" s="14">
        <v>25</v>
      </c>
      <c r="D25" s="18">
        <v>63</v>
      </c>
    </row>
    <row r="26" spans="1:4" ht="18" customHeight="1" x14ac:dyDescent="0.15">
      <c r="A26" s="5">
        <v>17</v>
      </c>
      <c r="B26" s="22">
        <v>32</v>
      </c>
      <c r="C26" s="14">
        <v>15</v>
      </c>
      <c r="D26" s="18">
        <v>47</v>
      </c>
    </row>
    <row r="27" spans="1:4" ht="18" customHeight="1" x14ac:dyDescent="0.15">
      <c r="A27" s="5">
        <v>18</v>
      </c>
      <c r="B27" s="22">
        <v>27</v>
      </c>
      <c r="C27" s="14">
        <v>29</v>
      </c>
      <c r="D27" s="18">
        <v>56</v>
      </c>
    </row>
    <row r="28" spans="1:4" ht="18" customHeight="1" x14ac:dyDescent="0.15">
      <c r="A28" s="5">
        <v>19</v>
      </c>
      <c r="B28" s="22">
        <v>29</v>
      </c>
      <c r="C28" s="14">
        <v>21</v>
      </c>
      <c r="D28" s="18">
        <v>50</v>
      </c>
    </row>
    <row r="29" spans="1:4" ht="18" customHeight="1" x14ac:dyDescent="0.15">
      <c r="A29" s="5" t="s">
        <v>14</v>
      </c>
      <c r="B29" s="22">
        <v>164</v>
      </c>
      <c r="C29" s="14">
        <v>121</v>
      </c>
      <c r="D29" s="18">
        <v>285</v>
      </c>
    </row>
    <row r="30" spans="1:4" ht="18" customHeight="1" x14ac:dyDescent="0.15">
      <c r="A30" s="5">
        <v>20</v>
      </c>
      <c r="B30" s="22">
        <v>28</v>
      </c>
      <c r="C30" s="14">
        <v>33</v>
      </c>
      <c r="D30" s="18">
        <v>61</v>
      </c>
    </row>
    <row r="31" spans="1:4" ht="18" customHeight="1" x14ac:dyDescent="0.15">
      <c r="A31" s="5">
        <v>21</v>
      </c>
      <c r="B31" s="22">
        <v>18</v>
      </c>
      <c r="C31" s="14">
        <v>34</v>
      </c>
      <c r="D31" s="18">
        <v>52</v>
      </c>
    </row>
    <row r="32" spans="1:4" ht="18" customHeight="1" x14ac:dyDescent="0.15">
      <c r="A32" s="5">
        <v>22</v>
      </c>
      <c r="B32" s="22">
        <v>39</v>
      </c>
      <c r="C32" s="14">
        <v>44</v>
      </c>
      <c r="D32" s="18">
        <v>83</v>
      </c>
    </row>
    <row r="33" spans="1:4" ht="18" customHeight="1" x14ac:dyDescent="0.15">
      <c r="A33" s="5">
        <v>23</v>
      </c>
      <c r="B33" s="22">
        <v>34</v>
      </c>
      <c r="C33" s="14">
        <v>37</v>
      </c>
      <c r="D33" s="18">
        <v>71</v>
      </c>
    </row>
    <row r="34" spans="1:4" ht="18" customHeight="1" x14ac:dyDescent="0.15">
      <c r="A34" s="5">
        <v>24</v>
      </c>
      <c r="B34" s="22">
        <v>51</v>
      </c>
      <c r="C34" s="14">
        <v>37</v>
      </c>
      <c r="D34" s="18">
        <v>88</v>
      </c>
    </row>
    <row r="35" spans="1:4" ht="18" customHeight="1" x14ac:dyDescent="0.15">
      <c r="A35" s="5" t="s">
        <v>9</v>
      </c>
      <c r="B35" s="22">
        <v>170</v>
      </c>
      <c r="C35" s="14">
        <v>185</v>
      </c>
      <c r="D35" s="18">
        <v>355</v>
      </c>
    </row>
    <row r="36" spans="1:4" ht="18" customHeight="1" x14ac:dyDescent="0.15">
      <c r="A36" s="5">
        <v>25</v>
      </c>
      <c r="B36" s="22">
        <v>51</v>
      </c>
      <c r="C36" s="14">
        <v>34</v>
      </c>
      <c r="D36" s="18">
        <v>85</v>
      </c>
    </row>
    <row r="37" spans="1:4" ht="18" customHeight="1" x14ac:dyDescent="0.15">
      <c r="A37" s="5">
        <v>26</v>
      </c>
      <c r="B37" s="22">
        <v>51</v>
      </c>
      <c r="C37" s="14">
        <v>32</v>
      </c>
      <c r="D37" s="18">
        <v>83</v>
      </c>
    </row>
    <row r="38" spans="1:4" ht="18" customHeight="1" x14ac:dyDescent="0.15">
      <c r="A38" s="5">
        <v>27</v>
      </c>
      <c r="B38" s="22">
        <v>48</v>
      </c>
      <c r="C38" s="14">
        <v>55</v>
      </c>
      <c r="D38" s="18">
        <v>103</v>
      </c>
    </row>
    <row r="39" spans="1:4" ht="18" customHeight="1" x14ac:dyDescent="0.15">
      <c r="A39" s="5">
        <v>28</v>
      </c>
      <c r="B39" s="22">
        <v>45</v>
      </c>
      <c r="C39" s="14">
        <v>44</v>
      </c>
      <c r="D39" s="18">
        <v>89</v>
      </c>
    </row>
    <row r="40" spans="1:4" ht="18" customHeight="1" x14ac:dyDescent="0.15">
      <c r="A40" s="5">
        <v>29</v>
      </c>
      <c r="B40" s="22">
        <v>43</v>
      </c>
      <c r="C40" s="14">
        <v>47</v>
      </c>
      <c r="D40" s="18">
        <v>90</v>
      </c>
    </row>
    <row r="41" spans="1:4" ht="18" customHeight="1" x14ac:dyDescent="0.15">
      <c r="A41" s="5" t="s">
        <v>2</v>
      </c>
      <c r="B41" s="22">
        <v>238</v>
      </c>
      <c r="C41" s="14">
        <v>212</v>
      </c>
      <c r="D41" s="18">
        <v>450</v>
      </c>
    </row>
    <row r="42" spans="1:4" ht="18" customHeight="1" x14ac:dyDescent="0.15">
      <c r="A42" s="5">
        <v>30</v>
      </c>
      <c r="B42" s="22">
        <v>50</v>
      </c>
      <c r="C42" s="14">
        <v>42</v>
      </c>
      <c r="D42" s="18">
        <v>92</v>
      </c>
    </row>
    <row r="43" spans="1:4" ht="18" customHeight="1" x14ac:dyDescent="0.15">
      <c r="A43" s="5">
        <v>31</v>
      </c>
      <c r="B43" s="22">
        <v>48</v>
      </c>
      <c r="C43" s="14">
        <v>42</v>
      </c>
      <c r="D43" s="18">
        <v>90</v>
      </c>
    </row>
    <row r="44" spans="1:4" ht="18" customHeight="1" x14ac:dyDescent="0.15">
      <c r="A44" s="5">
        <v>32</v>
      </c>
      <c r="B44" s="22">
        <v>52</v>
      </c>
      <c r="C44" s="14">
        <v>39</v>
      </c>
      <c r="D44" s="18">
        <v>91</v>
      </c>
    </row>
    <row r="45" spans="1:4" ht="18" customHeight="1" x14ac:dyDescent="0.15">
      <c r="A45" s="5">
        <v>33</v>
      </c>
      <c r="B45" s="22">
        <v>47</v>
      </c>
      <c r="C45" s="14">
        <v>44</v>
      </c>
      <c r="D45" s="18">
        <v>91</v>
      </c>
    </row>
    <row r="46" spans="1:4" ht="18" customHeight="1" x14ac:dyDescent="0.15">
      <c r="A46" s="5">
        <v>34</v>
      </c>
      <c r="B46" s="22">
        <v>42</v>
      </c>
      <c r="C46" s="14">
        <v>43</v>
      </c>
      <c r="D46" s="18">
        <v>85</v>
      </c>
    </row>
    <row r="47" spans="1:4" ht="18" customHeight="1" x14ac:dyDescent="0.15">
      <c r="A47" s="5" t="s">
        <v>15</v>
      </c>
      <c r="B47" s="22">
        <v>239</v>
      </c>
      <c r="C47" s="14">
        <v>210</v>
      </c>
      <c r="D47" s="18">
        <v>449</v>
      </c>
    </row>
    <row r="48" spans="1:4" ht="18" customHeight="1" x14ac:dyDescent="0.15">
      <c r="A48" s="5">
        <v>35</v>
      </c>
      <c r="B48" s="22">
        <v>47</v>
      </c>
      <c r="C48" s="14">
        <v>34</v>
      </c>
      <c r="D48" s="18">
        <v>81</v>
      </c>
    </row>
    <row r="49" spans="1:4" ht="18" customHeight="1" x14ac:dyDescent="0.15">
      <c r="A49" s="5">
        <v>36</v>
      </c>
      <c r="B49" s="22">
        <v>43</v>
      </c>
      <c r="C49" s="14">
        <v>50</v>
      </c>
      <c r="D49" s="18">
        <v>93</v>
      </c>
    </row>
    <row r="50" spans="1:4" ht="18" customHeight="1" x14ac:dyDescent="0.15">
      <c r="A50" s="5">
        <v>37</v>
      </c>
      <c r="B50" s="22">
        <v>41</v>
      </c>
      <c r="C50" s="14">
        <v>42</v>
      </c>
      <c r="D50" s="18">
        <v>83</v>
      </c>
    </row>
    <row r="51" spans="1:4" ht="18" customHeight="1" x14ac:dyDescent="0.15">
      <c r="A51" s="5">
        <v>38</v>
      </c>
      <c r="B51" s="22">
        <v>56</v>
      </c>
      <c r="C51" s="14">
        <v>44</v>
      </c>
      <c r="D51" s="18">
        <v>100</v>
      </c>
    </row>
    <row r="52" spans="1:4" ht="18" customHeight="1" x14ac:dyDescent="0.15">
      <c r="A52" s="5">
        <v>39</v>
      </c>
      <c r="B52" s="22">
        <v>50</v>
      </c>
      <c r="C52" s="14">
        <v>38</v>
      </c>
      <c r="D52" s="18">
        <v>88</v>
      </c>
    </row>
    <row r="53" spans="1:4" ht="18" customHeight="1" x14ac:dyDescent="0.15">
      <c r="A53" s="5" t="s">
        <v>18</v>
      </c>
      <c r="B53" s="22">
        <v>237</v>
      </c>
      <c r="C53" s="14">
        <v>208</v>
      </c>
      <c r="D53" s="18">
        <v>445</v>
      </c>
    </row>
    <row r="54" spans="1:4" ht="18" customHeight="1" x14ac:dyDescent="0.15">
      <c r="A54" s="5">
        <v>40</v>
      </c>
      <c r="B54" s="22">
        <v>56</v>
      </c>
      <c r="C54" s="14">
        <v>47</v>
      </c>
      <c r="D54" s="18">
        <v>103</v>
      </c>
    </row>
    <row r="55" spans="1:4" ht="18" customHeight="1" x14ac:dyDescent="0.15">
      <c r="A55" s="5">
        <v>41</v>
      </c>
      <c r="B55" s="22">
        <v>51</v>
      </c>
      <c r="C55" s="14">
        <v>50</v>
      </c>
      <c r="D55" s="18">
        <v>101</v>
      </c>
    </row>
    <row r="56" spans="1:4" ht="18" customHeight="1" x14ac:dyDescent="0.15">
      <c r="A56" s="5">
        <v>42</v>
      </c>
      <c r="B56" s="22">
        <v>47</v>
      </c>
      <c r="C56" s="14">
        <v>47</v>
      </c>
      <c r="D56" s="18">
        <v>94</v>
      </c>
    </row>
    <row r="57" spans="1:4" ht="18" customHeight="1" x14ac:dyDescent="0.15">
      <c r="A57" s="5">
        <v>43</v>
      </c>
      <c r="B57" s="22">
        <v>69</v>
      </c>
      <c r="C57" s="14">
        <v>48</v>
      </c>
      <c r="D57" s="18">
        <v>117</v>
      </c>
    </row>
    <row r="58" spans="1:4" ht="18" customHeight="1" x14ac:dyDescent="0.15">
      <c r="A58" s="5">
        <v>44</v>
      </c>
      <c r="B58" s="22">
        <v>40</v>
      </c>
      <c r="C58" s="14">
        <v>41</v>
      </c>
      <c r="D58" s="18">
        <v>81</v>
      </c>
    </row>
    <row r="59" spans="1:4" ht="18" customHeight="1" x14ac:dyDescent="0.15">
      <c r="A59" s="5" t="s">
        <v>21</v>
      </c>
      <c r="B59" s="22">
        <v>263</v>
      </c>
      <c r="C59" s="14">
        <v>233</v>
      </c>
      <c r="D59" s="18">
        <v>496</v>
      </c>
    </row>
    <row r="60" spans="1:4" ht="18" customHeight="1" x14ac:dyDescent="0.15">
      <c r="A60" s="5">
        <v>45</v>
      </c>
      <c r="B60" s="22">
        <v>36</v>
      </c>
      <c r="C60" s="14">
        <v>43</v>
      </c>
      <c r="D60" s="18">
        <v>79</v>
      </c>
    </row>
    <row r="61" spans="1:4" ht="18" customHeight="1" x14ac:dyDescent="0.15">
      <c r="A61" s="5">
        <v>46</v>
      </c>
      <c r="B61" s="22">
        <v>45</v>
      </c>
      <c r="C61" s="14">
        <v>45</v>
      </c>
      <c r="D61" s="18">
        <v>90</v>
      </c>
    </row>
    <row r="62" spans="1:4" ht="18" customHeight="1" x14ac:dyDescent="0.15">
      <c r="A62" s="5">
        <v>47</v>
      </c>
      <c r="B62" s="22">
        <v>49</v>
      </c>
      <c r="C62" s="14">
        <v>38</v>
      </c>
      <c r="D62" s="18">
        <v>87</v>
      </c>
    </row>
    <row r="63" spans="1:4" ht="18" customHeight="1" x14ac:dyDescent="0.15">
      <c r="A63" s="5">
        <v>48</v>
      </c>
      <c r="B63" s="22">
        <v>56</v>
      </c>
      <c r="C63" s="14">
        <v>51</v>
      </c>
      <c r="D63" s="18">
        <v>107</v>
      </c>
    </row>
    <row r="64" spans="1:4" ht="18" customHeight="1" x14ac:dyDescent="0.15">
      <c r="A64" s="5">
        <v>49</v>
      </c>
      <c r="B64" s="22">
        <v>55</v>
      </c>
      <c r="C64" s="14">
        <v>61</v>
      </c>
      <c r="D64" s="18">
        <v>116</v>
      </c>
    </row>
    <row r="65" spans="1:4" ht="18" customHeight="1" x14ac:dyDescent="0.15">
      <c r="A65" s="5" t="s">
        <v>17</v>
      </c>
      <c r="B65" s="22">
        <v>241</v>
      </c>
      <c r="C65" s="14">
        <v>238</v>
      </c>
      <c r="D65" s="18">
        <v>479</v>
      </c>
    </row>
    <row r="66" spans="1:4" ht="18" customHeight="1" x14ac:dyDescent="0.15">
      <c r="A66" s="5">
        <v>50</v>
      </c>
      <c r="B66" s="22">
        <v>59</v>
      </c>
      <c r="C66" s="14">
        <v>57</v>
      </c>
      <c r="D66" s="18">
        <v>116</v>
      </c>
    </row>
    <row r="67" spans="1:4" ht="18" customHeight="1" x14ac:dyDescent="0.15">
      <c r="A67" s="5">
        <v>51</v>
      </c>
      <c r="B67" s="22">
        <v>55</v>
      </c>
      <c r="C67" s="14">
        <v>49</v>
      </c>
      <c r="D67" s="18">
        <v>104</v>
      </c>
    </row>
    <row r="68" spans="1:4" ht="18" customHeight="1" x14ac:dyDescent="0.15">
      <c r="A68" s="5">
        <v>52</v>
      </c>
      <c r="B68" s="22">
        <v>61</v>
      </c>
      <c r="C68" s="14">
        <v>51</v>
      </c>
      <c r="D68" s="18">
        <v>112</v>
      </c>
    </row>
    <row r="69" spans="1:4" ht="18" customHeight="1" x14ac:dyDescent="0.15">
      <c r="A69" s="5">
        <v>53</v>
      </c>
      <c r="B69" s="22">
        <v>72</v>
      </c>
      <c r="C69" s="14">
        <v>58</v>
      </c>
      <c r="D69" s="18">
        <v>130</v>
      </c>
    </row>
    <row r="70" spans="1:4" ht="18" customHeight="1" x14ac:dyDescent="0.15">
      <c r="A70" s="5">
        <v>54</v>
      </c>
      <c r="B70" s="22">
        <v>56</v>
      </c>
      <c r="C70" s="14">
        <v>64</v>
      </c>
      <c r="D70" s="18">
        <v>120</v>
      </c>
    </row>
    <row r="71" spans="1:4" ht="18" customHeight="1" x14ac:dyDescent="0.15">
      <c r="A71" s="5" t="s">
        <v>22</v>
      </c>
      <c r="B71" s="22">
        <v>303</v>
      </c>
      <c r="C71" s="14">
        <v>279</v>
      </c>
      <c r="D71" s="18">
        <v>582</v>
      </c>
    </row>
    <row r="72" spans="1:4" ht="18" customHeight="1" x14ac:dyDescent="0.15">
      <c r="A72" s="5">
        <v>55</v>
      </c>
      <c r="B72" s="22">
        <v>48</v>
      </c>
      <c r="C72" s="14">
        <v>46</v>
      </c>
      <c r="D72" s="18">
        <v>94</v>
      </c>
    </row>
    <row r="73" spans="1:4" ht="18" customHeight="1" x14ac:dyDescent="0.15">
      <c r="A73" s="5">
        <v>56</v>
      </c>
      <c r="B73" s="22">
        <v>60</v>
      </c>
      <c r="C73" s="14">
        <v>59</v>
      </c>
      <c r="D73" s="18">
        <v>119</v>
      </c>
    </row>
    <row r="74" spans="1:4" ht="18" customHeight="1" x14ac:dyDescent="0.15">
      <c r="A74" s="5">
        <v>57</v>
      </c>
      <c r="B74" s="22">
        <v>57</v>
      </c>
      <c r="C74" s="14">
        <v>57</v>
      </c>
      <c r="D74" s="18">
        <v>114</v>
      </c>
    </row>
    <row r="75" spans="1:4" ht="18" customHeight="1" x14ac:dyDescent="0.15">
      <c r="A75" s="5">
        <v>58</v>
      </c>
      <c r="B75" s="22">
        <v>65</v>
      </c>
      <c r="C75" s="14">
        <v>63</v>
      </c>
      <c r="D75" s="18">
        <v>128</v>
      </c>
    </row>
    <row r="76" spans="1:4" ht="18" customHeight="1" x14ac:dyDescent="0.15">
      <c r="A76" s="5">
        <v>59</v>
      </c>
      <c r="B76" s="22">
        <v>53</v>
      </c>
      <c r="C76" s="14">
        <v>53</v>
      </c>
      <c r="D76" s="18">
        <v>106</v>
      </c>
    </row>
    <row r="77" spans="1:4" ht="18" customHeight="1" x14ac:dyDescent="0.15">
      <c r="A77" s="5" t="s">
        <v>27</v>
      </c>
      <c r="B77" s="22">
        <v>283</v>
      </c>
      <c r="C77" s="14">
        <v>278</v>
      </c>
      <c r="D77" s="18">
        <v>561</v>
      </c>
    </row>
    <row r="78" spans="1:4" ht="18" customHeight="1" x14ac:dyDescent="0.15">
      <c r="A78" s="5">
        <v>60</v>
      </c>
      <c r="B78" s="22">
        <v>65</v>
      </c>
      <c r="C78" s="14">
        <v>56</v>
      </c>
      <c r="D78" s="18">
        <v>121</v>
      </c>
    </row>
    <row r="79" spans="1:4" ht="18" customHeight="1" x14ac:dyDescent="0.15">
      <c r="A79" s="5">
        <v>61</v>
      </c>
      <c r="B79" s="22">
        <v>58</v>
      </c>
      <c r="C79" s="14">
        <v>52</v>
      </c>
      <c r="D79" s="18">
        <v>110</v>
      </c>
    </row>
    <row r="80" spans="1:4" ht="18" customHeight="1" x14ac:dyDescent="0.15">
      <c r="A80" s="5">
        <v>62</v>
      </c>
      <c r="B80" s="22">
        <v>46</v>
      </c>
      <c r="C80" s="14">
        <v>63</v>
      </c>
      <c r="D80" s="18">
        <v>109</v>
      </c>
    </row>
    <row r="81" spans="1:4" ht="18" customHeight="1" x14ac:dyDescent="0.15">
      <c r="A81" s="5">
        <v>63</v>
      </c>
      <c r="B81" s="22">
        <v>41</v>
      </c>
      <c r="C81" s="14">
        <v>53</v>
      </c>
      <c r="D81" s="18">
        <v>94</v>
      </c>
    </row>
    <row r="82" spans="1:4" ht="18" customHeight="1" x14ac:dyDescent="0.15">
      <c r="A82" s="5">
        <v>64</v>
      </c>
      <c r="B82" s="22">
        <v>46</v>
      </c>
      <c r="C82" s="14">
        <v>48</v>
      </c>
      <c r="D82" s="18">
        <v>94</v>
      </c>
    </row>
    <row r="83" spans="1:4" ht="18" customHeight="1" x14ac:dyDescent="0.15">
      <c r="A83" s="5" t="s">
        <v>28</v>
      </c>
      <c r="B83" s="22">
        <v>256</v>
      </c>
      <c r="C83" s="14">
        <v>272</v>
      </c>
      <c r="D83" s="18">
        <v>528</v>
      </c>
    </row>
    <row r="84" spans="1:4" ht="18" customHeight="1" x14ac:dyDescent="0.15">
      <c r="A84" s="5" t="s">
        <v>31</v>
      </c>
      <c r="B84" s="22">
        <v>2394</v>
      </c>
      <c r="C84" s="14">
        <v>2236</v>
      </c>
      <c r="D84" s="18">
        <v>4630</v>
      </c>
    </row>
    <row r="85" spans="1:4" ht="18" customHeight="1" x14ac:dyDescent="0.15">
      <c r="A85" s="5">
        <v>65</v>
      </c>
      <c r="B85" s="22">
        <v>44</v>
      </c>
      <c r="C85" s="14">
        <v>38</v>
      </c>
      <c r="D85" s="18">
        <v>82</v>
      </c>
    </row>
    <row r="86" spans="1:4" ht="18" customHeight="1" x14ac:dyDescent="0.15">
      <c r="A86" s="5">
        <v>66</v>
      </c>
      <c r="B86" s="22">
        <v>51</v>
      </c>
      <c r="C86" s="14">
        <v>34</v>
      </c>
      <c r="D86" s="18">
        <v>85</v>
      </c>
    </row>
    <row r="87" spans="1:4" ht="18" customHeight="1" x14ac:dyDescent="0.15">
      <c r="A87" s="5">
        <v>67</v>
      </c>
      <c r="B87" s="22">
        <v>47</v>
      </c>
      <c r="C87" s="14">
        <v>48</v>
      </c>
      <c r="D87" s="18">
        <v>95</v>
      </c>
    </row>
    <row r="88" spans="1:4" ht="18" customHeight="1" x14ac:dyDescent="0.15">
      <c r="A88" s="5">
        <v>68</v>
      </c>
      <c r="B88" s="22">
        <v>47</v>
      </c>
      <c r="C88" s="14">
        <v>37</v>
      </c>
      <c r="D88" s="18">
        <v>84</v>
      </c>
    </row>
    <row r="89" spans="1:4" ht="18" customHeight="1" x14ac:dyDescent="0.15">
      <c r="A89" s="5">
        <v>69</v>
      </c>
      <c r="B89" s="22">
        <v>42</v>
      </c>
      <c r="C89" s="14">
        <v>35</v>
      </c>
      <c r="D89" s="18">
        <v>77</v>
      </c>
    </row>
    <row r="90" spans="1:4" ht="18" customHeight="1" x14ac:dyDescent="0.15">
      <c r="A90" s="5" t="s">
        <v>20</v>
      </c>
      <c r="B90" s="22">
        <v>231</v>
      </c>
      <c r="C90" s="14">
        <v>192</v>
      </c>
      <c r="D90" s="18">
        <v>423</v>
      </c>
    </row>
    <row r="91" spans="1:4" ht="18" customHeight="1" x14ac:dyDescent="0.15">
      <c r="A91" s="5">
        <v>70</v>
      </c>
      <c r="B91" s="22">
        <v>42</v>
      </c>
      <c r="C91" s="14">
        <v>46</v>
      </c>
      <c r="D91" s="18">
        <v>88</v>
      </c>
    </row>
    <row r="92" spans="1:4" ht="18" customHeight="1" x14ac:dyDescent="0.15">
      <c r="A92" s="5">
        <v>71</v>
      </c>
      <c r="B92" s="22">
        <v>29</v>
      </c>
      <c r="C92" s="14">
        <v>56</v>
      </c>
      <c r="D92" s="18">
        <v>85</v>
      </c>
    </row>
    <row r="93" spans="1:4" ht="18" customHeight="1" x14ac:dyDescent="0.15">
      <c r="A93" s="5">
        <v>72</v>
      </c>
      <c r="B93" s="22">
        <v>48</v>
      </c>
      <c r="C93" s="14">
        <v>44</v>
      </c>
      <c r="D93" s="18">
        <v>92</v>
      </c>
    </row>
    <row r="94" spans="1:4" ht="18" customHeight="1" x14ac:dyDescent="0.15">
      <c r="A94" s="5">
        <v>73</v>
      </c>
      <c r="B94" s="22">
        <v>38</v>
      </c>
      <c r="C94" s="14">
        <v>54</v>
      </c>
      <c r="D94" s="18">
        <v>92</v>
      </c>
    </row>
    <row r="95" spans="1:4" ht="18" customHeight="1" x14ac:dyDescent="0.15">
      <c r="A95" s="5">
        <v>74</v>
      </c>
      <c r="B95" s="22">
        <v>31</v>
      </c>
      <c r="C95" s="14">
        <v>51</v>
      </c>
      <c r="D95" s="18">
        <v>82</v>
      </c>
    </row>
    <row r="96" spans="1:4" ht="18" customHeight="1" x14ac:dyDescent="0.15">
      <c r="A96" s="5" t="s">
        <v>33</v>
      </c>
      <c r="B96" s="22">
        <v>188</v>
      </c>
      <c r="C96" s="14">
        <v>251</v>
      </c>
      <c r="D96" s="18">
        <v>439</v>
      </c>
    </row>
    <row r="97" spans="1:4" ht="18" customHeight="1" x14ac:dyDescent="0.15">
      <c r="A97" s="5">
        <v>75</v>
      </c>
      <c r="B97" s="22">
        <v>45</v>
      </c>
      <c r="C97" s="14">
        <v>62</v>
      </c>
      <c r="D97" s="18">
        <v>107</v>
      </c>
    </row>
    <row r="98" spans="1:4" ht="18" customHeight="1" x14ac:dyDescent="0.15">
      <c r="A98" s="5">
        <v>76</v>
      </c>
      <c r="B98" s="22">
        <v>53</v>
      </c>
      <c r="C98" s="14">
        <v>51</v>
      </c>
      <c r="D98" s="18">
        <v>104</v>
      </c>
    </row>
    <row r="99" spans="1:4" ht="18" customHeight="1" x14ac:dyDescent="0.15">
      <c r="A99" s="5">
        <v>77</v>
      </c>
      <c r="B99" s="22">
        <v>74</v>
      </c>
      <c r="C99" s="14">
        <v>79</v>
      </c>
      <c r="D99" s="18">
        <v>153</v>
      </c>
    </row>
    <row r="100" spans="1:4" ht="18" customHeight="1" x14ac:dyDescent="0.15">
      <c r="A100" s="5">
        <v>78</v>
      </c>
      <c r="B100" s="22">
        <v>49</v>
      </c>
      <c r="C100" s="14">
        <v>75</v>
      </c>
      <c r="D100" s="18">
        <v>124</v>
      </c>
    </row>
    <row r="101" spans="1:4" ht="18" customHeight="1" x14ac:dyDescent="0.15">
      <c r="A101" s="5">
        <v>79</v>
      </c>
      <c r="B101" s="22">
        <v>42</v>
      </c>
      <c r="C101" s="14">
        <v>56</v>
      </c>
      <c r="D101" s="18">
        <v>98</v>
      </c>
    </row>
    <row r="102" spans="1:4" ht="18" customHeight="1" x14ac:dyDescent="0.15">
      <c r="A102" s="5" t="s">
        <v>0</v>
      </c>
      <c r="B102" s="22">
        <v>263</v>
      </c>
      <c r="C102" s="14">
        <v>323</v>
      </c>
      <c r="D102" s="18">
        <v>586</v>
      </c>
    </row>
    <row r="103" spans="1:4" ht="18" customHeight="1" x14ac:dyDescent="0.15">
      <c r="A103" s="5">
        <v>80</v>
      </c>
      <c r="B103" s="22">
        <v>25</v>
      </c>
      <c r="C103" s="14">
        <v>43</v>
      </c>
      <c r="D103" s="18">
        <v>68</v>
      </c>
    </row>
    <row r="104" spans="1:4" ht="18" customHeight="1" x14ac:dyDescent="0.15">
      <c r="A104" s="5">
        <v>81</v>
      </c>
      <c r="B104" s="22">
        <v>35</v>
      </c>
      <c r="C104" s="14">
        <v>64</v>
      </c>
      <c r="D104" s="18">
        <v>99</v>
      </c>
    </row>
    <row r="105" spans="1:4" ht="18" customHeight="1" x14ac:dyDescent="0.15">
      <c r="A105" s="5">
        <v>82</v>
      </c>
      <c r="B105" s="22">
        <v>44</v>
      </c>
      <c r="C105" s="14">
        <v>61</v>
      </c>
      <c r="D105" s="18">
        <v>105</v>
      </c>
    </row>
    <row r="106" spans="1:4" ht="18" customHeight="1" x14ac:dyDescent="0.15">
      <c r="A106" s="5">
        <v>83</v>
      </c>
      <c r="B106" s="22">
        <v>35</v>
      </c>
      <c r="C106" s="14">
        <v>53</v>
      </c>
      <c r="D106" s="18">
        <v>88</v>
      </c>
    </row>
    <row r="107" spans="1:4" ht="18" customHeight="1" x14ac:dyDescent="0.15">
      <c r="A107" s="5">
        <v>84</v>
      </c>
      <c r="B107" s="22">
        <v>29</v>
      </c>
      <c r="C107" s="14">
        <v>63</v>
      </c>
      <c r="D107" s="18">
        <v>92</v>
      </c>
    </row>
    <row r="108" spans="1:4" ht="18" customHeight="1" x14ac:dyDescent="0.15">
      <c r="A108" s="5" t="s">
        <v>35</v>
      </c>
      <c r="B108" s="22">
        <v>168</v>
      </c>
      <c r="C108" s="14">
        <v>284</v>
      </c>
      <c r="D108" s="18">
        <v>452</v>
      </c>
    </row>
    <row r="109" spans="1:4" ht="18" customHeight="1" x14ac:dyDescent="0.15">
      <c r="A109" s="5">
        <v>85</v>
      </c>
      <c r="B109" s="22">
        <v>36</v>
      </c>
      <c r="C109" s="14">
        <v>57</v>
      </c>
      <c r="D109" s="18">
        <v>93</v>
      </c>
    </row>
    <row r="110" spans="1:4" ht="18" customHeight="1" x14ac:dyDescent="0.15">
      <c r="A110" s="5">
        <v>86</v>
      </c>
      <c r="B110" s="22">
        <v>20</v>
      </c>
      <c r="C110" s="14">
        <v>42</v>
      </c>
      <c r="D110" s="18">
        <v>62</v>
      </c>
    </row>
    <row r="111" spans="1:4" ht="18" customHeight="1" x14ac:dyDescent="0.15">
      <c r="A111" s="5">
        <v>87</v>
      </c>
      <c r="B111" s="22">
        <v>28</v>
      </c>
      <c r="C111" s="14">
        <v>37</v>
      </c>
      <c r="D111" s="18">
        <v>65</v>
      </c>
    </row>
    <row r="112" spans="1:4" ht="18" customHeight="1" x14ac:dyDescent="0.15">
      <c r="A112" s="5">
        <v>88</v>
      </c>
      <c r="B112" s="22">
        <v>17</v>
      </c>
      <c r="C112" s="14">
        <v>33</v>
      </c>
      <c r="D112" s="18">
        <v>50</v>
      </c>
    </row>
    <row r="113" spans="1:4" ht="18" customHeight="1" x14ac:dyDescent="0.15">
      <c r="A113" s="5">
        <v>89</v>
      </c>
      <c r="B113" s="22">
        <v>21</v>
      </c>
      <c r="C113" s="14">
        <v>35</v>
      </c>
      <c r="D113" s="18">
        <v>56</v>
      </c>
    </row>
    <row r="114" spans="1:4" ht="18" customHeight="1" x14ac:dyDescent="0.15">
      <c r="A114" s="5" t="s">
        <v>37</v>
      </c>
      <c r="B114" s="22">
        <v>122</v>
      </c>
      <c r="C114" s="14">
        <v>204</v>
      </c>
      <c r="D114" s="18">
        <v>326</v>
      </c>
    </row>
    <row r="115" spans="1:4" ht="18" customHeight="1" x14ac:dyDescent="0.15">
      <c r="A115" s="5">
        <v>90</v>
      </c>
      <c r="B115" s="22">
        <v>18</v>
      </c>
      <c r="C115" s="14">
        <v>31</v>
      </c>
      <c r="D115" s="18">
        <v>49</v>
      </c>
    </row>
    <row r="116" spans="1:4" ht="18" customHeight="1" x14ac:dyDescent="0.15">
      <c r="A116" s="5">
        <v>91</v>
      </c>
      <c r="B116" s="22">
        <v>15</v>
      </c>
      <c r="C116" s="14">
        <v>19</v>
      </c>
      <c r="D116" s="18">
        <v>34</v>
      </c>
    </row>
    <row r="117" spans="1:4" ht="18" customHeight="1" x14ac:dyDescent="0.15">
      <c r="A117" s="5">
        <v>92</v>
      </c>
      <c r="B117" s="22">
        <v>9</v>
      </c>
      <c r="C117" s="14">
        <v>25</v>
      </c>
      <c r="D117" s="18">
        <v>34</v>
      </c>
    </row>
    <row r="118" spans="1:4" ht="18" customHeight="1" x14ac:dyDescent="0.15">
      <c r="A118" s="5">
        <v>93</v>
      </c>
      <c r="B118" s="22">
        <v>3</v>
      </c>
      <c r="C118" s="14">
        <v>31</v>
      </c>
      <c r="D118" s="18">
        <v>34</v>
      </c>
    </row>
    <row r="119" spans="1:4" ht="18" customHeight="1" x14ac:dyDescent="0.15">
      <c r="A119" s="5">
        <v>94</v>
      </c>
      <c r="B119" s="22">
        <v>5</v>
      </c>
      <c r="C119" s="14">
        <v>12</v>
      </c>
      <c r="D119" s="18">
        <v>17</v>
      </c>
    </row>
    <row r="120" spans="1:4" ht="18" customHeight="1" x14ac:dyDescent="0.15">
      <c r="A120" s="5" t="s">
        <v>39</v>
      </c>
      <c r="B120" s="22">
        <v>50</v>
      </c>
      <c r="C120" s="14">
        <v>118</v>
      </c>
      <c r="D120" s="18">
        <v>168</v>
      </c>
    </row>
    <row r="121" spans="1:4" ht="18" customHeight="1" x14ac:dyDescent="0.15">
      <c r="A121" s="5">
        <v>95</v>
      </c>
      <c r="B121" s="22">
        <v>5</v>
      </c>
      <c r="C121" s="14">
        <v>17</v>
      </c>
      <c r="D121" s="18">
        <v>22</v>
      </c>
    </row>
    <row r="122" spans="1:4" ht="18" customHeight="1" x14ac:dyDescent="0.15">
      <c r="A122" s="5">
        <v>96</v>
      </c>
      <c r="B122" s="22">
        <v>3</v>
      </c>
      <c r="C122" s="14">
        <v>13</v>
      </c>
      <c r="D122" s="18">
        <v>16</v>
      </c>
    </row>
    <row r="123" spans="1:4" ht="18" customHeight="1" x14ac:dyDescent="0.15">
      <c r="A123" s="5">
        <v>97</v>
      </c>
      <c r="B123" s="22">
        <v>3</v>
      </c>
      <c r="C123" s="14">
        <v>13</v>
      </c>
      <c r="D123" s="18">
        <v>16</v>
      </c>
    </row>
    <row r="124" spans="1:4" ht="18" customHeight="1" x14ac:dyDescent="0.15">
      <c r="A124" s="5">
        <v>98</v>
      </c>
      <c r="B124" s="22">
        <v>1</v>
      </c>
      <c r="C124" s="14">
        <v>2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4</v>
      </c>
      <c r="D125" s="18">
        <v>4</v>
      </c>
    </row>
    <row r="126" spans="1:4" ht="18" customHeight="1" x14ac:dyDescent="0.15">
      <c r="A126" s="5" t="s">
        <v>40</v>
      </c>
      <c r="B126" s="22">
        <v>12</v>
      </c>
      <c r="C126" s="14">
        <v>49</v>
      </c>
      <c r="D126" s="18">
        <v>61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1034</v>
      </c>
      <c r="C130" s="14">
        <v>1426</v>
      </c>
      <c r="D130" s="18">
        <v>2460</v>
      </c>
    </row>
    <row r="131" spans="1:4" ht="18" customHeight="1" x14ac:dyDescent="0.15">
      <c r="A131" s="7" t="s">
        <v>45</v>
      </c>
      <c r="B131" s="23">
        <v>3890</v>
      </c>
      <c r="C131" s="15">
        <v>4113</v>
      </c>
      <c r="D131" s="19">
        <v>800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2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2</v>
      </c>
      <c r="C5" s="13">
        <v>17</v>
      </c>
      <c r="D5" s="17">
        <v>39</v>
      </c>
    </row>
    <row r="6" spans="1:4" ht="18" customHeight="1" x14ac:dyDescent="0.15">
      <c r="A6" s="5">
        <v>1</v>
      </c>
      <c r="B6" s="22">
        <v>25</v>
      </c>
      <c r="C6" s="14">
        <v>16</v>
      </c>
      <c r="D6" s="18">
        <v>41</v>
      </c>
    </row>
    <row r="7" spans="1:4" ht="18" customHeight="1" x14ac:dyDescent="0.15">
      <c r="A7" s="5">
        <v>2</v>
      </c>
      <c r="B7" s="22">
        <v>18</v>
      </c>
      <c r="C7" s="14">
        <v>22</v>
      </c>
      <c r="D7" s="18">
        <v>40</v>
      </c>
    </row>
    <row r="8" spans="1:4" ht="18" customHeight="1" x14ac:dyDescent="0.15">
      <c r="A8" s="5">
        <v>3</v>
      </c>
      <c r="B8" s="22">
        <v>17</v>
      </c>
      <c r="C8" s="14">
        <v>17</v>
      </c>
      <c r="D8" s="18">
        <v>34</v>
      </c>
    </row>
    <row r="9" spans="1:4" ht="18" customHeight="1" x14ac:dyDescent="0.15">
      <c r="A9" s="5">
        <v>4</v>
      </c>
      <c r="B9" s="22">
        <v>20</v>
      </c>
      <c r="C9" s="14">
        <v>23</v>
      </c>
      <c r="D9" s="18">
        <v>43</v>
      </c>
    </row>
    <row r="10" spans="1:4" ht="18" customHeight="1" x14ac:dyDescent="0.15">
      <c r="A10" s="5" t="s">
        <v>7</v>
      </c>
      <c r="B10" s="22">
        <v>102</v>
      </c>
      <c r="C10" s="14">
        <v>95</v>
      </c>
      <c r="D10" s="18">
        <v>197</v>
      </c>
    </row>
    <row r="11" spans="1:4" ht="18" customHeight="1" x14ac:dyDescent="0.15">
      <c r="A11" s="5">
        <v>5</v>
      </c>
      <c r="B11" s="22">
        <v>20</v>
      </c>
      <c r="C11" s="14">
        <v>30</v>
      </c>
      <c r="D11" s="18">
        <v>50</v>
      </c>
    </row>
    <row r="12" spans="1:4" ht="18" customHeight="1" x14ac:dyDescent="0.15">
      <c r="A12" s="5">
        <v>6</v>
      </c>
      <c r="B12" s="22">
        <v>18</v>
      </c>
      <c r="C12" s="14">
        <v>29</v>
      </c>
      <c r="D12" s="18">
        <v>47</v>
      </c>
    </row>
    <row r="13" spans="1:4" ht="18" customHeight="1" x14ac:dyDescent="0.15">
      <c r="A13" s="5">
        <v>7</v>
      </c>
      <c r="B13" s="22">
        <v>20</v>
      </c>
      <c r="C13" s="14">
        <v>39</v>
      </c>
      <c r="D13" s="18">
        <v>59</v>
      </c>
    </row>
    <row r="14" spans="1:4" ht="18" customHeight="1" x14ac:dyDescent="0.15">
      <c r="A14" s="5">
        <v>8</v>
      </c>
      <c r="B14" s="22">
        <v>23</v>
      </c>
      <c r="C14" s="14">
        <v>21</v>
      </c>
      <c r="D14" s="18">
        <v>44</v>
      </c>
    </row>
    <row r="15" spans="1:4" ht="18" customHeight="1" x14ac:dyDescent="0.15">
      <c r="A15" s="5">
        <v>9</v>
      </c>
      <c r="B15" s="22">
        <v>28</v>
      </c>
      <c r="C15" s="14">
        <v>36</v>
      </c>
      <c r="D15" s="18">
        <v>64</v>
      </c>
    </row>
    <row r="16" spans="1:4" ht="18" customHeight="1" x14ac:dyDescent="0.15">
      <c r="A16" s="5" t="s">
        <v>11</v>
      </c>
      <c r="B16" s="22">
        <v>109</v>
      </c>
      <c r="C16" s="14">
        <v>155</v>
      </c>
      <c r="D16" s="18">
        <v>264</v>
      </c>
    </row>
    <row r="17" spans="1:4" ht="18" customHeight="1" x14ac:dyDescent="0.15">
      <c r="A17" s="5">
        <v>10</v>
      </c>
      <c r="B17" s="22">
        <v>34</v>
      </c>
      <c r="C17" s="14">
        <v>23</v>
      </c>
      <c r="D17" s="18">
        <v>57</v>
      </c>
    </row>
    <row r="18" spans="1:4" ht="18" customHeight="1" x14ac:dyDescent="0.15">
      <c r="A18" s="5">
        <v>11</v>
      </c>
      <c r="B18" s="22">
        <v>32</v>
      </c>
      <c r="C18" s="14">
        <v>31</v>
      </c>
      <c r="D18" s="18">
        <v>63</v>
      </c>
    </row>
    <row r="19" spans="1:4" ht="18" customHeight="1" x14ac:dyDescent="0.15">
      <c r="A19" s="5">
        <v>12</v>
      </c>
      <c r="B19" s="22">
        <v>26</v>
      </c>
      <c r="C19" s="14">
        <v>14</v>
      </c>
      <c r="D19" s="18">
        <v>40</v>
      </c>
    </row>
    <row r="20" spans="1:4" ht="18" customHeight="1" x14ac:dyDescent="0.15">
      <c r="A20" s="5">
        <v>13</v>
      </c>
      <c r="B20" s="22">
        <v>21</v>
      </c>
      <c r="C20" s="14">
        <v>31</v>
      </c>
      <c r="D20" s="18">
        <v>52</v>
      </c>
    </row>
    <row r="21" spans="1:4" ht="18" customHeight="1" x14ac:dyDescent="0.15">
      <c r="A21" s="5">
        <v>14</v>
      </c>
      <c r="B21" s="22">
        <v>26</v>
      </c>
      <c r="C21" s="14">
        <v>25</v>
      </c>
      <c r="D21" s="18">
        <v>51</v>
      </c>
    </row>
    <row r="22" spans="1:4" ht="18" customHeight="1" x14ac:dyDescent="0.15">
      <c r="A22" s="5" t="s">
        <v>12</v>
      </c>
      <c r="B22" s="22">
        <v>139</v>
      </c>
      <c r="C22" s="14">
        <v>124</v>
      </c>
      <c r="D22" s="18">
        <v>263</v>
      </c>
    </row>
    <row r="23" spans="1:4" ht="18" customHeight="1" x14ac:dyDescent="0.15">
      <c r="A23" s="5" t="s">
        <v>6</v>
      </c>
      <c r="B23" s="22">
        <v>350</v>
      </c>
      <c r="C23" s="14">
        <v>374</v>
      </c>
      <c r="D23" s="18">
        <v>724</v>
      </c>
    </row>
    <row r="24" spans="1:4" ht="18" customHeight="1" x14ac:dyDescent="0.15">
      <c r="A24" s="5">
        <v>15</v>
      </c>
      <c r="B24" s="22">
        <v>30</v>
      </c>
      <c r="C24" s="14">
        <v>19</v>
      </c>
      <c r="D24" s="18">
        <v>49</v>
      </c>
    </row>
    <row r="25" spans="1:4" ht="18" customHeight="1" x14ac:dyDescent="0.15">
      <c r="A25" s="5">
        <v>16</v>
      </c>
      <c r="B25" s="22">
        <v>28</v>
      </c>
      <c r="C25" s="14">
        <v>21</v>
      </c>
      <c r="D25" s="18">
        <v>49</v>
      </c>
    </row>
    <row r="26" spans="1:4" ht="18" customHeight="1" x14ac:dyDescent="0.15">
      <c r="A26" s="5">
        <v>17</v>
      </c>
      <c r="B26" s="22">
        <v>26</v>
      </c>
      <c r="C26" s="14">
        <v>31</v>
      </c>
      <c r="D26" s="18">
        <v>57</v>
      </c>
    </row>
    <row r="27" spans="1:4" ht="18" customHeight="1" x14ac:dyDescent="0.15">
      <c r="A27" s="5">
        <v>18</v>
      </c>
      <c r="B27" s="22">
        <v>33</v>
      </c>
      <c r="C27" s="14">
        <v>28</v>
      </c>
      <c r="D27" s="18">
        <v>61</v>
      </c>
    </row>
    <row r="28" spans="1:4" ht="18" customHeight="1" x14ac:dyDescent="0.15">
      <c r="A28" s="5">
        <v>19</v>
      </c>
      <c r="B28" s="22">
        <v>25</v>
      </c>
      <c r="C28" s="14">
        <v>26</v>
      </c>
      <c r="D28" s="18">
        <v>51</v>
      </c>
    </row>
    <row r="29" spans="1:4" ht="18" customHeight="1" x14ac:dyDescent="0.15">
      <c r="A29" s="5" t="s">
        <v>14</v>
      </c>
      <c r="B29" s="22">
        <v>142</v>
      </c>
      <c r="C29" s="14">
        <v>125</v>
      </c>
      <c r="D29" s="18">
        <v>267</v>
      </c>
    </row>
    <row r="30" spans="1:4" ht="18" customHeight="1" x14ac:dyDescent="0.15">
      <c r="A30" s="5">
        <v>20</v>
      </c>
      <c r="B30" s="22">
        <v>32</v>
      </c>
      <c r="C30" s="14">
        <v>22</v>
      </c>
      <c r="D30" s="18">
        <v>54</v>
      </c>
    </row>
    <row r="31" spans="1:4" ht="18" customHeight="1" x14ac:dyDescent="0.15">
      <c r="A31" s="5">
        <v>21</v>
      </c>
      <c r="B31" s="22">
        <v>31</v>
      </c>
      <c r="C31" s="14">
        <v>35</v>
      </c>
      <c r="D31" s="18">
        <v>66</v>
      </c>
    </row>
    <row r="32" spans="1:4" ht="18" customHeight="1" x14ac:dyDescent="0.15">
      <c r="A32" s="5">
        <v>22</v>
      </c>
      <c r="B32" s="22">
        <v>31</v>
      </c>
      <c r="C32" s="14">
        <v>30</v>
      </c>
      <c r="D32" s="18">
        <v>61</v>
      </c>
    </row>
    <row r="33" spans="1:4" ht="18" customHeight="1" x14ac:dyDescent="0.15">
      <c r="A33" s="5">
        <v>23</v>
      </c>
      <c r="B33" s="22">
        <v>35</v>
      </c>
      <c r="C33" s="14">
        <v>23</v>
      </c>
      <c r="D33" s="18">
        <v>58</v>
      </c>
    </row>
    <row r="34" spans="1:4" ht="18" customHeight="1" x14ac:dyDescent="0.15">
      <c r="A34" s="5">
        <v>24</v>
      </c>
      <c r="B34" s="22">
        <v>31</v>
      </c>
      <c r="C34" s="14">
        <v>30</v>
      </c>
      <c r="D34" s="18">
        <v>61</v>
      </c>
    </row>
    <row r="35" spans="1:4" ht="18" customHeight="1" x14ac:dyDescent="0.15">
      <c r="A35" s="5" t="s">
        <v>9</v>
      </c>
      <c r="B35" s="22">
        <v>160</v>
      </c>
      <c r="C35" s="14">
        <v>140</v>
      </c>
      <c r="D35" s="18">
        <v>300</v>
      </c>
    </row>
    <row r="36" spans="1:4" ht="18" customHeight="1" x14ac:dyDescent="0.15">
      <c r="A36" s="5">
        <v>25</v>
      </c>
      <c r="B36" s="22">
        <v>30</v>
      </c>
      <c r="C36" s="14">
        <v>20</v>
      </c>
      <c r="D36" s="18">
        <v>50</v>
      </c>
    </row>
    <row r="37" spans="1:4" ht="18" customHeight="1" x14ac:dyDescent="0.15">
      <c r="A37" s="5">
        <v>26</v>
      </c>
      <c r="B37" s="22">
        <v>33</v>
      </c>
      <c r="C37" s="14">
        <v>25</v>
      </c>
      <c r="D37" s="18">
        <v>58</v>
      </c>
    </row>
    <row r="38" spans="1:4" ht="18" customHeight="1" x14ac:dyDescent="0.15">
      <c r="A38" s="5">
        <v>27</v>
      </c>
      <c r="B38" s="22">
        <v>26</v>
      </c>
      <c r="C38" s="14">
        <v>23</v>
      </c>
      <c r="D38" s="18">
        <v>49</v>
      </c>
    </row>
    <row r="39" spans="1:4" ht="18" customHeight="1" x14ac:dyDescent="0.15">
      <c r="A39" s="5">
        <v>28</v>
      </c>
      <c r="B39" s="22">
        <v>32</v>
      </c>
      <c r="C39" s="14">
        <v>30</v>
      </c>
      <c r="D39" s="18">
        <v>62</v>
      </c>
    </row>
    <row r="40" spans="1:4" ht="18" customHeight="1" x14ac:dyDescent="0.15">
      <c r="A40" s="5">
        <v>29</v>
      </c>
      <c r="B40" s="22">
        <v>17</v>
      </c>
      <c r="C40" s="14">
        <v>29</v>
      </c>
      <c r="D40" s="18">
        <v>46</v>
      </c>
    </row>
    <row r="41" spans="1:4" ht="18" customHeight="1" x14ac:dyDescent="0.15">
      <c r="A41" s="5" t="s">
        <v>2</v>
      </c>
      <c r="B41" s="22">
        <v>138</v>
      </c>
      <c r="C41" s="14">
        <v>127</v>
      </c>
      <c r="D41" s="18">
        <v>265</v>
      </c>
    </row>
    <row r="42" spans="1:4" ht="18" customHeight="1" x14ac:dyDescent="0.15">
      <c r="A42" s="5">
        <v>30</v>
      </c>
      <c r="B42" s="22">
        <v>28</v>
      </c>
      <c r="C42" s="14">
        <v>25</v>
      </c>
      <c r="D42" s="18">
        <v>53</v>
      </c>
    </row>
    <row r="43" spans="1:4" ht="18" customHeight="1" x14ac:dyDescent="0.15">
      <c r="A43" s="5">
        <v>31</v>
      </c>
      <c r="B43" s="22">
        <v>25</v>
      </c>
      <c r="C43" s="14">
        <v>18</v>
      </c>
      <c r="D43" s="18">
        <v>43</v>
      </c>
    </row>
    <row r="44" spans="1:4" ht="18" customHeight="1" x14ac:dyDescent="0.15">
      <c r="A44" s="5">
        <v>32</v>
      </c>
      <c r="B44" s="22">
        <v>32</v>
      </c>
      <c r="C44" s="14">
        <v>25</v>
      </c>
      <c r="D44" s="18">
        <v>57</v>
      </c>
    </row>
    <row r="45" spans="1:4" ht="18" customHeight="1" x14ac:dyDescent="0.15">
      <c r="A45" s="5">
        <v>33</v>
      </c>
      <c r="B45" s="22">
        <v>21</v>
      </c>
      <c r="C45" s="14">
        <v>25</v>
      </c>
      <c r="D45" s="18">
        <v>46</v>
      </c>
    </row>
    <row r="46" spans="1:4" ht="18" customHeight="1" x14ac:dyDescent="0.15">
      <c r="A46" s="5">
        <v>34</v>
      </c>
      <c r="B46" s="22">
        <v>26</v>
      </c>
      <c r="C46" s="14">
        <v>20</v>
      </c>
      <c r="D46" s="18">
        <v>46</v>
      </c>
    </row>
    <row r="47" spans="1:4" ht="18" customHeight="1" x14ac:dyDescent="0.15">
      <c r="A47" s="5" t="s">
        <v>15</v>
      </c>
      <c r="B47" s="22">
        <v>132</v>
      </c>
      <c r="C47" s="14">
        <v>113</v>
      </c>
      <c r="D47" s="18">
        <v>245</v>
      </c>
    </row>
    <row r="48" spans="1:4" ht="18" customHeight="1" x14ac:dyDescent="0.15">
      <c r="A48" s="5">
        <v>35</v>
      </c>
      <c r="B48" s="22">
        <v>35</v>
      </c>
      <c r="C48" s="14">
        <v>26</v>
      </c>
      <c r="D48" s="18">
        <v>61</v>
      </c>
    </row>
    <row r="49" spans="1:4" ht="18" customHeight="1" x14ac:dyDescent="0.15">
      <c r="A49" s="5">
        <v>36</v>
      </c>
      <c r="B49" s="22">
        <v>27</v>
      </c>
      <c r="C49" s="14">
        <v>30</v>
      </c>
      <c r="D49" s="18">
        <v>57</v>
      </c>
    </row>
    <row r="50" spans="1:4" ht="18" customHeight="1" x14ac:dyDescent="0.15">
      <c r="A50" s="5">
        <v>37</v>
      </c>
      <c r="B50" s="22">
        <v>34</v>
      </c>
      <c r="C50" s="14">
        <v>30</v>
      </c>
      <c r="D50" s="18">
        <v>64</v>
      </c>
    </row>
    <row r="51" spans="1:4" ht="18" customHeight="1" x14ac:dyDescent="0.15">
      <c r="A51" s="5">
        <v>38</v>
      </c>
      <c r="B51" s="22">
        <v>27</v>
      </c>
      <c r="C51" s="14">
        <v>35</v>
      </c>
      <c r="D51" s="18">
        <v>62</v>
      </c>
    </row>
    <row r="52" spans="1:4" ht="18" customHeight="1" x14ac:dyDescent="0.15">
      <c r="A52" s="5">
        <v>39</v>
      </c>
      <c r="B52" s="22">
        <v>32</v>
      </c>
      <c r="C52" s="14">
        <v>34</v>
      </c>
      <c r="D52" s="18">
        <v>66</v>
      </c>
    </row>
    <row r="53" spans="1:4" ht="18" customHeight="1" x14ac:dyDescent="0.15">
      <c r="A53" s="5" t="s">
        <v>18</v>
      </c>
      <c r="B53" s="22">
        <v>155</v>
      </c>
      <c r="C53" s="14">
        <v>155</v>
      </c>
      <c r="D53" s="18">
        <v>310</v>
      </c>
    </row>
    <row r="54" spans="1:4" ht="18" customHeight="1" x14ac:dyDescent="0.15">
      <c r="A54" s="5">
        <v>40</v>
      </c>
      <c r="B54" s="22">
        <v>27</v>
      </c>
      <c r="C54" s="14">
        <v>27</v>
      </c>
      <c r="D54" s="18">
        <v>54</v>
      </c>
    </row>
    <row r="55" spans="1:4" ht="18" customHeight="1" x14ac:dyDescent="0.15">
      <c r="A55" s="5">
        <v>41</v>
      </c>
      <c r="B55" s="22">
        <v>31</v>
      </c>
      <c r="C55" s="14">
        <v>31</v>
      </c>
      <c r="D55" s="18">
        <v>62</v>
      </c>
    </row>
    <row r="56" spans="1:4" ht="18" customHeight="1" x14ac:dyDescent="0.15">
      <c r="A56" s="5">
        <v>42</v>
      </c>
      <c r="B56" s="22">
        <v>33</v>
      </c>
      <c r="C56" s="14">
        <v>26</v>
      </c>
      <c r="D56" s="18">
        <v>59</v>
      </c>
    </row>
    <row r="57" spans="1:4" ht="18" customHeight="1" x14ac:dyDescent="0.15">
      <c r="A57" s="5">
        <v>43</v>
      </c>
      <c r="B57" s="22">
        <v>30</v>
      </c>
      <c r="C57" s="14">
        <v>47</v>
      </c>
      <c r="D57" s="18">
        <v>77</v>
      </c>
    </row>
    <row r="58" spans="1:4" ht="18" customHeight="1" x14ac:dyDescent="0.15">
      <c r="A58" s="5">
        <v>44</v>
      </c>
      <c r="B58" s="22">
        <v>34</v>
      </c>
      <c r="C58" s="14">
        <v>35</v>
      </c>
      <c r="D58" s="18">
        <v>69</v>
      </c>
    </row>
    <row r="59" spans="1:4" ht="18" customHeight="1" x14ac:dyDescent="0.15">
      <c r="A59" s="5" t="s">
        <v>21</v>
      </c>
      <c r="B59" s="22">
        <v>155</v>
      </c>
      <c r="C59" s="14">
        <v>166</v>
      </c>
      <c r="D59" s="18">
        <v>321</v>
      </c>
    </row>
    <row r="60" spans="1:4" ht="18" customHeight="1" x14ac:dyDescent="0.15">
      <c r="A60" s="5">
        <v>45</v>
      </c>
      <c r="B60" s="22">
        <v>28</v>
      </c>
      <c r="C60" s="14">
        <v>25</v>
      </c>
      <c r="D60" s="18">
        <v>53</v>
      </c>
    </row>
    <row r="61" spans="1:4" ht="18" customHeight="1" x14ac:dyDescent="0.15">
      <c r="A61" s="5">
        <v>46</v>
      </c>
      <c r="B61" s="22">
        <v>33</v>
      </c>
      <c r="C61" s="14">
        <v>36</v>
      </c>
      <c r="D61" s="18">
        <v>69</v>
      </c>
    </row>
    <row r="62" spans="1:4" ht="18" customHeight="1" x14ac:dyDescent="0.15">
      <c r="A62" s="5">
        <v>47</v>
      </c>
      <c r="B62" s="22">
        <v>31</v>
      </c>
      <c r="C62" s="14">
        <v>32</v>
      </c>
      <c r="D62" s="18">
        <v>63</v>
      </c>
    </row>
    <row r="63" spans="1:4" ht="18" customHeight="1" x14ac:dyDescent="0.15">
      <c r="A63" s="5">
        <v>48</v>
      </c>
      <c r="B63" s="22">
        <v>37</v>
      </c>
      <c r="C63" s="14">
        <v>43</v>
      </c>
      <c r="D63" s="18">
        <v>80</v>
      </c>
    </row>
    <row r="64" spans="1:4" ht="18" customHeight="1" x14ac:dyDescent="0.15">
      <c r="A64" s="5">
        <v>49</v>
      </c>
      <c r="B64" s="22">
        <v>43</v>
      </c>
      <c r="C64" s="14">
        <v>33</v>
      </c>
      <c r="D64" s="18">
        <v>76</v>
      </c>
    </row>
    <row r="65" spans="1:4" ht="18" customHeight="1" x14ac:dyDescent="0.15">
      <c r="A65" s="5" t="s">
        <v>17</v>
      </c>
      <c r="B65" s="22">
        <v>172</v>
      </c>
      <c r="C65" s="14">
        <v>169</v>
      </c>
      <c r="D65" s="18">
        <v>341</v>
      </c>
    </row>
    <row r="66" spans="1:4" ht="18" customHeight="1" x14ac:dyDescent="0.15">
      <c r="A66" s="5">
        <v>50</v>
      </c>
      <c r="B66" s="22">
        <v>44</v>
      </c>
      <c r="C66" s="14">
        <v>44</v>
      </c>
      <c r="D66" s="18">
        <v>88</v>
      </c>
    </row>
    <row r="67" spans="1:4" ht="18" customHeight="1" x14ac:dyDescent="0.15">
      <c r="A67" s="5">
        <v>51</v>
      </c>
      <c r="B67" s="22">
        <v>48</v>
      </c>
      <c r="C67" s="14">
        <v>39</v>
      </c>
      <c r="D67" s="18">
        <v>87</v>
      </c>
    </row>
    <row r="68" spans="1:4" ht="18" customHeight="1" x14ac:dyDescent="0.15">
      <c r="A68" s="5">
        <v>52</v>
      </c>
      <c r="B68" s="22">
        <v>48</v>
      </c>
      <c r="C68" s="14">
        <v>52</v>
      </c>
      <c r="D68" s="18">
        <v>100</v>
      </c>
    </row>
    <row r="69" spans="1:4" ht="18" customHeight="1" x14ac:dyDescent="0.15">
      <c r="A69" s="5">
        <v>53</v>
      </c>
      <c r="B69" s="22">
        <v>54</v>
      </c>
      <c r="C69" s="14">
        <v>57</v>
      </c>
      <c r="D69" s="18">
        <v>111</v>
      </c>
    </row>
    <row r="70" spans="1:4" ht="18" customHeight="1" x14ac:dyDescent="0.15">
      <c r="A70" s="5">
        <v>54</v>
      </c>
      <c r="B70" s="22">
        <v>42</v>
      </c>
      <c r="C70" s="14">
        <v>36</v>
      </c>
      <c r="D70" s="18">
        <v>78</v>
      </c>
    </row>
    <row r="71" spans="1:4" ht="18" customHeight="1" x14ac:dyDescent="0.15">
      <c r="A71" s="5" t="s">
        <v>22</v>
      </c>
      <c r="B71" s="22">
        <v>236</v>
      </c>
      <c r="C71" s="14">
        <v>228</v>
      </c>
      <c r="D71" s="18">
        <v>464</v>
      </c>
    </row>
    <row r="72" spans="1:4" ht="18" customHeight="1" x14ac:dyDescent="0.15">
      <c r="A72" s="5">
        <v>55</v>
      </c>
      <c r="B72" s="22">
        <v>55</v>
      </c>
      <c r="C72" s="14">
        <v>39</v>
      </c>
      <c r="D72" s="18">
        <v>94</v>
      </c>
    </row>
    <row r="73" spans="1:4" ht="18" customHeight="1" x14ac:dyDescent="0.15">
      <c r="A73" s="5">
        <v>56</v>
      </c>
      <c r="B73" s="22">
        <v>40</v>
      </c>
      <c r="C73" s="14">
        <v>43</v>
      </c>
      <c r="D73" s="18">
        <v>83</v>
      </c>
    </row>
    <row r="74" spans="1:4" ht="18" customHeight="1" x14ac:dyDescent="0.15">
      <c r="A74" s="5">
        <v>57</v>
      </c>
      <c r="B74" s="22">
        <v>39</v>
      </c>
      <c r="C74" s="14">
        <v>36</v>
      </c>
      <c r="D74" s="18">
        <v>75</v>
      </c>
    </row>
    <row r="75" spans="1:4" ht="18" customHeight="1" x14ac:dyDescent="0.15">
      <c r="A75" s="5">
        <v>58</v>
      </c>
      <c r="B75" s="22">
        <v>32</v>
      </c>
      <c r="C75" s="14">
        <v>43</v>
      </c>
      <c r="D75" s="18">
        <v>75</v>
      </c>
    </row>
    <row r="76" spans="1:4" ht="18" customHeight="1" x14ac:dyDescent="0.15">
      <c r="A76" s="5">
        <v>59</v>
      </c>
      <c r="B76" s="22">
        <v>33</v>
      </c>
      <c r="C76" s="14">
        <v>25</v>
      </c>
      <c r="D76" s="18">
        <v>58</v>
      </c>
    </row>
    <row r="77" spans="1:4" ht="18" customHeight="1" x14ac:dyDescent="0.15">
      <c r="A77" s="5" t="s">
        <v>27</v>
      </c>
      <c r="B77" s="22">
        <v>199</v>
      </c>
      <c r="C77" s="14">
        <v>186</v>
      </c>
      <c r="D77" s="18">
        <v>385</v>
      </c>
    </row>
    <row r="78" spans="1:4" ht="18" customHeight="1" x14ac:dyDescent="0.15">
      <c r="A78" s="5">
        <v>60</v>
      </c>
      <c r="B78" s="22">
        <v>42</v>
      </c>
      <c r="C78" s="14">
        <v>35</v>
      </c>
      <c r="D78" s="18">
        <v>77</v>
      </c>
    </row>
    <row r="79" spans="1:4" ht="18" customHeight="1" x14ac:dyDescent="0.15">
      <c r="A79" s="5">
        <v>61</v>
      </c>
      <c r="B79" s="22">
        <v>30</v>
      </c>
      <c r="C79" s="14">
        <v>47</v>
      </c>
      <c r="D79" s="18">
        <v>77</v>
      </c>
    </row>
    <row r="80" spans="1:4" ht="18" customHeight="1" x14ac:dyDescent="0.15">
      <c r="A80" s="5">
        <v>62</v>
      </c>
      <c r="B80" s="22">
        <v>32</v>
      </c>
      <c r="C80" s="14">
        <v>31</v>
      </c>
      <c r="D80" s="18">
        <v>63</v>
      </c>
    </row>
    <row r="81" spans="1:4" ht="18" customHeight="1" x14ac:dyDescent="0.15">
      <c r="A81" s="5">
        <v>63</v>
      </c>
      <c r="B81" s="22">
        <v>38</v>
      </c>
      <c r="C81" s="14">
        <v>27</v>
      </c>
      <c r="D81" s="18">
        <v>65</v>
      </c>
    </row>
    <row r="82" spans="1:4" ht="18" customHeight="1" x14ac:dyDescent="0.15">
      <c r="A82" s="5">
        <v>64</v>
      </c>
      <c r="B82" s="22">
        <v>35</v>
      </c>
      <c r="C82" s="14">
        <v>28</v>
      </c>
      <c r="D82" s="18">
        <v>63</v>
      </c>
    </row>
    <row r="83" spans="1:4" ht="18" customHeight="1" x14ac:dyDescent="0.15">
      <c r="A83" s="5" t="s">
        <v>28</v>
      </c>
      <c r="B83" s="22">
        <v>177</v>
      </c>
      <c r="C83" s="14">
        <v>168</v>
      </c>
      <c r="D83" s="18">
        <v>345</v>
      </c>
    </row>
    <row r="84" spans="1:4" ht="18" customHeight="1" x14ac:dyDescent="0.15">
      <c r="A84" s="5" t="s">
        <v>31</v>
      </c>
      <c r="B84" s="22">
        <v>1666</v>
      </c>
      <c r="C84" s="14">
        <v>1577</v>
      </c>
      <c r="D84" s="18">
        <v>3243</v>
      </c>
    </row>
    <row r="85" spans="1:4" ht="18" customHeight="1" x14ac:dyDescent="0.15">
      <c r="A85" s="5">
        <v>65</v>
      </c>
      <c r="B85" s="22">
        <v>41</v>
      </c>
      <c r="C85" s="14">
        <v>30</v>
      </c>
      <c r="D85" s="18">
        <v>71</v>
      </c>
    </row>
    <row r="86" spans="1:4" ht="18" customHeight="1" x14ac:dyDescent="0.15">
      <c r="A86" s="5">
        <v>66</v>
      </c>
      <c r="B86" s="22">
        <v>28</v>
      </c>
      <c r="C86" s="14">
        <v>36</v>
      </c>
      <c r="D86" s="18">
        <v>64</v>
      </c>
    </row>
    <row r="87" spans="1:4" ht="18" customHeight="1" x14ac:dyDescent="0.15">
      <c r="A87" s="5">
        <v>67</v>
      </c>
      <c r="B87" s="22">
        <v>28</v>
      </c>
      <c r="C87" s="14">
        <v>33</v>
      </c>
      <c r="D87" s="18">
        <v>61</v>
      </c>
    </row>
    <row r="88" spans="1:4" ht="18" customHeight="1" x14ac:dyDescent="0.15">
      <c r="A88" s="5">
        <v>68</v>
      </c>
      <c r="B88" s="22">
        <v>30</v>
      </c>
      <c r="C88" s="14">
        <v>32</v>
      </c>
      <c r="D88" s="18">
        <v>62</v>
      </c>
    </row>
    <row r="89" spans="1:4" ht="18" customHeight="1" x14ac:dyDescent="0.15">
      <c r="A89" s="5">
        <v>69</v>
      </c>
      <c r="B89" s="22">
        <v>22</v>
      </c>
      <c r="C89" s="14">
        <v>29</v>
      </c>
      <c r="D89" s="18">
        <v>51</v>
      </c>
    </row>
    <row r="90" spans="1:4" ht="18" customHeight="1" x14ac:dyDescent="0.15">
      <c r="A90" s="5" t="s">
        <v>20</v>
      </c>
      <c r="B90" s="22">
        <v>149</v>
      </c>
      <c r="C90" s="14">
        <v>160</v>
      </c>
      <c r="D90" s="18">
        <v>309</v>
      </c>
    </row>
    <row r="91" spans="1:4" ht="18" customHeight="1" x14ac:dyDescent="0.15">
      <c r="A91" s="5">
        <v>70</v>
      </c>
      <c r="B91" s="22">
        <v>32</v>
      </c>
      <c r="C91" s="14">
        <v>41</v>
      </c>
      <c r="D91" s="18">
        <v>73</v>
      </c>
    </row>
    <row r="92" spans="1:4" ht="18" customHeight="1" x14ac:dyDescent="0.15">
      <c r="A92" s="5">
        <v>71</v>
      </c>
      <c r="B92" s="22">
        <v>38</v>
      </c>
      <c r="C92" s="14">
        <v>34</v>
      </c>
      <c r="D92" s="18">
        <v>72</v>
      </c>
    </row>
    <row r="93" spans="1:4" ht="18" customHeight="1" x14ac:dyDescent="0.15">
      <c r="A93" s="5">
        <v>72</v>
      </c>
      <c r="B93" s="22">
        <v>35</v>
      </c>
      <c r="C93" s="14">
        <v>25</v>
      </c>
      <c r="D93" s="18">
        <v>60</v>
      </c>
    </row>
    <row r="94" spans="1:4" ht="18" customHeight="1" x14ac:dyDescent="0.15">
      <c r="A94" s="5">
        <v>73</v>
      </c>
      <c r="B94" s="22">
        <v>28</v>
      </c>
      <c r="C94" s="14">
        <v>41</v>
      </c>
      <c r="D94" s="18">
        <v>69</v>
      </c>
    </row>
    <row r="95" spans="1:4" ht="18" customHeight="1" x14ac:dyDescent="0.15">
      <c r="A95" s="5">
        <v>74</v>
      </c>
      <c r="B95" s="22">
        <v>37</v>
      </c>
      <c r="C95" s="14">
        <v>34</v>
      </c>
      <c r="D95" s="18">
        <v>71</v>
      </c>
    </row>
    <row r="96" spans="1:4" ht="18" customHeight="1" x14ac:dyDescent="0.15">
      <c r="A96" s="5" t="s">
        <v>33</v>
      </c>
      <c r="B96" s="22">
        <v>170</v>
      </c>
      <c r="C96" s="14">
        <v>175</v>
      </c>
      <c r="D96" s="18">
        <v>345</v>
      </c>
    </row>
    <row r="97" spans="1:4" ht="18" customHeight="1" x14ac:dyDescent="0.15">
      <c r="A97" s="5">
        <v>75</v>
      </c>
      <c r="B97" s="22">
        <v>21</v>
      </c>
      <c r="C97" s="14">
        <v>38</v>
      </c>
      <c r="D97" s="18">
        <v>59</v>
      </c>
    </row>
    <row r="98" spans="1:4" ht="18" customHeight="1" x14ac:dyDescent="0.15">
      <c r="A98" s="5">
        <v>76</v>
      </c>
      <c r="B98" s="22">
        <v>33</v>
      </c>
      <c r="C98" s="14">
        <v>38</v>
      </c>
      <c r="D98" s="18">
        <v>71</v>
      </c>
    </row>
    <row r="99" spans="1:4" ht="18" customHeight="1" x14ac:dyDescent="0.15">
      <c r="A99" s="5">
        <v>77</v>
      </c>
      <c r="B99" s="22">
        <v>25</v>
      </c>
      <c r="C99" s="14">
        <v>47</v>
      </c>
      <c r="D99" s="18">
        <v>72</v>
      </c>
    </row>
    <row r="100" spans="1:4" ht="18" customHeight="1" x14ac:dyDescent="0.15">
      <c r="A100" s="5">
        <v>78</v>
      </c>
      <c r="B100" s="22">
        <v>41</v>
      </c>
      <c r="C100" s="14">
        <v>50</v>
      </c>
      <c r="D100" s="18">
        <v>91</v>
      </c>
    </row>
    <row r="101" spans="1:4" ht="18" customHeight="1" x14ac:dyDescent="0.15">
      <c r="A101" s="5">
        <v>79</v>
      </c>
      <c r="B101" s="22">
        <v>25</v>
      </c>
      <c r="C101" s="14">
        <v>38</v>
      </c>
      <c r="D101" s="18">
        <v>63</v>
      </c>
    </row>
    <row r="102" spans="1:4" ht="18" customHeight="1" x14ac:dyDescent="0.15">
      <c r="A102" s="5" t="s">
        <v>0</v>
      </c>
      <c r="B102" s="22">
        <v>145</v>
      </c>
      <c r="C102" s="14">
        <v>211</v>
      </c>
      <c r="D102" s="18">
        <v>356</v>
      </c>
    </row>
    <row r="103" spans="1:4" ht="18" customHeight="1" x14ac:dyDescent="0.15">
      <c r="A103" s="5">
        <v>80</v>
      </c>
      <c r="B103" s="22">
        <v>21</v>
      </c>
      <c r="C103" s="14">
        <v>21</v>
      </c>
      <c r="D103" s="18">
        <v>42</v>
      </c>
    </row>
    <row r="104" spans="1:4" ht="18" customHeight="1" x14ac:dyDescent="0.15">
      <c r="A104" s="5">
        <v>81</v>
      </c>
      <c r="B104" s="22">
        <v>21</v>
      </c>
      <c r="C104" s="14">
        <v>30</v>
      </c>
      <c r="D104" s="18">
        <v>51</v>
      </c>
    </row>
    <row r="105" spans="1:4" ht="18" customHeight="1" x14ac:dyDescent="0.15">
      <c r="A105" s="5">
        <v>82</v>
      </c>
      <c r="B105" s="22">
        <v>27</v>
      </c>
      <c r="C105" s="14">
        <v>35</v>
      </c>
      <c r="D105" s="18">
        <v>62</v>
      </c>
    </row>
    <row r="106" spans="1:4" ht="18" customHeight="1" x14ac:dyDescent="0.15">
      <c r="A106" s="5">
        <v>83</v>
      </c>
      <c r="B106" s="22">
        <v>27</v>
      </c>
      <c r="C106" s="14">
        <v>34</v>
      </c>
      <c r="D106" s="18">
        <v>61</v>
      </c>
    </row>
    <row r="107" spans="1:4" ht="18" customHeight="1" x14ac:dyDescent="0.15">
      <c r="A107" s="5">
        <v>84</v>
      </c>
      <c r="B107" s="22">
        <v>26</v>
      </c>
      <c r="C107" s="14">
        <v>25</v>
      </c>
      <c r="D107" s="18">
        <v>51</v>
      </c>
    </row>
    <row r="108" spans="1:4" ht="18" customHeight="1" x14ac:dyDescent="0.15">
      <c r="A108" s="5" t="s">
        <v>35</v>
      </c>
      <c r="B108" s="22">
        <v>122</v>
      </c>
      <c r="C108" s="14">
        <v>145</v>
      </c>
      <c r="D108" s="18">
        <v>267</v>
      </c>
    </row>
    <row r="109" spans="1:4" ht="18" customHeight="1" x14ac:dyDescent="0.15">
      <c r="A109" s="5">
        <v>85</v>
      </c>
      <c r="B109" s="22">
        <v>17</v>
      </c>
      <c r="C109" s="14">
        <v>35</v>
      </c>
      <c r="D109" s="18">
        <v>52</v>
      </c>
    </row>
    <row r="110" spans="1:4" ht="18" customHeight="1" x14ac:dyDescent="0.15">
      <c r="A110" s="5">
        <v>86</v>
      </c>
      <c r="B110" s="22">
        <v>16</v>
      </c>
      <c r="C110" s="14">
        <v>25</v>
      </c>
      <c r="D110" s="18">
        <v>41</v>
      </c>
    </row>
    <row r="111" spans="1:4" ht="18" customHeight="1" x14ac:dyDescent="0.15">
      <c r="A111" s="5">
        <v>87</v>
      </c>
      <c r="B111" s="22">
        <v>7</v>
      </c>
      <c r="C111" s="14">
        <v>16</v>
      </c>
      <c r="D111" s="18">
        <v>23</v>
      </c>
    </row>
    <row r="112" spans="1:4" ht="18" customHeight="1" x14ac:dyDescent="0.15">
      <c r="A112" s="5">
        <v>88</v>
      </c>
      <c r="B112" s="22">
        <v>9</v>
      </c>
      <c r="C112" s="14">
        <v>21</v>
      </c>
      <c r="D112" s="18">
        <v>30</v>
      </c>
    </row>
    <row r="113" spans="1:4" ht="18" customHeight="1" x14ac:dyDescent="0.15">
      <c r="A113" s="5">
        <v>89</v>
      </c>
      <c r="B113" s="22">
        <v>10</v>
      </c>
      <c r="C113" s="14">
        <v>19</v>
      </c>
      <c r="D113" s="18">
        <v>29</v>
      </c>
    </row>
    <row r="114" spans="1:4" ht="18" customHeight="1" x14ac:dyDescent="0.15">
      <c r="A114" s="5" t="s">
        <v>37</v>
      </c>
      <c r="B114" s="22">
        <v>59</v>
      </c>
      <c r="C114" s="14">
        <v>116</v>
      </c>
      <c r="D114" s="18">
        <v>175</v>
      </c>
    </row>
    <row r="115" spans="1:4" ht="18" customHeight="1" x14ac:dyDescent="0.15">
      <c r="A115" s="5">
        <v>90</v>
      </c>
      <c r="B115" s="22">
        <v>6</v>
      </c>
      <c r="C115" s="14">
        <v>24</v>
      </c>
      <c r="D115" s="18">
        <v>30</v>
      </c>
    </row>
    <row r="116" spans="1:4" ht="18" customHeight="1" x14ac:dyDescent="0.15">
      <c r="A116" s="5">
        <v>91</v>
      </c>
      <c r="B116" s="22">
        <v>2</v>
      </c>
      <c r="C116" s="14">
        <v>15</v>
      </c>
      <c r="D116" s="18">
        <v>17</v>
      </c>
    </row>
    <row r="117" spans="1:4" ht="18" customHeight="1" x14ac:dyDescent="0.15">
      <c r="A117" s="5">
        <v>92</v>
      </c>
      <c r="B117" s="22">
        <v>4</v>
      </c>
      <c r="C117" s="14">
        <v>20</v>
      </c>
      <c r="D117" s="18">
        <v>24</v>
      </c>
    </row>
    <row r="118" spans="1:4" ht="18" customHeight="1" x14ac:dyDescent="0.15">
      <c r="A118" s="5">
        <v>93</v>
      </c>
      <c r="B118" s="22">
        <v>5</v>
      </c>
      <c r="C118" s="14">
        <v>16</v>
      </c>
      <c r="D118" s="18">
        <v>21</v>
      </c>
    </row>
    <row r="119" spans="1:4" ht="18" customHeight="1" x14ac:dyDescent="0.15">
      <c r="A119" s="5">
        <v>94</v>
      </c>
      <c r="B119" s="22">
        <v>4</v>
      </c>
      <c r="C119" s="14">
        <v>5</v>
      </c>
      <c r="D119" s="18">
        <v>9</v>
      </c>
    </row>
    <row r="120" spans="1:4" ht="18" customHeight="1" x14ac:dyDescent="0.15">
      <c r="A120" s="5" t="s">
        <v>39</v>
      </c>
      <c r="B120" s="22">
        <v>21</v>
      </c>
      <c r="C120" s="14">
        <v>80</v>
      </c>
      <c r="D120" s="18">
        <v>101</v>
      </c>
    </row>
    <row r="121" spans="1:4" ht="18" customHeight="1" x14ac:dyDescent="0.15">
      <c r="A121" s="5">
        <v>95</v>
      </c>
      <c r="B121" s="22">
        <v>3</v>
      </c>
      <c r="C121" s="14">
        <v>7</v>
      </c>
      <c r="D121" s="18">
        <v>10</v>
      </c>
    </row>
    <row r="122" spans="1:4" ht="18" customHeight="1" x14ac:dyDescent="0.15">
      <c r="A122" s="5">
        <v>96</v>
      </c>
      <c r="B122" s="22">
        <v>1</v>
      </c>
      <c r="C122" s="14">
        <v>5</v>
      </c>
      <c r="D122" s="18">
        <v>6</v>
      </c>
    </row>
    <row r="123" spans="1:4" ht="18" customHeight="1" x14ac:dyDescent="0.15">
      <c r="A123" s="5">
        <v>97</v>
      </c>
      <c r="B123" s="22">
        <v>1</v>
      </c>
      <c r="C123" s="14">
        <v>5</v>
      </c>
      <c r="D123" s="18">
        <v>6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1</v>
      </c>
      <c r="C125" s="14">
        <v>4</v>
      </c>
      <c r="D125" s="18">
        <v>5</v>
      </c>
    </row>
    <row r="126" spans="1:4" ht="18" customHeight="1" x14ac:dyDescent="0.15">
      <c r="A126" s="5" t="s">
        <v>40</v>
      </c>
      <c r="B126" s="22">
        <v>6</v>
      </c>
      <c r="C126" s="14">
        <v>24</v>
      </c>
      <c r="D126" s="18">
        <v>30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672</v>
      </c>
      <c r="C130" s="14">
        <v>915</v>
      </c>
      <c r="D130" s="18">
        <v>1587</v>
      </c>
    </row>
    <row r="131" spans="1:4" ht="18" customHeight="1" x14ac:dyDescent="0.15">
      <c r="A131" s="7" t="s">
        <v>45</v>
      </c>
      <c r="B131" s="23">
        <v>2688</v>
      </c>
      <c r="C131" s="15">
        <v>2866</v>
      </c>
      <c r="D131" s="19">
        <v>555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2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3</v>
      </c>
      <c r="C5" s="13">
        <v>30</v>
      </c>
      <c r="D5" s="17">
        <v>53</v>
      </c>
    </row>
    <row r="6" spans="1:4" ht="18" customHeight="1" x14ac:dyDescent="0.15">
      <c r="A6" s="5">
        <v>1</v>
      </c>
      <c r="B6" s="22">
        <v>24</v>
      </c>
      <c r="C6" s="14">
        <v>28</v>
      </c>
      <c r="D6" s="18">
        <v>52</v>
      </c>
    </row>
    <row r="7" spans="1:4" ht="18" customHeight="1" x14ac:dyDescent="0.15">
      <c r="A7" s="5">
        <v>2</v>
      </c>
      <c r="B7" s="22">
        <v>37</v>
      </c>
      <c r="C7" s="14">
        <v>20</v>
      </c>
      <c r="D7" s="18">
        <v>57</v>
      </c>
    </row>
    <row r="8" spans="1:4" ht="18" customHeight="1" x14ac:dyDescent="0.15">
      <c r="A8" s="5">
        <v>3</v>
      </c>
      <c r="B8" s="22">
        <v>27</v>
      </c>
      <c r="C8" s="14">
        <v>33</v>
      </c>
      <c r="D8" s="18">
        <v>60</v>
      </c>
    </row>
    <row r="9" spans="1:4" ht="18" customHeight="1" x14ac:dyDescent="0.15">
      <c r="A9" s="5">
        <v>4</v>
      </c>
      <c r="B9" s="22">
        <v>35</v>
      </c>
      <c r="C9" s="14">
        <v>24</v>
      </c>
      <c r="D9" s="18">
        <v>59</v>
      </c>
    </row>
    <row r="10" spans="1:4" ht="18" customHeight="1" x14ac:dyDescent="0.15">
      <c r="A10" s="5" t="s">
        <v>7</v>
      </c>
      <c r="B10" s="22">
        <v>146</v>
      </c>
      <c r="C10" s="14">
        <v>135</v>
      </c>
      <c r="D10" s="18">
        <v>281</v>
      </c>
    </row>
    <row r="11" spans="1:4" ht="18" customHeight="1" x14ac:dyDescent="0.15">
      <c r="A11" s="5">
        <v>5</v>
      </c>
      <c r="B11" s="22">
        <v>24</v>
      </c>
      <c r="C11" s="14">
        <v>27</v>
      </c>
      <c r="D11" s="18">
        <v>51</v>
      </c>
    </row>
    <row r="12" spans="1:4" ht="18" customHeight="1" x14ac:dyDescent="0.15">
      <c r="A12" s="5">
        <v>6</v>
      </c>
      <c r="B12" s="22">
        <v>38</v>
      </c>
      <c r="C12" s="14">
        <v>24</v>
      </c>
      <c r="D12" s="18">
        <v>62</v>
      </c>
    </row>
    <row r="13" spans="1:4" ht="18" customHeight="1" x14ac:dyDescent="0.15">
      <c r="A13" s="5">
        <v>7</v>
      </c>
      <c r="B13" s="22">
        <v>28</v>
      </c>
      <c r="C13" s="14">
        <v>38</v>
      </c>
      <c r="D13" s="18">
        <v>66</v>
      </c>
    </row>
    <row r="14" spans="1:4" ht="18" customHeight="1" x14ac:dyDescent="0.15">
      <c r="A14" s="5">
        <v>8</v>
      </c>
      <c r="B14" s="22">
        <v>28</v>
      </c>
      <c r="C14" s="14">
        <v>41</v>
      </c>
      <c r="D14" s="18">
        <v>69</v>
      </c>
    </row>
    <row r="15" spans="1:4" ht="18" customHeight="1" x14ac:dyDescent="0.15">
      <c r="A15" s="5">
        <v>9</v>
      </c>
      <c r="B15" s="22">
        <v>26</v>
      </c>
      <c r="C15" s="14">
        <v>28</v>
      </c>
      <c r="D15" s="18">
        <v>54</v>
      </c>
    </row>
    <row r="16" spans="1:4" ht="18" customHeight="1" x14ac:dyDescent="0.15">
      <c r="A16" s="5" t="s">
        <v>11</v>
      </c>
      <c r="B16" s="22">
        <v>144</v>
      </c>
      <c r="C16" s="14">
        <v>158</v>
      </c>
      <c r="D16" s="18">
        <v>302</v>
      </c>
    </row>
    <row r="17" spans="1:4" ht="18" customHeight="1" x14ac:dyDescent="0.15">
      <c r="A17" s="5">
        <v>10</v>
      </c>
      <c r="B17" s="22">
        <v>26</v>
      </c>
      <c r="C17" s="14">
        <v>24</v>
      </c>
      <c r="D17" s="18">
        <v>50</v>
      </c>
    </row>
    <row r="18" spans="1:4" ht="18" customHeight="1" x14ac:dyDescent="0.15">
      <c r="A18" s="5">
        <v>11</v>
      </c>
      <c r="B18" s="22">
        <v>35</v>
      </c>
      <c r="C18" s="14">
        <v>35</v>
      </c>
      <c r="D18" s="18">
        <v>70</v>
      </c>
    </row>
    <row r="19" spans="1:4" ht="18" customHeight="1" x14ac:dyDescent="0.15">
      <c r="A19" s="5">
        <v>12</v>
      </c>
      <c r="B19" s="22">
        <v>31</v>
      </c>
      <c r="C19" s="14">
        <v>36</v>
      </c>
      <c r="D19" s="18">
        <v>67</v>
      </c>
    </row>
    <row r="20" spans="1:4" ht="18" customHeight="1" x14ac:dyDescent="0.15">
      <c r="A20" s="5">
        <v>13</v>
      </c>
      <c r="B20" s="22">
        <v>38</v>
      </c>
      <c r="C20" s="14">
        <v>29</v>
      </c>
      <c r="D20" s="18">
        <v>67</v>
      </c>
    </row>
    <row r="21" spans="1:4" ht="18" customHeight="1" x14ac:dyDescent="0.15">
      <c r="A21" s="5">
        <v>14</v>
      </c>
      <c r="B21" s="22">
        <v>29</v>
      </c>
      <c r="C21" s="14">
        <v>41</v>
      </c>
      <c r="D21" s="18">
        <v>70</v>
      </c>
    </row>
    <row r="22" spans="1:4" ht="18" customHeight="1" x14ac:dyDescent="0.15">
      <c r="A22" s="5" t="s">
        <v>12</v>
      </c>
      <c r="B22" s="22">
        <v>159</v>
      </c>
      <c r="C22" s="14">
        <v>165</v>
      </c>
      <c r="D22" s="18">
        <v>324</v>
      </c>
    </row>
    <row r="23" spans="1:4" ht="18" customHeight="1" x14ac:dyDescent="0.15">
      <c r="A23" s="5" t="s">
        <v>6</v>
      </c>
      <c r="B23" s="22">
        <v>449</v>
      </c>
      <c r="C23" s="14">
        <v>458</v>
      </c>
      <c r="D23" s="18">
        <v>907</v>
      </c>
    </row>
    <row r="24" spans="1:4" ht="18" customHeight="1" x14ac:dyDescent="0.15">
      <c r="A24" s="5">
        <v>15</v>
      </c>
      <c r="B24" s="22">
        <v>39</v>
      </c>
      <c r="C24" s="14">
        <v>37</v>
      </c>
      <c r="D24" s="18">
        <v>76</v>
      </c>
    </row>
    <row r="25" spans="1:4" ht="18" customHeight="1" x14ac:dyDescent="0.15">
      <c r="A25" s="5">
        <v>16</v>
      </c>
      <c r="B25" s="22">
        <v>34</v>
      </c>
      <c r="C25" s="14">
        <v>46</v>
      </c>
      <c r="D25" s="18">
        <v>80</v>
      </c>
    </row>
    <row r="26" spans="1:4" ht="18" customHeight="1" x14ac:dyDescent="0.15">
      <c r="A26" s="5">
        <v>17</v>
      </c>
      <c r="B26" s="22">
        <v>42</v>
      </c>
      <c r="C26" s="14">
        <v>41</v>
      </c>
      <c r="D26" s="18">
        <v>83</v>
      </c>
    </row>
    <row r="27" spans="1:4" ht="18" customHeight="1" x14ac:dyDescent="0.15">
      <c r="A27" s="5">
        <v>18</v>
      </c>
      <c r="B27" s="22">
        <v>68</v>
      </c>
      <c r="C27" s="14">
        <v>52</v>
      </c>
      <c r="D27" s="18">
        <v>120</v>
      </c>
    </row>
    <row r="28" spans="1:4" ht="18" customHeight="1" x14ac:dyDescent="0.15">
      <c r="A28" s="5">
        <v>19</v>
      </c>
      <c r="B28" s="22">
        <v>168</v>
      </c>
      <c r="C28" s="14">
        <v>101</v>
      </c>
      <c r="D28" s="18">
        <v>269</v>
      </c>
    </row>
    <row r="29" spans="1:4" ht="18" customHeight="1" x14ac:dyDescent="0.15">
      <c r="A29" s="5" t="s">
        <v>14</v>
      </c>
      <c r="B29" s="22">
        <v>351</v>
      </c>
      <c r="C29" s="14">
        <v>277</v>
      </c>
      <c r="D29" s="18">
        <v>628</v>
      </c>
    </row>
    <row r="30" spans="1:4" ht="18" customHeight="1" x14ac:dyDescent="0.15">
      <c r="A30" s="5">
        <v>20</v>
      </c>
      <c r="B30" s="22">
        <v>195</v>
      </c>
      <c r="C30" s="14">
        <v>117</v>
      </c>
      <c r="D30" s="18">
        <v>312</v>
      </c>
    </row>
    <row r="31" spans="1:4" ht="18" customHeight="1" x14ac:dyDescent="0.15">
      <c r="A31" s="5">
        <v>21</v>
      </c>
      <c r="B31" s="22">
        <v>226</v>
      </c>
      <c r="C31" s="14">
        <v>143</v>
      </c>
      <c r="D31" s="18">
        <v>369</v>
      </c>
    </row>
    <row r="32" spans="1:4" ht="18" customHeight="1" x14ac:dyDescent="0.15">
      <c r="A32" s="5">
        <v>22</v>
      </c>
      <c r="B32" s="22">
        <v>161</v>
      </c>
      <c r="C32" s="14">
        <v>92</v>
      </c>
      <c r="D32" s="18">
        <v>253</v>
      </c>
    </row>
    <row r="33" spans="1:4" ht="18" customHeight="1" x14ac:dyDescent="0.15">
      <c r="A33" s="5">
        <v>23</v>
      </c>
      <c r="B33" s="22">
        <v>172</v>
      </c>
      <c r="C33" s="14">
        <v>83</v>
      </c>
      <c r="D33" s="18">
        <v>255</v>
      </c>
    </row>
    <row r="34" spans="1:4" ht="18" customHeight="1" x14ac:dyDescent="0.15">
      <c r="A34" s="5">
        <v>24</v>
      </c>
      <c r="B34" s="22">
        <v>102</v>
      </c>
      <c r="C34" s="14">
        <v>77</v>
      </c>
      <c r="D34" s="18">
        <v>179</v>
      </c>
    </row>
    <row r="35" spans="1:4" ht="18" customHeight="1" x14ac:dyDescent="0.15">
      <c r="A35" s="5" t="s">
        <v>9</v>
      </c>
      <c r="B35" s="22">
        <v>856</v>
      </c>
      <c r="C35" s="14">
        <v>512</v>
      </c>
      <c r="D35" s="18">
        <v>1368</v>
      </c>
    </row>
    <row r="36" spans="1:4" ht="18" customHeight="1" x14ac:dyDescent="0.15">
      <c r="A36" s="5">
        <v>25</v>
      </c>
      <c r="B36" s="22">
        <v>93</v>
      </c>
      <c r="C36" s="14">
        <v>49</v>
      </c>
      <c r="D36" s="18">
        <v>142</v>
      </c>
    </row>
    <row r="37" spans="1:4" ht="18" customHeight="1" x14ac:dyDescent="0.15">
      <c r="A37" s="5">
        <v>26</v>
      </c>
      <c r="B37" s="22">
        <v>92</v>
      </c>
      <c r="C37" s="14">
        <v>56</v>
      </c>
      <c r="D37" s="18">
        <v>148</v>
      </c>
    </row>
    <row r="38" spans="1:4" ht="18" customHeight="1" x14ac:dyDescent="0.15">
      <c r="A38" s="5">
        <v>27</v>
      </c>
      <c r="B38" s="22">
        <v>69</v>
      </c>
      <c r="C38" s="14">
        <v>57</v>
      </c>
      <c r="D38" s="18">
        <v>126</v>
      </c>
    </row>
    <row r="39" spans="1:4" ht="18" customHeight="1" x14ac:dyDescent="0.15">
      <c r="A39" s="5">
        <v>28</v>
      </c>
      <c r="B39" s="22">
        <v>55</v>
      </c>
      <c r="C39" s="14">
        <v>44</v>
      </c>
      <c r="D39" s="18">
        <v>99</v>
      </c>
    </row>
    <row r="40" spans="1:4" ht="18" customHeight="1" x14ac:dyDescent="0.15">
      <c r="A40" s="5">
        <v>29</v>
      </c>
      <c r="B40" s="22">
        <v>58</v>
      </c>
      <c r="C40" s="14">
        <v>52</v>
      </c>
      <c r="D40" s="18">
        <v>110</v>
      </c>
    </row>
    <row r="41" spans="1:4" ht="18" customHeight="1" x14ac:dyDescent="0.15">
      <c r="A41" s="5" t="s">
        <v>2</v>
      </c>
      <c r="B41" s="22">
        <v>367</v>
      </c>
      <c r="C41" s="14">
        <v>258</v>
      </c>
      <c r="D41" s="18">
        <v>625</v>
      </c>
    </row>
    <row r="42" spans="1:4" ht="18" customHeight="1" x14ac:dyDescent="0.15">
      <c r="A42" s="5">
        <v>30</v>
      </c>
      <c r="B42" s="22">
        <v>62</v>
      </c>
      <c r="C42" s="14">
        <v>65</v>
      </c>
      <c r="D42" s="18">
        <v>127</v>
      </c>
    </row>
    <row r="43" spans="1:4" ht="18" customHeight="1" x14ac:dyDescent="0.15">
      <c r="A43" s="5">
        <v>31</v>
      </c>
      <c r="B43" s="22">
        <v>59</v>
      </c>
      <c r="C43" s="14">
        <v>50</v>
      </c>
      <c r="D43" s="18">
        <v>109</v>
      </c>
    </row>
    <row r="44" spans="1:4" ht="18" customHeight="1" x14ac:dyDescent="0.15">
      <c r="A44" s="5">
        <v>32</v>
      </c>
      <c r="B44" s="22">
        <v>52</v>
      </c>
      <c r="C44" s="14">
        <v>39</v>
      </c>
      <c r="D44" s="18">
        <v>91</v>
      </c>
    </row>
    <row r="45" spans="1:4" ht="18" customHeight="1" x14ac:dyDescent="0.15">
      <c r="A45" s="5">
        <v>33</v>
      </c>
      <c r="B45" s="22">
        <v>52</v>
      </c>
      <c r="C45" s="14">
        <v>54</v>
      </c>
      <c r="D45" s="18">
        <v>106</v>
      </c>
    </row>
    <row r="46" spans="1:4" ht="18" customHeight="1" x14ac:dyDescent="0.15">
      <c r="A46" s="5">
        <v>34</v>
      </c>
      <c r="B46" s="22">
        <v>66</v>
      </c>
      <c r="C46" s="14">
        <v>38</v>
      </c>
      <c r="D46" s="18">
        <v>104</v>
      </c>
    </row>
    <row r="47" spans="1:4" ht="18" customHeight="1" x14ac:dyDescent="0.15">
      <c r="A47" s="5" t="s">
        <v>15</v>
      </c>
      <c r="B47" s="22">
        <v>291</v>
      </c>
      <c r="C47" s="14">
        <v>246</v>
      </c>
      <c r="D47" s="18">
        <v>537</v>
      </c>
    </row>
    <row r="48" spans="1:4" ht="18" customHeight="1" x14ac:dyDescent="0.15">
      <c r="A48" s="5">
        <v>35</v>
      </c>
      <c r="B48" s="22">
        <v>44</v>
      </c>
      <c r="C48" s="14">
        <v>49</v>
      </c>
      <c r="D48" s="18">
        <v>93</v>
      </c>
    </row>
    <row r="49" spans="1:4" ht="18" customHeight="1" x14ac:dyDescent="0.15">
      <c r="A49" s="5">
        <v>36</v>
      </c>
      <c r="B49" s="22">
        <v>58</v>
      </c>
      <c r="C49" s="14">
        <v>35</v>
      </c>
      <c r="D49" s="18">
        <v>93</v>
      </c>
    </row>
    <row r="50" spans="1:4" ht="18" customHeight="1" x14ac:dyDescent="0.15">
      <c r="A50" s="5">
        <v>37</v>
      </c>
      <c r="B50" s="22">
        <v>50</v>
      </c>
      <c r="C50" s="14">
        <v>50</v>
      </c>
      <c r="D50" s="18">
        <v>100</v>
      </c>
    </row>
    <row r="51" spans="1:4" ht="18" customHeight="1" x14ac:dyDescent="0.15">
      <c r="A51" s="5">
        <v>38</v>
      </c>
      <c r="B51" s="22">
        <v>65</v>
      </c>
      <c r="C51" s="14">
        <v>41</v>
      </c>
      <c r="D51" s="18">
        <v>106</v>
      </c>
    </row>
    <row r="52" spans="1:4" ht="18" customHeight="1" x14ac:dyDescent="0.15">
      <c r="A52" s="5">
        <v>39</v>
      </c>
      <c r="B52" s="22">
        <v>42</v>
      </c>
      <c r="C52" s="14">
        <v>38</v>
      </c>
      <c r="D52" s="18">
        <v>80</v>
      </c>
    </row>
    <row r="53" spans="1:4" ht="18" customHeight="1" x14ac:dyDescent="0.15">
      <c r="A53" s="5" t="s">
        <v>18</v>
      </c>
      <c r="B53" s="22">
        <v>259</v>
      </c>
      <c r="C53" s="14">
        <v>213</v>
      </c>
      <c r="D53" s="18">
        <v>472</v>
      </c>
    </row>
    <row r="54" spans="1:4" ht="18" customHeight="1" x14ac:dyDescent="0.15">
      <c r="A54" s="5">
        <v>40</v>
      </c>
      <c r="B54" s="22">
        <v>47</v>
      </c>
      <c r="C54" s="14">
        <v>50</v>
      </c>
      <c r="D54" s="18">
        <v>97</v>
      </c>
    </row>
    <row r="55" spans="1:4" ht="18" customHeight="1" x14ac:dyDescent="0.15">
      <c r="A55" s="5">
        <v>41</v>
      </c>
      <c r="B55" s="22">
        <v>55</v>
      </c>
      <c r="C55" s="14">
        <v>49</v>
      </c>
      <c r="D55" s="18">
        <v>104</v>
      </c>
    </row>
    <row r="56" spans="1:4" ht="18" customHeight="1" x14ac:dyDescent="0.15">
      <c r="A56" s="5">
        <v>42</v>
      </c>
      <c r="B56" s="22">
        <v>54</v>
      </c>
      <c r="C56" s="14">
        <v>50</v>
      </c>
      <c r="D56" s="18">
        <v>104</v>
      </c>
    </row>
    <row r="57" spans="1:4" ht="18" customHeight="1" x14ac:dyDescent="0.15">
      <c r="A57" s="5">
        <v>43</v>
      </c>
      <c r="B57" s="22">
        <v>58</v>
      </c>
      <c r="C57" s="14">
        <v>48</v>
      </c>
      <c r="D57" s="18">
        <v>106</v>
      </c>
    </row>
    <row r="58" spans="1:4" ht="18" customHeight="1" x14ac:dyDescent="0.15">
      <c r="A58" s="5">
        <v>44</v>
      </c>
      <c r="B58" s="22">
        <v>48</v>
      </c>
      <c r="C58" s="14">
        <v>55</v>
      </c>
      <c r="D58" s="18">
        <v>103</v>
      </c>
    </row>
    <row r="59" spans="1:4" ht="18" customHeight="1" x14ac:dyDescent="0.15">
      <c r="A59" s="5" t="s">
        <v>21</v>
      </c>
      <c r="B59" s="22">
        <v>262</v>
      </c>
      <c r="C59" s="14">
        <v>252</v>
      </c>
      <c r="D59" s="18">
        <v>514</v>
      </c>
    </row>
    <row r="60" spans="1:4" ht="18" customHeight="1" x14ac:dyDescent="0.15">
      <c r="A60" s="5">
        <v>45</v>
      </c>
      <c r="B60" s="22">
        <v>58</v>
      </c>
      <c r="C60" s="14">
        <v>45</v>
      </c>
      <c r="D60" s="18">
        <v>103</v>
      </c>
    </row>
    <row r="61" spans="1:4" ht="18" customHeight="1" x14ac:dyDescent="0.15">
      <c r="A61" s="5">
        <v>46</v>
      </c>
      <c r="B61" s="22">
        <v>69</v>
      </c>
      <c r="C61" s="14">
        <v>56</v>
      </c>
      <c r="D61" s="18">
        <v>125</v>
      </c>
    </row>
    <row r="62" spans="1:4" ht="18" customHeight="1" x14ac:dyDescent="0.15">
      <c r="A62" s="5">
        <v>47</v>
      </c>
      <c r="B62" s="22">
        <v>79</v>
      </c>
      <c r="C62" s="14">
        <v>69</v>
      </c>
      <c r="D62" s="18">
        <v>148</v>
      </c>
    </row>
    <row r="63" spans="1:4" ht="18" customHeight="1" x14ac:dyDescent="0.15">
      <c r="A63" s="5">
        <v>48</v>
      </c>
      <c r="B63" s="22">
        <v>61</v>
      </c>
      <c r="C63" s="14">
        <v>61</v>
      </c>
      <c r="D63" s="18">
        <v>122</v>
      </c>
    </row>
    <row r="64" spans="1:4" ht="18" customHeight="1" x14ac:dyDescent="0.15">
      <c r="A64" s="5">
        <v>49</v>
      </c>
      <c r="B64" s="22">
        <v>61</v>
      </c>
      <c r="C64" s="14">
        <v>56</v>
      </c>
      <c r="D64" s="18">
        <v>117</v>
      </c>
    </row>
    <row r="65" spans="1:4" ht="18" customHeight="1" x14ac:dyDescent="0.15">
      <c r="A65" s="5" t="s">
        <v>17</v>
      </c>
      <c r="B65" s="22">
        <v>328</v>
      </c>
      <c r="C65" s="14">
        <v>287</v>
      </c>
      <c r="D65" s="18">
        <v>615</v>
      </c>
    </row>
    <row r="66" spans="1:4" ht="18" customHeight="1" x14ac:dyDescent="0.15">
      <c r="A66" s="5">
        <v>50</v>
      </c>
      <c r="B66" s="22">
        <v>76</v>
      </c>
      <c r="C66" s="14">
        <v>56</v>
      </c>
      <c r="D66" s="18">
        <v>132</v>
      </c>
    </row>
    <row r="67" spans="1:4" ht="18" customHeight="1" x14ac:dyDescent="0.15">
      <c r="A67" s="5">
        <v>51</v>
      </c>
      <c r="B67" s="22">
        <v>73</v>
      </c>
      <c r="C67" s="14">
        <v>77</v>
      </c>
      <c r="D67" s="18">
        <v>150</v>
      </c>
    </row>
    <row r="68" spans="1:4" ht="18" customHeight="1" x14ac:dyDescent="0.15">
      <c r="A68" s="5">
        <v>52</v>
      </c>
      <c r="B68" s="22">
        <v>82</v>
      </c>
      <c r="C68" s="14">
        <v>86</v>
      </c>
      <c r="D68" s="18">
        <v>168</v>
      </c>
    </row>
    <row r="69" spans="1:4" ht="18" customHeight="1" x14ac:dyDescent="0.15">
      <c r="A69" s="5">
        <v>53</v>
      </c>
      <c r="B69" s="22">
        <v>95</v>
      </c>
      <c r="C69" s="14">
        <v>84</v>
      </c>
      <c r="D69" s="18">
        <v>179</v>
      </c>
    </row>
    <row r="70" spans="1:4" ht="18" customHeight="1" x14ac:dyDescent="0.15">
      <c r="A70" s="5">
        <v>54</v>
      </c>
      <c r="B70" s="22">
        <v>84</v>
      </c>
      <c r="C70" s="14">
        <v>72</v>
      </c>
      <c r="D70" s="18">
        <v>156</v>
      </c>
    </row>
    <row r="71" spans="1:4" ht="18" customHeight="1" x14ac:dyDescent="0.15">
      <c r="A71" s="5" t="s">
        <v>22</v>
      </c>
      <c r="B71" s="22">
        <v>410</v>
      </c>
      <c r="C71" s="14">
        <v>375</v>
      </c>
      <c r="D71" s="18">
        <v>785</v>
      </c>
    </row>
    <row r="72" spans="1:4" ht="18" customHeight="1" x14ac:dyDescent="0.15">
      <c r="A72" s="5">
        <v>55</v>
      </c>
      <c r="B72" s="22">
        <v>75</v>
      </c>
      <c r="C72" s="14">
        <v>64</v>
      </c>
      <c r="D72" s="18">
        <v>139</v>
      </c>
    </row>
    <row r="73" spans="1:4" ht="18" customHeight="1" x14ac:dyDescent="0.15">
      <c r="A73" s="5">
        <v>56</v>
      </c>
      <c r="B73" s="22">
        <v>72</v>
      </c>
      <c r="C73" s="14">
        <v>61</v>
      </c>
      <c r="D73" s="18">
        <v>133</v>
      </c>
    </row>
    <row r="74" spans="1:4" ht="18" customHeight="1" x14ac:dyDescent="0.15">
      <c r="A74" s="5">
        <v>57</v>
      </c>
      <c r="B74" s="22">
        <v>62</v>
      </c>
      <c r="C74" s="14">
        <v>71</v>
      </c>
      <c r="D74" s="18">
        <v>133</v>
      </c>
    </row>
    <row r="75" spans="1:4" ht="18" customHeight="1" x14ac:dyDescent="0.15">
      <c r="A75" s="5">
        <v>58</v>
      </c>
      <c r="B75" s="22">
        <v>55</v>
      </c>
      <c r="C75" s="14">
        <v>68</v>
      </c>
      <c r="D75" s="18">
        <v>123</v>
      </c>
    </row>
    <row r="76" spans="1:4" ht="18" customHeight="1" x14ac:dyDescent="0.15">
      <c r="A76" s="5">
        <v>59</v>
      </c>
      <c r="B76" s="22">
        <v>60</v>
      </c>
      <c r="C76" s="14">
        <v>57</v>
      </c>
      <c r="D76" s="18">
        <v>117</v>
      </c>
    </row>
    <row r="77" spans="1:4" ht="18" customHeight="1" x14ac:dyDescent="0.15">
      <c r="A77" s="5" t="s">
        <v>27</v>
      </c>
      <c r="B77" s="22">
        <v>324</v>
      </c>
      <c r="C77" s="14">
        <v>321</v>
      </c>
      <c r="D77" s="18">
        <v>645</v>
      </c>
    </row>
    <row r="78" spans="1:4" ht="18" customHeight="1" x14ac:dyDescent="0.15">
      <c r="A78" s="5">
        <v>60</v>
      </c>
      <c r="B78" s="22">
        <v>56</v>
      </c>
      <c r="C78" s="14">
        <v>37</v>
      </c>
      <c r="D78" s="18">
        <v>93</v>
      </c>
    </row>
    <row r="79" spans="1:4" ht="18" customHeight="1" x14ac:dyDescent="0.15">
      <c r="A79" s="5">
        <v>61</v>
      </c>
      <c r="B79" s="22">
        <v>58</v>
      </c>
      <c r="C79" s="14">
        <v>48</v>
      </c>
      <c r="D79" s="18">
        <v>106</v>
      </c>
    </row>
    <row r="80" spans="1:4" ht="18" customHeight="1" x14ac:dyDescent="0.15">
      <c r="A80" s="5">
        <v>62</v>
      </c>
      <c r="B80" s="22">
        <v>55</v>
      </c>
      <c r="C80" s="14">
        <v>50</v>
      </c>
      <c r="D80" s="18">
        <v>105</v>
      </c>
    </row>
    <row r="81" spans="1:4" ht="18" customHeight="1" x14ac:dyDescent="0.15">
      <c r="A81" s="5">
        <v>63</v>
      </c>
      <c r="B81" s="22">
        <v>66</v>
      </c>
      <c r="C81" s="14">
        <v>54</v>
      </c>
      <c r="D81" s="18">
        <v>120</v>
      </c>
    </row>
    <row r="82" spans="1:4" ht="18" customHeight="1" x14ac:dyDescent="0.15">
      <c r="A82" s="5">
        <v>64</v>
      </c>
      <c r="B82" s="22">
        <v>49</v>
      </c>
      <c r="C82" s="14">
        <v>53</v>
      </c>
      <c r="D82" s="18">
        <v>102</v>
      </c>
    </row>
    <row r="83" spans="1:4" ht="18" customHeight="1" x14ac:dyDescent="0.15">
      <c r="A83" s="5" t="s">
        <v>28</v>
      </c>
      <c r="B83" s="22">
        <v>284</v>
      </c>
      <c r="C83" s="14">
        <v>242</v>
      </c>
      <c r="D83" s="18">
        <v>526</v>
      </c>
    </row>
    <row r="84" spans="1:4" ht="18" customHeight="1" x14ac:dyDescent="0.15">
      <c r="A84" s="5" t="s">
        <v>31</v>
      </c>
      <c r="B84" s="22">
        <v>3732</v>
      </c>
      <c r="C84" s="14">
        <v>2983</v>
      </c>
      <c r="D84" s="18">
        <v>6715</v>
      </c>
    </row>
    <row r="85" spans="1:4" ht="18" customHeight="1" x14ac:dyDescent="0.15">
      <c r="A85" s="5">
        <v>65</v>
      </c>
      <c r="B85" s="22">
        <v>46</v>
      </c>
      <c r="C85" s="14">
        <v>56</v>
      </c>
      <c r="D85" s="18">
        <v>102</v>
      </c>
    </row>
    <row r="86" spans="1:4" ht="18" customHeight="1" x14ac:dyDescent="0.15">
      <c r="A86" s="5">
        <v>66</v>
      </c>
      <c r="B86" s="22">
        <v>54</v>
      </c>
      <c r="C86" s="14">
        <v>54</v>
      </c>
      <c r="D86" s="18">
        <v>108</v>
      </c>
    </row>
    <row r="87" spans="1:4" ht="18" customHeight="1" x14ac:dyDescent="0.15">
      <c r="A87" s="5">
        <v>67</v>
      </c>
      <c r="B87" s="22">
        <v>50</v>
      </c>
      <c r="C87" s="14">
        <v>43</v>
      </c>
      <c r="D87" s="18">
        <v>93</v>
      </c>
    </row>
    <row r="88" spans="1:4" ht="18" customHeight="1" x14ac:dyDescent="0.15">
      <c r="A88" s="5">
        <v>68</v>
      </c>
      <c r="B88" s="22">
        <v>45</v>
      </c>
      <c r="C88" s="14">
        <v>39</v>
      </c>
      <c r="D88" s="18">
        <v>84</v>
      </c>
    </row>
    <row r="89" spans="1:4" ht="18" customHeight="1" x14ac:dyDescent="0.15">
      <c r="A89" s="5">
        <v>69</v>
      </c>
      <c r="B89" s="22">
        <v>54</v>
      </c>
      <c r="C89" s="14">
        <v>41</v>
      </c>
      <c r="D89" s="18">
        <v>95</v>
      </c>
    </row>
    <row r="90" spans="1:4" ht="18" customHeight="1" x14ac:dyDescent="0.15">
      <c r="A90" s="5" t="s">
        <v>20</v>
      </c>
      <c r="B90" s="22">
        <v>249</v>
      </c>
      <c r="C90" s="14">
        <v>233</v>
      </c>
      <c r="D90" s="18">
        <v>482</v>
      </c>
    </row>
    <row r="91" spans="1:4" ht="18" customHeight="1" x14ac:dyDescent="0.15">
      <c r="A91" s="5">
        <v>70</v>
      </c>
      <c r="B91" s="22">
        <v>34</v>
      </c>
      <c r="C91" s="14">
        <v>49</v>
      </c>
      <c r="D91" s="18">
        <v>83</v>
      </c>
    </row>
    <row r="92" spans="1:4" ht="18" customHeight="1" x14ac:dyDescent="0.15">
      <c r="A92" s="5">
        <v>71</v>
      </c>
      <c r="B92" s="22">
        <v>43</v>
      </c>
      <c r="C92" s="14">
        <v>44</v>
      </c>
      <c r="D92" s="18">
        <v>87</v>
      </c>
    </row>
    <row r="93" spans="1:4" ht="18" customHeight="1" x14ac:dyDescent="0.15">
      <c r="A93" s="5">
        <v>72</v>
      </c>
      <c r="B93" s="22">
        <v>38</v>
      </c>
      <c r="C93" s="14">
        <v>48</v>
      </c>
      <c r="D93" s="18">
        <v>86</v>
      </c>
    </row>
    <row r="94" spans="1:4" ht="18" customHeight="1" x14ac:dyDescent="0.15">
      <c r="A94" s="5">
        <v>73</v>
      </c>
      <c r="B94" s="22">
        <v>46</v>
      </c>
      <c r="C94" s="14">
        <v>57</v>
      </c>
      <c r="D94" s="18">
        <v>103</v>
      </c>
    </row>
    <row r="95" spans="1:4" ht="18" customHeight="1" x14ac:dyDescent="0.15">
      <c r="A95" s="5">
        <v>74</v>
      </c>
      <c r="B95" s="22">
        <v>46</v>
      </c>
      <c r="C95" s="14">
        <v>54</v>
      </c>
      <c r="D95" s="18">
        <v>100</v>
      </c>
    </row>
    <row r="96" spans="1:4" ht="18" customHeight="1" x14ac:dyDescent="0.15">
      <c r="A96" s="5" t="s">
        <v>33</v>
      </c>
      <c r="B96" s="22">
        <v>207</v>
      </c>
      <c r="C96" s="14">
        <v>252</v>
      </c>
      <c r="D96" s="18">
        <v>459</v>
      </c>
    </row>
    <row r="97" spans="1:4" ht="18" customHeight="1" x14ac:dyDescent="0.15">
      <c r="A97" s="5">
        <v>75</v>
      </c>
      <c r="B97" s="22">
        <v>46</v>
      </c>
      <c r="C97" s="14">
        <v>54</v>
      </c>
      <c r="D97" s="18">
        <v>100</v>
      </c>
    </row>
    <row r="98" spans="1:4" ht="18" customHeight="1" x14ac:dyDescent="0.15">
      <c r="A98" s="5">
        <v>76</v>
      </c>
      <c r="B98" s="22">
        <v>61</v>
      </c>
      <c r="C98" s="14">
        <v>68</v>
      </c>
      <c r="D98" s="18">
        <v>129</v>
      </c>
    </row>
    <row r="99" spans="1:4" ht="18" customHeight="1" x14ac:dyDescent="0.15">
      <c r="A99" s="5">
        <v>77</v>
      </c>
      <c r="B99" s="22">
        <v>56</v>
      </c>
      <c r="C99" s="14">
        <v>74</v>
      </c>
      <c r="D99" s="18">
        <v>130</v>
      </c>
    </row>
    <row r="100" spans="1:4" ht="18" customHeight="1" x14ac:dyDescent="0.15">
      <c r="A100" s="5">
        <v>78</v>
      </c>
      <c r="B100" s="22">
        <v>79</v>
      </c>
      <c r="C100" s="14">
        <v>76</v>
      </c>
      <c r="D100" s="18">
        <v>155</v>
      </c>
    </row>
    <row r="101" spans="1:4" ht="18" customHeight="1" x14ac:dyDescent="0.15">
      <c r="A101" s="5">
        <v>79</v>
      </c>
      <c r="B101" s="22">
        <v>54</v>
      </c>
      <c r="C101" s="14">
        <v>55</v>
      </c>
      <c r="D101" s="18">
        <v>109</v>
      </c>
    </row>
    <row r="102" spans="1:4" ht="18" customHeight="1" x14ac:dyDescent="0.15">
      <c r="A102" s="5" t="s">
        <v>0</v>
      </c>
      <c r="B102" s="22">
        <v>296</v>
      </c>
      <c r="C102" s="14">
        <v>327</v>
      </c>
      <c r="D102" s="18">
        <v>623</v>
      </c>
    </row>
    <row r="103" spans="1:4" ht="18" customHeight="1" x14ac:dyDescent="0.15">
      <c r="A103" s="5">
        <v>80</v>
      </c>
      <c r="B103" s="22">
        <v>37</v>
      </c>
      <c r="C103" s="14">
        <v>29</v>
      </c>
      <c r="D103" s="18">
        <v>66</v>
      </c>
    </row>
    <row r="104" spans="1:4" ht="18" customHeight="1" x14ac:dyDescent="0.15">
      <c r="A104" s="5">
        <v>81</v>
      </c>
      <c r="B104" s="22">
        <v>36</v>
      </c>
      <c r="C104" s="14">
        <v>57</v>
      </c>
      <c r="D104" s="18">
        <v>93</v>
      </c>
    </row>
    <row r="105" spans="1:4" ht="18" customHeight="1" x14ac:dyDescent="0.15">
      <c r="A105" s="5">
        <v>82</v>
      </c>
      <c r="B105" s="22">
        <v>32</v>
      </c>
      <c r="C105" s="14">
        <v>46</v>
      </c>
      <c r="D105" s="18">
        <v>78</v>
      </c>
    </row>
    <row r="106" spans="1:4" ht="18" customHeight="1" x14ac:dyDescent="0.15">
      <c r="A106" s="5">
        <v>83</v>
      </c>
      <c r="B106" s="22">
        <v>27</v>
      </c>
      <c r="C106" s="14">
        <v>42</v>
      </c>
      <c r="D106" s="18">
        <v>69</v>
      </c>
    </row>
    <row r="107" spans="1:4" ht="18" customHeight="1" x14ac:dyDescent="0.15">
      <c r="A107" s="5">
        <v>84</v>
      </c>
      <c r="B107" s="22">
        <v>41</v>
      </c>
      <c r="C107" s="14">
        <v>37</v>
      </c>
      <c r="D107" s="18">
        <v>78</v>
      </c>
    </row>
    <row r="108" spans="1:4" ht="18" customHeight="1" x14ac:dyDescent="0.15">
      <c r="A108" s="5" t="s">
        <v>35</v>
      </c>
      <c r="B108" s="22">
        <v>173</v>
      </c>
      <c r="C108" s="14">
        <v>211</v>
      </c>
      <c r="D108" s="18">
        <v>384</v>
      </c>
    </row>
    <row r="109" spans="1:4" ht="18" customHeight="1" x14ac:dyDescent="0.15">
      <c r="A109" s="5">
        <v>85</v>
      </c>
      <c r="B109" s="22">
        <v>23</v>
      </c>
      <c r="C109" s="14">
        <v>34</v>
      </c>
      <c r="D109" s="18">
        <v>57</v>
      </c>
    </row>
    <row r="110" spans="1:4" ht="18" customHeight="1" x14ac:dyDescent="0.15">
      <c r="A110" s="5">
        <v>86</v>
      </c>
      <c r="B110" s="22">
        <v>20</v>
      </c>
      <c r="C110" s="14">
        <v>23</v>
      </c>
      <c r="D110" s="18">
        <v>43</v>
      </c>
    </row>
    <row r="111" spans="1:4" ht="18" customHeight="1" x14ac:dyDescent="0.15">
      <c r="A111" s="5">
        <v>87</v>
      </c>
      <c r="B111" s="22">
        <v>8</v>
      </c>
      <c r="C111" s="14">
        <v>32</v>
      </c>
      <c r="D111" s="18">
        <v>40</v>
      </c>
    </row>
    <row r="112" spans="1:4" ht="18" customHeight="1" x14ac:dyDescent="0.15">
      <c r="A112" s="5">
        <v>88</v>
      </c>
      <c r="B112" s="22">
        <v>8</v>
      </c>
      <c r="C112" s="14">
        <v>32</v>
      </c>
      <c r="D112" s="18">
        <v>40</v>
      </c>
    </row>
    <row r="113" spans="1:4" ht="18" customHeight="1" x14ac:dyDescent="0.15">
      <c r="A113" s="5">
        <v>89</v>
      </c>
      <c r="B113" s="22">
        <v>13</v>
      </c>
      <c r="C113" s="14">
        <v>33</v>
      </c>
      <c r="D113" s="18">
        <v>46</v>
      </c>
    </row>
    <row r="114" spans="1:4" ht="18" customHeight="1" x14ac:dyDescent="0.15">
      <c r="A114" s="5" t="s">
        <v>37</v>
      </c>
      <c r="B114" s="22">
        <v>72</v>
      </c>
      <c r="C114" s="14">
        <v>154</v>
      </c>
      <c r="D114" s="18">
        <v>226</v>
      </c>
    </row>
    <row r="115" spans="1:4" ht="18" customHeight="1" x14ac:dyDescent="0.15">
      <c r="A115" s="5">
        <v>90</v>
      </c>
      <c r="B115" s="22">
        <v>3</v>
      </c>
      <c r="C115" s="14">
        <v>33</v>
      </c>
      <c r="D115" s="18">
        <v>36</v>
      </c>
    </row>
    <row r="116" spans="1:4" ht="18" customHeight="1" x14ac:dyDescent="0.15">
      <c r="A116" s="5">
        <v>91</v>
      </c>
      <c r="B116" s="22">
        <v>4</v>
      </c>
      <c r="C116" s="14">
        <v>19</v>
      </c>
      <c r="D116" s="18">
        <v>23</v>
      </c>
    </row>
    <row r="117" spans="1:4" ht="18" customHeight="1" x14ac:dyDescent="0.15">
      <c r="A117" s="5">
        <v>92</v>
      </c>
      <c r="B117" s="22">
        <v>5</v>
      </c>
      <c r="C117" s="14">
        <v>25</v>
      </c>
      <c r="D117" s="18">
        <v>30</v>
      </c>
    </row>
    <row r="118" spans="1:4" ht="18" customHeight="1" x14ac:dyDescent="0.15">
      <c r="A118" s="5">
        <v>93</v>
      </c>
      <c r="B118" s="22">
        <v>8</v>
      </c>
      <c r="C118" s="14">
        <v>27</v>
      </c>
      <c r="D118" s="18">
        <v>35</v>
      </c>
    </row>
    <row r="119" spans="1:4" ht="18" customHeight="1" x14ac:dyDescent="0.15">
      <c r="A119" s="5">
        <v>94</v>
      </c>
      <c r="B119" s="22">
        <v>3</v>
      </c>
      <c r="C119" s="14">
        <v>9</v>
      </c>
      <c r="D119" s="18">
        <v>12</v>
      </c>
    </row>
    <row r="120" spans="1:4" ht="18" customHeight="1" x14ac:dyDescent="0.15">
      <c r="A120" s="5" t="s">
        <v>39</v>
      </c>
      <c r="B120" s="22">
        <v>23</v>
      </c>
      <c r="C120" s="14">
        <v>113</v>
      </c>
      <c r="D120" s="18">
        <v>136</v>
      </c>
    </row>
    <row r="121" spans="1:4" ht="18" customHeight="1" x14ac:dyDescent="0.15">
      <c r="A121" s="5">
        <v>95</v>
      </c>
      <c r="B121" s="22">
        <v>4</v>
      </c>
      <c r="C121" s="14">
        <v>9</v>
      </c>
      <c r="D121" s="18">
        <v>13</v>
      </c>
    </row>
    <row r="122" spans="1:4" ht="18" customHeight="1" x14ac:dyDescent="0.15">
      <c r="A122" s="5">
        <v>96</v>
      </c>
      <c r="B122" s="22">
        <v>4</v>
      </c>
      <c r="C122" s="14">
        <v>6</v>
      </c>
      <c r="D122" s="18">
        <v>10</v>
      </c>
    </row>
    <row r="123" spans="1:4" ht="18" customHeight="1" x14ac:dyDescent="0.15">
      <c r="A123" s="5">
        <v>97</v>
      </c>
      <c r="B123" s="22">
        <v>0</v>
      </c>
      <c r="C123" s="14">
        <v>5</v>
      </c>
      <c r="D123" s="18">
        <v>5</v>
      </c>
    </row>
    <row r="124" spans="1:4" ht="18" customHeight="1" x14ac:dyDescent="0.15">
      <c r="A124" s="5">
        <v>98</v>
      </c>
      <c r="B124" s="22">
        <v>1</v>
      </c>
      <c r="C124" s="14">
        <v>3</v>
      </c>
      <c r="D124" s="18">
        <v>4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10</v>
      </c>
      <c r="C126" s="14">
        <v>24</v>
      </c>
      <c r="D126" s="18">
        <v>34</v>
      </c>
    </row>
    <row r="127" spans="1:4" ht="18" customHeight="1" x14ac:dyDescent="0.15">
      <c r="A127" s="5">
        <v>100</v>
      </c>
      <c r="B127" s="22">
        <v>0</v>
      </c>
      <c r="C127" s="14">
        <v>6</v>
      </c>
      <c r="D127" s="18">
        <v>6</v>
      </c>
    </row>
    <row r="128" spans="1:4" ht="18" customHeight="1" x14ac:dyDescent="0.15">
      <c r="A128" s="6" t="s">
        <v>43</v>
      </c>
      <c r="B128" s="22">
        <v>1</v>
      </c>
      <c r="C128" s="14">
        <v>6</v>
      </c>
      <c r="D128" s="18">
        <v>7</v>
      </c>
    </row>
    <row r="129" spans="1:4" ht="18" customHeight="1" x14ac:dyDescent="0.15">
      <c r="A129" s="5" t="s">
        <v>44</v>
      </c>
      <c r="B129" s="22">
        <v>1</v>
      </c>
      <c r="C129" s="14">
        <v>12</v>
      </c>
      <c r="D129" s="18">
        <v>13</v>
      </c>
    </row>
    <row r="130" spans="1:4" ht="18" customHeight="1" x14ac:dyDescent="0.15">
      <c r="A130" s="5" t="s">
        <v>46</v>
      </c>
      <c r="B130" s="22">
        <v>1031</v>
      </c>
      <c r="C130" s="14">
        <v>1326</v>
      </c>
      <c r="D130" s="18">
        <v>2357</v>
      </c>
    </row>
    <row r="131" spans="1:4" ht="18" customHeight="1" x14ac:dyDescent="0.15">
      <c r="A131" s="7" t="s">
        <v>45</v>
      </c>
      <c r="B131" s="23">
        <v>5212</v>
      </c>
      <c r="C131" s="15">
        <v>4767</v>
      </c>
      <c r="D131" s="19">
        <v>997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2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6</v>
      </c>
      <c r="C5" s="13">
        <v>10</v>
      </c>
      <c r="D5" s="17">
        <v>26</v>
      </c>
    </row>
    <row r="6" spans="1:4" ht="18" customHeight="1" x14ac:dyDescent="0.15">
      <c r="A6" s="5">
        <v>1</v>
      </c>
      <c r="B6" s="22">
        <v>5</v>
      </c>
      <c r="C6" s="14">
        <v>10</v>
      </c>
      <c r="D6" s="18">
        <v>15</v>
      </c>
    </row>
    <row r="7" spans="1:4" ht="18" customHeight="1" x14ac:dyDescent="0.15">
      <c r="A7" s="5">
        <v>2</v>
      </c>
      <c r="B7" s="22">
        <v>10</v>
      </c>
      <c r="C7" s="14">
        <v>13</v>
      </c>
      <c r="D7" s="18">
        <v>23</v>
      </c>
    </row>
    <row r="8" spans="1:4" ht="18" customHeight="1" x14ac:dyDescent="0.15">
      <c r="A8" s="5">
        <v>3</v>
      </c>
      <c r="B8" s="22">
        <v>6</v>
      </c>
      <c r="C8" s="14">
        <v>11</v>
      </c>
      <c r="D8" s="18">
        <v>17</v>
      </c>
    </row>
    <row r="9" spans="1:4" ht="18" customHeight="1" x14ac:dyDescent="0.15">
      <c r="A9" s="5">
        <v>4</v>
      </c>
      <c r="B9" s="22">
        <v>12</v>
      </c>
      <c r="C9" s="14">
        <v>13</v>
      </c>
      <c r="D9" s="18">
        <v>25</v>
      </c>
    </row>
    <row r="10" spans="1:4" ht="18" customHeight="1" x14ac:dyDescent="0.15">
      <c r="A10" s="5" t="s">
        <v>7</v>
      </c>
      <c r="B10" s="22">
        <v>49</v>
      </c>
      <c r="C10" s="14">
        <v>57</v>
      </c>
      <c r="D10" s="18">
        <v>106</v>
      </c>
    </row>
    <row r="11" spans="1:4" ht="18" customHeight="1" x14ac:dyDescent="0.15">
      <c r="A11" s="5">
        <v>5</v>
      </c>
      <c r="B11" s="22">
        <v>16</v>
      </c>
      <c r="C11" s="14">
        <v>11</v>
      </c>
      <c r="D11" s="18">
        <v>27</v>
      </c>
    </row>
    <row r="12" spans="1:4" ht="18" customHeight="1" x14ac:dyDescent="0.15">
      <c r="A12" s="5">
        <v>6</v>
      </c>
      <c r="B12" s="22">
        <v>7</v>
      </c>
      <c r="C12" s="14">
        <v>10</v>
      </c>
      <c r="D12" s="18">
        <v>17</v>
      </c>
    </row>
    <row r="13" spans="1:4" ht="18" customHeight="1" x14ac:dyDescent="0.15">
      <c r="A13" s="5">
        <v>7</v>
      </c>
      <c r="B13" s="22">
        <v>13</v>
      </c>
      <c r="C13" s="14">
        <v>14</v>
      </c>
      <c r="D13" s="18">
        <v>27</v>
      </c>
    </row>
    <row r="14" spans="1:4" ht="18" customHeight="1" x14ac:dyDescent="0.15">
      <c r="A14" s="5">
        <v>8</v>
      </c>
      <c r="B14" s="22">
        <v>10</v>
      </c>
      <c r="C14" s="14">
        <v>20</v>
      </c>
      <c r="D14" s="18">
        <v>30</v>
      </c>
    </row>
    <row r="15" spans="1:4" ht="18" customHeight="1" x14ac:dyDescent="0.15">
      <c r="A15" s="5">
        <v>9</v>
      </c>
      <c r="B15" s="22">
        <v>13</v>
      </c>
      <c r="C15" s="14">
        <v>13</v>
      </c>
      <c r="D15" s="18">
        <v>26</v>
      </c>
    </row>
    <row r="16" spans="1:4" ht="18" customHeight="1" x14ac:dyDescent="0.15">
      <c r="A16" s="5" t="s">
        <v>11</v>
      </c>
      <c r="B16" s="22">
        <v>59</v>
      </c>
      <c r="C16" s="14">
        <v>68</v>
      </c>
      <c r="D16" s="18">
        <v>127</v>
      </c>
    </row>
    <row r="17" spans="1:4" ht="18" customHeight="1" x14ac:dyDescent="0.15">
      <c r="A17" s="5">
        <v>10</v>
      </c>
      <c r="B17" s="22">
        <v>10</v>
      </c>
      <c r="C17" s="14">
        <v>18</v>
      </c>
      <c r="D17" s="18">
        <v>28</v>
      </c>
    </row>
    <row r="18" spans="1:4" ht="18" customHeight="1" x14ac:dyDescent="0.15">
      <c r="A18" s="5">
        <v>11</v>
      </c>
      <c r="B18" s="22">
        <v>18</v>
      </c>
      <c r="C18" s="14">
        <v>11</v>
      </c>
      <c r="D18" s="18">
        <v>29</v>
      </c>
    </row>
    <row r="19" spans="1:4" ht="18" customHeight="1" x14ac:dyDescent="0.15">
      <c r="A19" s="5">
        <v>12</v>
      </c>
      <c r="B19" s="22">
        <v>12</v>
      </c>
      <c r="C19" s="14">
        <v>14</v>
      </c>
      <c r="D19" s="18">
        <v>26</v>
      </c>
    </row>
    <row r="20" spans="1:4" ht="18" customHeight="1" x14ac:dyDescent="0.15">
      <c r="A20" s="5">
        <v>13</v>
      </c>
      <c r="B20" s="22">
        <v>17</v>
      </c>
      <c r="C20" s="14">
        <v>23</v>
      </c>
      <c r="D20" s="18">
        <v>40</v>
      </c>
    </row>
    <row r="21" spans="1:4" ht="18" customHeight="1" x14ac:dyDescent="0.15">
      <c r="A21" s="5">
        <v>14</v>
      </c>
      <c r="B21" s="22">
        <v>17</v>
      </c>
      <c r="C21" s="14">
        <v>16</v>
      </c>
      <c r="D21" s="18">
        <v>33</v>
      </c>
    </row>
    <row r="22" spans="1:4" ht="18" customHeight="1" x14ac:dyDescent="0.15">
      <c r="A22" s="5" t="s">
        <v>12</v>
      </c>
      <c r="B22" s="22">
        <v>74</v>
      </c>
      <c r="C22" s="14">
        <v>82</v>
      </c>
      <c r="D22" s="18">
        <v>156</v>
      </c>
    </row>
    <row r="23" spans="1:4" ht="18" customHeight="1" x14ac:dyDescent="0.15">
      <c r="A23" s="5" t="s">
        <v>6</v>
      </c>
      <c r="B23" s="22">
        <v>182</v>
      </c>
      <c r="C23" s="14">
        <v>207</v>
      </c>
      <c r="D23" s="18">
        <v>389</v>
      </c>
    </row>
    <row r="24" spans="1:4" ht="18" customHeight="1" x14ac:dyDescent="0.15">
      <c r="A24" s="5">
        <v>15</v>
      </c>
      <c r="B24" s="22">
        <v>14</v>
      </c>
      <c r="C24" s="14">
        <v>15</v>
      </c>
      <c r="D24" s="18">
        <v>29</v>
      </c>
    </row>
    <row r="25" spans="1:4" ht="18" customHeight="1" x14ac:dyDescent="0.15">
      <c r="A25" s="5">
        <v>16</v>
      </c>
      <c r="B25" s="22">
        <v>15</v>
      </c>
      <c r="C25" s="14">
        <v>20</v>
      </c>
      <c r="D25" s="18">
        <v>35</v>
      </c>
    </row>
    <row r="26" spans="1:4" ht="18" customHeight="1" x14ac:dyDescent="0.15">
      <c r="A26" s="5">
        <v>17</v>
      </c>
      <c r="B26" s="22">
        <v>19</v>
      </c>
      <c r="C26" s="14">
        <v>14</v>
      </c>
      <c r="D26" s="18">
        <v>33</v>
      </c>
    </row>
    <row r="27" spans="1:4" ht="18" customHeight="1" x14ac:dyDescent="0.15">
      <c r="A27" s="5">
        <v>18</v>
      </c>
      <c r="B27" s="22">
        <v>20</v>
      </c>
      <c r="C27" s="14">
        <v>18</v>
      </c>
      <c r="D27" s="18">
        <v>38</v>
      </c>
    </row>
    <row r="28" spans="1:4" ht="18" customHeight="1" x14ac:dyDescent="0.15">
      <c r="A28" s="5">
        <v>19</v>
      </c>
      <c r="B28" s="22">
        <v>21</v>
      </c>
      <c r="C28" s="14">
        <v>19</v>
      </c>
      <c r="D28" s="18">
        <v>40</v>
      </c>
    </row>
    <row r="29" spans="1:4" ht="18" customHeight="1" x14ac:dyDescent="0.15">
      <c r="A29" s="5" t="s">
        <v>14</v>
      </c>
      <c r="B29" s="22">
        <v>89</v>
      </c>
      <c r="C29" s="14">
        <v>86</v>
      </c>
      <c r="D29" s="18">
        <v>175</v>
      </c>
    </row>
    <row r="30" spans="1:4" ht="18" customHeight="1" x14ac:dyDescent="0.15">
      <c r="A30" s="5">
        <v>20</v>
      </c>
      <c r="B30" s="22">
        <v>16</v>
      </c>
      <c r="C30" s="14">
        <v>21</v>
      </c>
      <c r="D30" s="18">
        <v>37</v>
      </c>
    </row>
    <row r="31" spans="1:4" ht="18" customHeight="1" x14ac:dyDescent="0.15">
      <c r="A31" s="5">
        <v>21</v>
      </c>
      <c r="B31" s="22">
        <v>18</v>
      </c>
      <c r="C31" s="14">
        <v>19</v>
      </c>
      <c r="D31" s="18">
        <v>37</v>
      </c>
    </row>
    <row r="32" spans="1:4" ht="18" customHeight="1" x14ac:dyDescent="0.15">
      <c r="A32" s="5">
        <v>22</v>
      </c>
      <c r="B32" s="22">
        <v>26</v>
      </c>
      <c r="C32" s="14">
        <v>19</v>
      </c>
      <c r="D32" s="18">
        <v>45</v>
      </c>
    </row>
    <row r="33" spans="1:4" ht="18" customHeight="1" x14ac:dyDescent="0.15">
      <c r="A33" s="5">
        <v>23</v>
      </c>
      <c r="B33" s="22">
        <v>23</v>
      </c>
      <c r="C33" s="14">
        <v>19</v>
      </c>
      <c r="D33" s="18">
        <v>42</v>
      </c>
    </row>
    <row r="34" spans="1:4" ht="18" customHeight="1" x14ac:dyDescent="0.15">
      <c r="A34" s="5">
        <v>24</v>
      </c>
      <c r="B34" s="22">
        <v>16</v>
      </c>
      <c r="C34" s="14">
        <v>18</v>
      </c>
      <c r="D34" s="18">
        <v>34</v>
      </c>
    </row>
    <row r="35" spans="1:4" ht="18" customHeight="1" x14ac:dyDescent="0.15">
      <c r="A35" s="5" t="s">
        <v>9</v>
      </c>
      <c r="B35" s="22">
        <v>99</v>
      </c>
      <c r="C35" s="14">
        <v>96</v>
      </c>
      <c r="D35" s="18">
        <v>195</v>
      </c>
    </row>
    <row r="36" spans="1:4" ht="18" customHeight="1" x14ac:dyDescent="0.15">
      <c r="A36" s="5">
        <v>25</v>
      </c>
      <c r="B36" s="22">
        <v>29</v>
      </c>
      <c r="C36" s="14">
        <v>35</v>
      </c>
      <c r="D36" s="18">
        <v>64</v>
      </c>
    </row>
    <row r="37" spans="1:4" ht="18" customHeight="1" x14ac:dyDescent="0.15">
      <c r="A37" s="5">
        <v>26</v>
      </c>
      <c r="B37" s="22">
        <v>15</v>
      </c>
      <c r="C37" s="14">
        <v>24</v>
      </c>
      <c r="D37" s="18">
        <v>39</v>
      </c>
    </row>
    <row r="38" spans="1:4" ht="18" customHeight="1" x14ac:dyDescent="0.15">
      <c r="A38" s="5">
        <v>27</v>
      </c>
      <c r="B38" s="22">
        <v>21</v>
      </c>
      <c r="C38" s="14">
        <v>32</v>
      </c>
      <c r="D38" s="18">
        <v>53</v>
      </c>
    </row>
    <row r="39" spans="1:4" ht="18" customHeight="1" x14ac:dyDescent="0.15">
      <c r="A39" s="5">
        <v>28</v>
      </c>
      <c r="B39" s="22">
        <v>19</v>
      </c>
      <c r="C39" s="14">
        <v>23</v>
      </c>
      <c r="D39" s="18">
        <v>42</v>
      </c>
    </row>
    <row r="40" spans="1:4" ht="18" customHeight="1" x14ac:dyDescent="0.15">
      <c r="A40" s="5">
        <v>29</v>
      </c>
      <c r="B40" s="22">
        <v>26</v>
      </c>
      <c r="C40" s="14">
        <v>14</v>
      </c>
      <c r="D40" s="18">
        <v>40</v>
      </c>
    </row>
    <row r="41" spans="1:4" ht="18" customHeight="1" x14ac:dyDescent="0.15">
      <c r="A41" s="5" t="s">
        <v>2</v>
      </c>
      <c r="B41" s="22">
        <v>110</v>
      </c>
      <c r="C41" s="14">
        <v>128</v>
      </c>
      <c r="D41" s="18">
        <v>238</v>
      </c>
    </row>
    <row r="42" spans="1:4" ht="18" customHeight="1" x14ac:dyDescent="0.15">
      <c r="A42" s="5">
        <v>30</v>
      </c>
      <c r="B42" s="22">
        <v>23</v>
      </c>
      <c r="C42" s="14">
        <v>16</v>
      </c>
      <c r="D42" s="18">
        <v>39</v>
      </c>
    </row>
    <row r="43" spans="1:4" ht="18" customHeight="1" x14ac:dyDescent="0.15">
      <c r="A43" s="5">
        <v>31</v>
      </c>
      <c r="B43" s="22">
        <v>17</v>
      </c>
      <c r="C43" s="14">
        <v>26</v>
      </c>
      <c r="D43" s="18">
        <v>43</v>
      </c>
    </row>
    <row r="44" spans="1:4" ht="18" customHeight="1" x14ac:dyDescent="0.15">
      <c r="A44" s="5">
        <v>32</v>
      </c>
      <c r="B44" s="22">
        <v>13</v>
      </c>
      <c r="C44" s="14">
        <v>13</v>
      </c>
      <c r="D44" s="18">
        <v>26</v>
      </c>
    </row>
    <row r="45" spans="1:4" ht="18" customHeight="1" x14ac:dyDescent="0.15">
      <c r="A45" s="5">
        <v>33</v>
      </c>
      <c r="B45" s="22">
        <v>17</v>
      </c>
      <c r="C45" s="14">
        <v>14</v>
      </c>
      <c r="D45" s="18">
        <v>31</v>
      </c>
    </row>
    <row r="46" spans="1:4" ht="18" customHeight="1" x14ac:dyDescent="0.15">
      <c r="A46" s="5">
        <v>34</v>
      </c>
      <c r="B46" s="22">
        <v>18</v>
      </c>
      <c r="C46" s="14">
        <v>13</v>
      </c>
      <c r="D46" s="18">
        <v>31</v>
      </c>
    </row>
    <row r="47" spans="1:4" ht="18" customHeight="1" x14ac:dyDescent="0.15">
      <c r="A47" s="5" t="s">
        <v>15</v>
      </c>
      <c r="B47" s="22">
        <v>88</v>
      </c>
      <c r="C47" s="14">
        <v>82</v>
      </c>
      <c r="D47" s="18">
        <v>170</v>
      </c>
    </row>
    <row r="48" spans="1:4" ht="18" customHeight="1" x14ac:dyDescent="0.15">
      <c r="A48" s="5">
        <v>35</v>
      </c>
      <c r="B48" s="22">
        <v>23</v>
      </c>
      <c r="C48" s="14">
        <v>10</v>
      </c>
      <c r="D48" s="18">
        <v>33</v>
      </c>
    </row>
    <row r="49" spans="1:4" ht="18" customHeight="1" x14ac:dyDescent="0.15">
      <c r="A49" s="5">
        <v>36</v>
      </c>
      <c r="B49" s="22">
        <v>15</v>
      </c>
      <c r="C49" s="14">
        <v>18</v>
      </c>
      <c r="D49" s="18">
        <v>33</v>
      </c>
    </row>
    <row r="50" spans="1:4" ht="18" customHeight="1" x14ac:dyDescent="0.15">
      <c r="A50" s="5">
        <v>37</v>
      </c>
      <c r="B50" s="22">
        <v>22</v>
      </c>
      <c r="C50" s="14">
        <v>13</v>
      </c>
      <c r="D50" s="18">
        <v>35</v>
      </c>
    </row>
    <row r="51" spans="1:4" ht="18" customHeight="1" x14ac:dyDescent="0.15">
      <c r="A51" s="5">
        <v>38</v>
      </c>
      <c r="B51" s="22">
        <v>24</v>
      </c>
      <c r="C51" s="14">
        <v>11</v>
      </c>
      <c r="D51" s="18">
        <v>35</v>
      </c>
    </row>
    <row r="52" spans="1:4" ht="18" customHeight="1" x14ac:dyDescent="0.15">
      <c r="A52" s="5">
        <v>39</v>
      </c>
      <c r="B52" s="22">
        <v>13</v>
      </c>
      <c r="C52" s="14">
        <v>21</v>
      </c>
      <c r="D52" s="18">
        <v>34</v>
      </c>
    </row>
    <row r="53" spans="1:4" ht="18" customHeight="1" x14ac:dyDescent="0.15">
      <c r="A53" s="5" t="s">
        <v>18</v>
      </c>
      <c r="B53" s="22">
        <v>97</v>
      </c>
      <c r="C53" s="14">
        <v>73</v>
      </c>
      <c r="D53" s="18">
        <v>170</v>
      </c>
    </row>
    <row r="54" spans="1:4" ht="18" customHeight="1" x14ac:dyDescent="0.15">
      <c r="A54" s="5">
        <v>40</v>
      </c>
      <c r="B54" s="22">
        <v>20</v>
      </c>
      <c r="C54" s="14">
        <v>26</v>
      </c>
      <c r="D54" s="18">
        <v>46</v>
      </c>
    </row>
    <row r="55" spans="1:4" ht="18" customHeight="1" x14ac:dyDescent="0.15">
      <c r="A55" s="5">
        <v>41</v>
      </c>
      <c r="B55" s="22">
        <v>20</v>
      </c>
      <c r="C55" s="14">
        <v>22</v>
      </c>
      <c r="D55" s="18">
        <v>42</v>
      </c>
    </row>
    <row r="56" spans="1:4" ht="18" customHeight="1" x14ac:dyDescent="0.15">
      <c r="A56" s="5">
        <v>42</v>
      </c>
      <c r="B56" s="22">
        <v>20</v>
      </c>
      <c r="C56" s="14">
        <v>18</v>
      </c>
      <c r="D56" s="18">
        <v>38</v>
      </c>
    </row>
    <row r="57" spans="1:4" ht="18" customHeight="1" x14ac:dyDescent="0.15">
      <c r="A57" s="5">
        <v>43</v>
      </c>
      <c r="B57" s="22">
        <v>20</v>
      </c>
      <c r="C57" s="14">
        <v>19</v>
      </c>
      <c r="D57" s="18">
        <v>39</v>
      </c>
    </row>
    <row r="58" spans="1:4" ht="18" customHeight="1" x14ac:dyDescent="0.15">
      <c r="A58" s="5">
        <v>44</v>
      </c>
      <c r="B58" s="22">
        <v>13</v>
      </c>
      <c r="C58" s="14">
        <v>23</v>
      </c>
      <c r="D58" s="18">
        <v>36</v>
      </c>
    </row>
    <row r="59" spans="1:4" ht="18" customHeight="1" x14ac:dyDescent="0.15">
      <c r="A59" s="5" t="s">
        <v>21</v>
      </c>
      <c r="B59" s="22">
        <v>93</v>
      </c>
      <c r="C59" s="14">
        <v>108</v>
      </c>
      <c r="D59" s="18">
        <v>201</v>
      </c>
    </row>
    <row r="60" spans="1:4" ht="18" customHeight="1" x14ac:dyDescent="0.15">
      <c r="A60" s="5">
        <v>45</v>
      </c>
      <c r="B60" s="22">
        <v>25</v>
      </c>
      <c r="C60" s="14">
        <v>23</v>
      </c>
      <c r="D60" s="18">
        <v>48</v>
      </c>
    </row>
    <row r="61" spans="1:4" ht="18" customHeight="1" x14ac:dyDescent="0.15">
      <c r="A61" s="5">
        <v>46</v>
      </c>
      <c r="B61" s="22">
        <v>23</v>
      </c>
      <c r="C61" s="14">
        <v>30</v>
      </c>
      <c r="D61" s="18">
        <v>53</v>
      </c>
    </row>
    <row r="62" spans="1:4" ht="18" customHeight="1" x14ac:dyDescent="0.15">
      <c r="A62" s="5">
        <v>47</v>
      </c>
      <c r="B62" s="22">
        <v>28</v>
      </c>
      <c r="C62" s="14">
        <v>19</v>
      </c>
      <c r="D62" s="18">
        <v>47</v>
      </c>
    </row>
    <row r="63" spans="1:4" ht="18" customHeight="1" x14ac:dyDescent="0.15">
      <c r="A63" s="5">
        <v>48</v>
      </c>
      <c r="B63" s="22">
        <v>20</v>
      </c>
      <c r="C63" s="14">
        <v>25</v>
      </c>
      <c r="D63" s="18">
        <v>45</v>
      </c>
    </row>
    <row r="64" spans="1:4" ht="18" customHeight="1" x14ac:dyDescent="0.15">
      <c r="A64" s="5">
        <v>49</v>
      </c>
      <c r="B64" s="22">
        <v>35</v>
      </c>
      <c r="C64" s="14">
        <v>36</v>
      </c>
      <c r="D64" s="18">
        <v>71</v>
      </c>
    </row>
    <row r="65" spans="1:4" ht="18" customHeight="1" x14ac:dyDescent="0.15">
      <c r="A65" s="5" t="s">
        <v>17</v>
      </c>
      <c r="B65" s="22">
        <v>131</v>
      </c>
      <c r="C65" s="14">
        <v>133</v>
      </c>
      <c r="D65" s="18">
        <v>264</v>
      </c>
    </row>
    <row r="66" spans="1:4" ht="18" customHeight="1" x14ac:dyDescent="0.15">
      <c r="A66" s="5">
        <v>50</v>
      </c>
      <c r="B66" s="22">
        <v>24</v>
      </c>
      <c r="C66" s="14">
        <v>36</v>
      </c>
      <c r="D66" s="18">
        <v>60</v>
      </c>
    </row>
    <row r="67" spans="1:4" ht="18" customHeight="1" x14ac:dyDescent="0.15">
      <c r="A67" s="5">
        <v>51</v>
      </c>
      <c r="B67" s="22">
        <v>39</v>
      </c>
      <c r="C67" s="14">
        <v>34</v>
      </c>
      <c r="D67" s="18">
        <v>73</v>
      </c>
    </row>
    <row r="68" spans="1:4" ht="18" customHeight="1" x14ac:dyDescent="0.15">
      <c r="A68" s="5">
        <v>52</v>
      </c>
      <c r="B68" s="22">
        <v>36</v>
      </c>
      <c r="C68" s="14">
        <v>33</v>
      </c>
      <c r="D68" s="18">
        <v>69</v>
      </c>
    </row>
    <row r="69" spans="1:4" ht="18" customHeight="1" x14ac:dyDescent="0.15">
      <c r="A69" s="5">
        <v>53</v>
      </c>
      <c r="B69" s="22">
        <v>37</v>
      </c>
      <c r="C69" s="14">
        <v>49</v>
      </c>
      <c r="D69" s="18">
        <v>86</v>
      </c>
    </row>
    <row r="70" spans="1:4" ht="18" customHeight="1" x14ac:dyDescent="0.15">
      <c r="A70" s="5">
        <v>54</v>
      </c>
      <c r="B70" s="22">
        <v>32</v>
      </c>
      <c r="C70" s="14">
        <v>35</v>
      </c>
      <c r="D70" s="18">
        <v>67</v>
      </c>
    </row>
    <row r="71" spans="1:4" ht="18" customHeight="1" x14ac:dyDescent="0.15">
      <c r="A71" s="5" t="s">
        <v>22</v>
      </c>
      <c r="B71" s="22">
        <v>168</v>
      </c>
      <c r="C71" s="14">
        <v>187</v>
      </c>
      <c r="D71" s="18">
        <v>355</v>
      </c>
    </row>
    <row r="72" spans="1:4" ht="18" customHeight="1" x14ac:dyDescent="0.15">
      <c r="A72" s="5">
        <v>55</v>
      </c>
      <c r="B72" s="22">
        <v>27</v>
      </c>
      <c r="C72" s="14">
        <v>33</v>
      </c>
      <c r="D72" s="18">
        <v>60</v>
      </c>
    </row>
    <row r="73" spans="1:4" ht="18" customHeight="1" x14ac:dyDescent="0.15">
      <c r="A73" s="5">
        <v>56</v>
      </c>
      <c r="B73" s="22">
        <v>33</v>
      </c>
      <c r="C73" s="14">
        <v>34</v>
      </c>
      <c r="D73" s="18">
        <v>67</v>
      </c>
    </row>
    <row r="74" spans="1:4" ht="18" customHeight="1" x14ac:dyDescent="0.15">
      <c r="A74" s="5">
        <v>57</v>
      </c>
      <c r="B74" s="22">
        <v>21</v>
      </c>
      <c r="C74" s="14">
        <v>32</v>
      </c>
      <c r="D74" s="18">
        <v>53</v>
      </c>
    </row>
    <row r="75" spans="1:4" ht="18" customHeight="1" x14ac:dyDescent="0.15">
      <c r="A75" s="5">
        <v>58</v>
      </c>
      <c r="B75" s="22">
        <v>26</v>
      </c>
      <c r="C75" s="14">
        <v>29</v>
      </c>
      <c r="D75" s="18">
        <v>55</v>
      </c>
    </row>
    <row r="76" spans="1:4" ht="18" customHeight="1" x14ac:dyDescent="0.15">
      <c r="A76" s="5">
        <v>59</v>
      </c>
      <c r="B76" s="22">
        <v>42</v>
      </c>
      <c r="C76" s="14">
        <v>32</v>
      </c>
      <c r="D76" s="18">
        <v>74</v>
      </c>
    </row>
    <row r="77" spans="1:4" ht="18" customHeight="1" x14ac:dyDescent="0.15">
      <c r="A77" s="5" t="s">
        <v>27</v>
      </c>
      <c r="B77" s="22">
        <v>149</v>
      </c>
      <c r="C77" s="14">
        <v>160</v>
      </c>
      <c r="D77" s="18">
        <v>309</v>
      </c>
    </row>
    <row r="78" spans="1:4" ht="18" customHeight="1" x14ac:dyDescent="0.15">
      <c r="A78" s="5">
        <v>60</v>
      </c>
      <c r="B78" s="22">
        <v>27</v>
      </c>
      <c r="C78" s="14">
        <v>29</v>
      </c>
      <c r="D78" s="18">
        <v>56</v>
      </c>
    </row>
    <row r="79" spans="1:4" ht="18" customHeight="1" x14ac:dyDescent="0.15">
      <c r="A79" s="5">
        <v>61</v>
      </c>
      <c r="B79" s="22">
        <v>24</v>
      </c>
      <c r="C79" s="14">
        <v>40</v>
      </c>
      <c r="D79" s="18">
        <v>64</v>
      </c>
    </row>
    <row r="80" spans="1:4" ht="18" customHeight="1" x14ac:dyDescent="0.15">
      <c r="A80" s="5">
        <v>62</v>
      </c>
      <c r="B80" s="22">
        <v>26</v>
      </c>
      <c r="C80" s="14">
        <v>18</v>
      </c>
      <c r="D80" s="18">
        <v>44</v>
      </c>
    </row>
    <row r="81" spans="1:4" ht="18" customHeight="1" x14ac:dyDescent="0.15">
      <c r="A81" s="5">
        <v>63</v>
      </c>
      <c r="B81" s="22">
        <v>34</v>
      </c>
      <c r="C81" s="14">
        <v>20</v>
      </c>
      <c r="D81" s="18">
        <v>54</v>
      </c>
    </row>
    <row r="82" spans="1:4" ht="18" customHeight="1" x14ac:dyDescent="0.15">
      <c r="A82" s="5">
        <v>64</v>
      </c>
      <c r="B82" s="22">
        <v>20</v>
      </c>
      <c r="C82" s="14">
        <v>22</v>
      </c>
      <c r="D82" s="18">
        <v>42</v>
      </c>
    </row>
    <row r="83" spans="1:4" ht="18" customHeight="1" x14ac:dyDescent="0.15">
      <c r="A83" s="5" t="s">
        <v>28</v>
      </c>
      <c r="B83" s="22">
        <v>131</v>
      </c>
      <c r="C83" s="14">
        <v>129</v>
      </c>
      <c r="D83" s="18">
        <v>260</v>
      </c>
    </row>
    <row r="84" spans="1:4" ht="18" customHeight="1" x14ac:dyDescent="0.15">
      <c r="A84" s="5" t="s">
        <v>31</v>
      </c>
      <c r="B84" s="22">
        <v>1155</v>
      </c>
      <c r="C84" s="14">
        <v>1182</v>
      </c>
      <c r="D84" s="18">
        <v>2337</v>
      </c>
    </row>
    <row r="85" spans="1:4" ht="18" customHeight="1" x14ac:dyDescent="0.15">
      <c r="A85" s="5">
        <v>65</v>
      </c>
      <c r="B85" s="22">
        <v>35</v>
      </c>
      <c r="C85" s="14">
        <v>31</v>
      </c>
      <c r="D85" s="18">
        <v>66</v>
      </c>
    </row>
    <row r="86" spans="1:4" ht="18" customHeight="1" x14ac:dyDescent="0.15">
      <c r="A86" s="5">
        <v>66</v>
      </c>
      <c r="B86" s="22">
        <v>25</v>
      </c>
      <c r="C86" s="14">
        <v>20</v>
      </c>
      <c r="D86" s="18">
        <v>45</v>
      </c>
    </row>
    <row r="87" spans="1:4" ht="18" customHeight="1" x14ac:dyDescent="0.15">
      <c r="A87" s="5">
        <v>67</v>
      </c>
      <c r="B87" s="22">
        <v>19</v>
      </c>
      <c r="C87" s="14">
        <v>30</v>
      </c>
      <c r="D87" s="18">
        <v>49</v>
      </c>
    </row>
    <row r="88" spans="1:4" ht="18" customHeight="1" x14ac:dyDescent="0.15">
      <c r="A88" s="5">
        <v>68</v>
      </c>
      <c r="B88" s="22">
        <v>17</v>
      </c>
      <c r="C88" s="14">
        <v>22</v>
      </c>
      <c r="D88" s="18">
        <v>39</v>
      </c>
    </row>
    <row r="89" spans="1:4" ht="18" customHeight="1" x14ac:dyDescent="0.15">
      <c r="A89" s="5">
        <v>69</v>
      </c>
      <c r="B89" s="22">
        <v>17</v>
      </c>
      <c r="C89" s="14">
        <v>21</v>
      </c>
      <c r="D89" s="18">
        <v>38</v>
      </c>
    </row>
    <row r="90" spans="1:4" ht="18" customHeight="1" x14ac:dyDescent="0.15">
      <c r="A90" s="5" t="s">
        <v>20</v>
      </c>
      <c r="B90" s="22">
        <v>113</v>
      </c>
      <c r="C90" s="14">
        <v>124</v>
      </c>
      <c r="D90" s="18">
        <v>237</v>
      </c>
    </row>
    <row r="91" spans="1:4" ht="18" customHeight="1" x14ac:dyDescent="0.15">
      <c r="A91" s="5">
        <v>70</v>
      </c>
      <c r="B91" s="22">
        <v>17</v>
      </c>
      <c r="C91" s="14">
        <v>27</v>
      </c>
      <c r="D91" s="18">
        <v>44</v>
      </c>
    </row>
    <row r="92" spans="1:4" ht="18" customHeight="1" x14ac:dyDescent="0.15">
      <c r="A92" s="5">
        <v>71</v>
      </c>
      <c r="B92" s="22">
        <v>25</v>
      </c>
      <c r="C92" s="14">
        <v>24</v>
      </c>
      <c r="D92" s="18">
        <v>49</v>
      </c>
    </row>
    <row r="93" spans="1:4" ht="18" customHeight="1" x14ac:dyDescent="0.15">
      <c r="A93" s="5">
        <v>72</v>
      </c>
      <c r="B93" s="22">
        <v>32</v>
      </c>
      <c r="C93" s="14">
        <v>21</v>
      </c>
      <c r="D93" s="18">
        <v>53</v>
      </c>
    </row>
    <row r="94" spans="1:4" ht="18" customHeight="1" x14ac:dyDescent="0.15">
      <c r="A94" s="5">
        <v>73</v>
      </c>
      <c r="B94" s="22">
        <v>19</v>
      </c>
      <c r="C94" s="14">
        <v>30</v>
      </c>
      <c r="D94" s="18">
        <v>49</v>
      </c>
    </row>
    <row r="95" spans="1:4" ht="18" customHeight="1" x14ac:dyDescent="0.15">
      <c r="A95" s="5">
        <v>74</v>
      </c>
      <c r="B95" s="22">
        <v>22</v>
      </c>
      <c r="C95" s="14">
        <v>27</v>
      </c>
      <c r="D95" s="18">
        <v>49</v>
      </c>
    </row>
    <row r="96" spans="1:4" ht="18" customHeight="1" x14ac:dyDescent="0.15">
      <c r="A96" s="5" t="s">
        <v>33</v>
      </c>
      <c r="B96" s="22">
        <v>115</v>
      </c>
      <c r="C96" s="14">
        <v>129</v>
      </c>
      <c r="D96" s="18">
        <v>244</v>
      </c>
    </row>
    <row r="97" spans="1:4" ht="18" customHeight="1" x14ac:dyDescent="0.15">
      <c r="A97" s="5">
        <v>75</v>
      </c>
      <c r="B97" s="22">
        <v>26</v>
      </c>
      <c r="C97" s="14">
        <v>32</v>
      </c>
      <c r="D97" s="18">
        <v>58</v>
      </c>
    </row>
    <row r="98" spans="1:4" ht="18" customHeight="1" x14ac:dyDescent="0.15">
      <c r="A98" s="5">
        <v>76</v>
      </c>
      <c r="B98" s="22">
        <v>36</v>
      </c>
      <c r="C98" s="14">
        <v>42</v>
      </c>
      <c r="D98" s="18">
        <v>78</v>
      </c>
    </row>
    <row r="99" spans="1:4" ht="18" customHeight="1" x14ac:dyDescent="0.15">
      <c r="A99" s="5">
        <v>77</v>
      </c>
      <c r="B99" s="22">
        <v>23</v>
      </c>
      <c r="C99" s="14">
        <v>30</v>
      </c>
      <c r="D99" s="18">
        <v>53</v>
      </c>
    </row>
    <row r="100" spans="1:4" ht="18" customHeight="1" x14ac:dyDescent="0.15">
      <c r="A100" s="5">
        <v>78</v>
      </c>
      <c r="B100" s="22">
        <v>24</v>
      </c>
      <c r="C100" s="14">
        <v>42</v>
      </c>
      <c r="D100" s="18">
        <v>66</v>
      </c>
    </row>
    <row r="101" spans="1:4" ht="18" customHeight="1" x14ac:dyDescent="0.15">
      <c r="A101" s="5">
        <v>79</v>
      </c>
      <c r="B101" s="22">
        <v>19</v>
      </c>
      <c r="C101" s="14">
        <v>23</v>
      </c>
      <c r="D101" s="18">
        <v>42</v>
      </c>
    </row>
    <row r="102" spans="1:4" ht="18" customHeight="1" x14ac:dyDescent="0.15">
      <c r="A102" s="5" t="s">
        <v>0</v>
      </c>
      <c r="B102" s="22">
        <v>128</v>
      </c>
      <c r="C102" s="14">
        <v>169</v>
      </c>
      <c r="D102" s="18">
        <v>297</v>
      </c>
    </row>
    <row r="103" spans="1:4" ht="18" customHeight="1" x14ac:dyDescent="0.15">
      <c r="A103" s="5">
        <v>80</v>
      </c>
      <c r="B103" s="22">
        <v>14</v>
      </c>
      <c r="C103" s="14">
        <v>19</v>
      </c>
      <c r="D103" s="18">
        <v>33</v>
      </c>
    </row>
    <row r="104" spans="1:4" ht="18" customHeight="1" x14ac:dyDescent="0.15">
      <c r="A104" s="5">
        <v>81</v>
      </c>
      <c r="B104" s="22">
        <v>16</v>
      </c>
      <c r="C104" s="14">
        <v>25</v>
      </c>
      <c r="D104" s="18">
        <v>41</v>
      </c>
    </row>
    <row r="105" spans="1:4" ht="18" customHeight="1" x14ac:dyDescent="0.15">
      <c r="A105" s="5">
        <v>82</v>
      </c>
      <c r="B105" s="22">
        <v>13</v>
      </c>
      <c r="C105" s="14">
        <v>31</v>
      </c>
      <c r="D105" s="18">
        <v>44</v>
      </c>
    </row>
    <row r="106" spans="1:4" ht="18" customHeight="1" x14ac:dyDescent="0.15">
      <c r="A106" s="5">
        <v>83</v>
      </c>
      <c r="B106" s="22">
        <v>15</v>
      </c>
      <c r="C106" s="14">
        <v>24</v>
      </c>
      <c r="D106" s="18">
        <v>39</v>
      </c>
    </row>
    <row r="107" spans="1:4" ht="18" customHeight="1" x14ac:dyDescent="0.15">
      <c r="A107" s="5">
        <v>84</v>
      </c>
      <c r="B107" s="22">
        <v>17</v>
      </c>
      <c r="C107" s="14">
        <v>32</v>
      </c>
      <c r="D107" s="18">
        <v>49</v>
      </c>
    </row>
    <row r="108" spans="1:4" ht="18" customHeight="1" x14ac:dyDescent="0.15">
      <c r="A108" s="5" t="s">
        <v>35</v>
      </c>
      <c r="B108" s="22">
        <v>75</v>
      </c>
      <c r="C108" s="14">
        <v>131</v>
      </c>
      <c r="D108" s="18">
        <v>206</v>
      </c>
    </row>
    <row r="109" spans="1:4" ht="18" customHeight="1" x14ac:dyDescent="0.15">
      <c r="A109" s="5">
        <v>85</v>
      </c>
      <c r="B109" s="22">
        <v>17</v>
      </c>
      <c r="C109" s="14">
        <v>26</v>
      </c>
      <c r="D109" s="18">
        <v>43</v>
      </c>
    </row>
    <row r="110" spans="1:4" ht="18" customHeight="1" x14ac:dyDescent="0.15">
      <c r="A110" s="5">
        <v>86</v>
      </c>
      <c r="B110" s="22">
        <v>17</v>
      </c>
      <c r="C110" s="14">
        <v>13</v>
      </c>
      <c r="D110" s="18">
        <v>30</v>
      </c>
    </row>
    <row r="111" spans="1:4" ht="18" customHeight="1" x14ac:dyDescent="0.15">
      <c r="A111" s="5">
        <v>87</v>
      </c>
      <c r="B111" s="22">
        <v>7</v>
      </c>
      <c r="C111" s="14">
        <v>20</v>
      </c>
      <c r="D111" s="18">
        <v>27</v>
      </c>
    </row>
    <row r="112" spans="1:4" ht="18" customHeight="1" x14ac:dyDescent="0.15">
      <c r="A112" s="5">
        <v>88</v>
      </c>
      <c r="B112" s="22">
        <v>12</v>
      </c>
      <c r="C112" s="14">
        <v>16</v>
      </c>
      <c r="D112" s="18">
        <v>28</v>
      </c>
    </row>
    <row r="113" spans="1:4" ht="18" customHeight="1" x14ac:dyDescent="0.15">
      <c r="A113" s="5">
        <v>89</v>
      </c>
      <c r="B113" s="22">
        <v>1</v>
      </c>
      <c r="C113" s="14">
        <v>11</v>
      </c>
      <c r="D113" s="18">
        <v>12</v>
      </c>
    </row>
    <row r="114" spans="1:4" ht="18" customHeight="1" x14ac:dyDescent="0.15">
      <c r="A114" s="5" t="s">
        <v>37</v>
      </c>
      <c r="B114" s="22">
        <v>54</v>
      </c>
      <c r="C114" s="14">
        <v>86</v>
      </c>
      <c r="D114" s="18">
        <v>140</v>
      </c>
    </row>
    <row r="115" spans="1:4" ht="18" customHeight="1" x14ac:dyDescent="0.15">
      <c r="A115" s="5">
        <v>90</v>
      </c>
      <c r="B115" s="22">
        <v>7</v>
      </c>
      <c r="C115" s="14">
        <v>14</v>
      </c>
      <c r="D115" s="18">
        <v>21</v>
      </c>
    </row>
    <row r="116" spans="1:4" ht="18" customHeight="1" x14ac:dyDescent="0.15">
      <c r="A116" s="5">
        <v>91</v>
      </c>
      <c r="B116" s="22">
        <v>5</v>
      </c>
      <c r="C116" s="14">
        <v>7</v>
      </c>
      <c r="D116" s="18">
        <v>12</v>
      </c>
    </row>
    <row r="117" spans="1:4" ht="18" customHeight="1" x14ac:dyDescent="0.15">
      <c r="A117" s="5">
        <v>92</v>
      </c>
      <c r="B117" s="22">
        <v>5</v>
      </c>
      <c r="C117" s="14">
        <v>6</v>
      </c>
      <c r="D117" s="18">
        <v>11</v>
      </c>
    </row>
    <row r="118" spans="1:4" ht="18" customHeight="1" x14ac:dyDescent="0.15">
      <c r="A118" s="5">
        <v>93</v>
      </c>
      <c r="B118" s="22">
        <v>4</v>
      </c>
      <c r="C118" s="14">
        <v>10</v>
      </c>
      <c r="D118" s="18">
        <v>14</v>
      </c>
    </row>
    <row r="119" spans="1:4" ht="18" customHeight="1" x14ac:dyDescent="0.15">
      <c r="A119" s="5">
        <v>94</v>
      </c>
      <c r="B119" s="22">
        <v>3</v>
      </c>
      <c r="C119" s="14">
        <v>9</v>
      </c>
      <c r="D119" s="18">
        <v>12</v>
      </c>
    </row>
    <row r="120" spans="1:4" ht="18" customHeight="1" x14ac:dyDescent="0.15">
      <c r="A120" s="5" t="s">
        <v>39</v>
      </c>
      <c r="B120" s="22">
        <v>24</v>
      </c>
      <c r="C120" s="14">
        <v>46</v>
      </c>
      <c r="D120" s="18">
        <v>70</v>
      </c>
    </row>
    <row r="121" spans="1:4" ht="18" customHeight="1" x14ac:dyDescent="0.15">
      <c r="A121" s="5">
        <v>95</v>
      </c>
      <c r="B121" s="22">
        <v>0</v>
      </c>
      <c r="C121" s="14">
        <v>3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1</v>
      </c>
      <c r="C124" s="14">
        <v>2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1</v>
      </c>
      <c r="C126" s="14">
        <v>8</v>
      </c>
      <c r="D126" s="18">
        <v>9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510</v>
      </c>
      <c r="C130" s="14">
        <v>695</v>
      </c>
      <c r="D130" s="18">
        <v>1205</v>
      </c>
    </row>
    <row r="131" spans="1:4" ht="18" customHeight="1" x14ac:dyDescent="0.15">
      <c r="A131" s="7" t="s">
        <v>45</v>
      </c>
      <c r="B131" s="23">
        <v>1847</v>
      </c>
      <c r="C131" s="15">
        <v>2084</v>
      </c>
      <c r="D131" s="19">
        <v>393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sheetPr codeName="Sheet2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7</v>
      </c>
      <c r="C5" s="13">
        <v>6</v>
      </c>
      <c r="D5" s="17">
        <v>13</v>
      </c>
    </row>
    <row r="6" spans="1:4" ht="18" customHeight="1" x14ac:dyDescent="0.15">
      <c r="A6" s="5">
        <v>1</v>
      </c>
      <c r="B6" s="22">
        <v>3</v>
      </c>
      <c r="C6" s="14">
        <v>9</v>
      </c>
      <c r="D6" s="18">
        <v>12</v>
      </c>
    </row>
    <row r="7" spans="1:4" ht="18" customHeight="1" x14ac:dyDescent="0.15">
      <c r="A7" s="5">
        <v>2</v>
      </c>
      <c r="B7" s="22">
        <v>7</v>
      </c>
      <c r="C7" s="14">
        <v>7</v>
      </c>
      <c r="D7" s="18">
        <v>14</v>
      </c>
    </row>
    <row r="8" spans="1:4" ht="18" customHeight="1" x14ac:dyDescent="0.15">
      <c r="A8" s="5">
        <v>3</v>
      </c>
      <c r="B8" s="22">
        <v>9</v>
      </c>
      <c r="C8" s="14">
        <v>6</v>
      </c>
      <c r="D8" s="18">
        <v>15</v>
      </c>
    </row>
    <row r="9" spans="1:4" ht="18" customHeight="1" x14ac:dyDescent="0.15">
      <c r="A9" s="5">
        <v>4</v>
      </c>
      <c r="B9" s="22">
        <v>7</v>
      </c>
      <c r="C9" s="14">
        <v>6</v>
      </c>
      <c r="D9" s="18">
        <v>13</v>
      </c>
    </row>
    <row r="10" spans="1:4" ht="18" customHeight="1" x14ac:dyDescent="0.15">
      <c r="A10" s="5" t="s">
        <v>7</v>
      </c>
      <c r="B10" s="22">
        <v>33</v>
      </c>
      <c r="C10" s="14">
        <v>34</v>
      </c>
      <c r="D10" s="18">
        <v>67</v>
      </c>
    </row>
    <row r="11" spans="1:4" ht="18" customHeight="1" x14ac:dyDescent="0.15">
      <c r="A11" s="5">
        <v>5</v>
      </c>
      <c r="B11" s="22">
        <v>3</v>
      </c>
      <c r="C11" s="14">
        <v>8</v>
      </c>
      <c r="D11" s="18">
        <v>11</v>
      </c>
    </row>
    <row r="12" spans="1:4" ht="18" customHeight="1" x14ac:dyDescent="0.15">
      <c r="A12" s="5">
        <v>6</v>
      </c>
      <c r="B12" s="22">
        <v>10</v>
      </c>
      <c r="C12" s="14">
        <v>8</v>
      </c>
      <c r="D12" s="18">
        <v>18</v>
      </c>
    </row>
    <row r="13" spans="1:4" ht="18" customHeight="1" x14ac:dyDescent="0.15">
      <c r="A13" s="5">
        <v>7</v>
      </c>
      <c r="B13" s="22">
        <v>4</v>
      </c>
      <c r="C13" s="14">
        <v>4</v>
      </c>
      <c r="D13" s="18">
        <v>8</v>
      </c>
    </row>
    <row r="14" spans="1:4" ht="18" customHeight="1" x14ac:dyDescent="0.15">
      <c r="A14" s="5">
        <v>8</v>
      </c>
      <c r="B14" s="22">
        <v>5</v>
      </c>
      <c r="C14" s="14">
        <v>10</v>
      </c>
      <c r="D14" s="18">
        <v>15</v>
      </c>
    </row>
    <row r="15" spans="1:4" ht="18" customHeight="1" x14ac:dyDescent="0.15">
      <c r="A15" s="5">
        <v>9</v>
      </c>
      <c r="B15" s="22">
        <v>7</v>
      </c>
      <c r="C15" s="14">
        <v>16</v>
      </c>
      <c r="D15" s="18">
        <v>23</v>
      </c>
    </row>
    <row r="16" spans="1:4" ht="18" customHeight="1" x14ac:dyDescent="0.15">
      <c r="A16" s="5" t="s">
        <v>11</v>
      </c>
      <c r="B16" s="22">
        <v>29</v>
      </c>
      <c r="C16" s="14">
        <v>46</v>
      </c>
      <c r="D16" s="18">
        <v>75</v>
      </c>
    </row>
    <row r="17" spans="1:4" ht="18" customHeight="1" x14ac:dyDescent="0.15">
      <c r="A17" s="5">
        <v>10</v>
      </c>
      <c r="B17" s="22">
        <v>9</v>
      </c>
      <c r="C17" s="14">
        <v>7</v>
      </c>
      <c r="D17" s="18">
        <v>16</v>
      </c>
    </row>
    <row r="18" spans="1:4" ht="18" customHeight="1" x14ac:dyDescent="0.15">
      <c r="A18" s="5">
        <v>11</v>
      </c>
      <c r="B18" s="22">
        <v>6</v>
      </c>
      <c r="C18" s="14">
        <v>6</v>
      </c>
      <c r="D18" s="18">
        <v>12</v>
      </c>
    </row>
    <row r="19" spans="1:4" ht="18" customHeight="1" x14ac:dyDescent="0.15">
      <c r="A19" s="5">
        <v>12</v>
      </c>
      <c r="B19" s="22">
        <v>7</v>
      </c>
      <c r="C19" s="14">
        <v>6</v>
      </c>
      <c r="D19" s="18">
        <v>13</v>
      </c>
    </row>
    <row r="20" spans="1:4" ht="18" customHeight="1" x14ac:dyDescent="0.15">
      <c r="A20" s="5">
        <v>13</v>
      </c>
      <c r="B20" s="22">
        <v>10</v>
      </c>
      <c r="C20" s="14">
        <v>7</v>
      </c>
      <c r="D20" s="18">
        <v>17</v>
      </c>
    </row>
    <row r="21" spans="1:4" ht="18" customHeight="1" x14ac:dyDescent="0.15">
      <c r="A21" s="5">
        <v>14</v>
      </c>
      <c r="B21" s="22">
        <v>6</v>
      </c>
      <c r="C21" s="14">
        <v>18</v>
      </c>
      <c r="D21" s="18">
        <v>24</v>
      </c>
    </row>
    <row r="22" spans="1:4" ht="18" customHeight="1" x14ac:dyDescent="0.15">
      <c r="A22" s="5" t="s">
        <v>12</v>
      </c>
      <c r="B22" s="22">
        <v>38</v>
      </c>
      <c r="C22" s="14">
        <v>44</v>
      </c>
      <c r="D22" s="18">
        <v>82</v>
      </c>
    </row>
    <row r="23" spans="1:4" ht="18" customHeight="1" x14ac:dyDescent="0.15">
      <c r="A23" s="5" t="s">
        <v>6</v>
      </c>
      <c r="B23" s="22">
        <v>100</v>
      </c>
      <c r="C23" s="14">
        <v>124</v>
      </c>
      <c r="D23" s="18">
        <v>224</v>
      </c>
    </row>
    <row r="24" spans="1:4" ht="18" customHeight="1" x14ac:dyDescent="0.15">
      <c r="A24" s="5">
        <v>15</v>
      </c>
      <c r="B24" s="22">
        <v>17</v>
      </c>
      <c r="C24" s="14">
        <v>13</v>
      </c>
      <c r="D24" s="18">
        <v>30</v>
      </c>
    </row>
    <row r="25" spans="1:4" ht="18" customHeight="1" x14ac:dyDescent="0.15">
      <c r="A25" s="5">
        <v>16</v>
      </c>
      <c r="B25" s="22">
        <v>7</v>
      </c>
      <c r="C25" s="14">
        <v>5</v>
      </c>
      <c r="D25" s="18">
        <v>12</v>
      </c>
    </row>
    <row r="26" spans="1:4" ht="18" customHeight="1" x14ac:dyDescent="0.15">
      <c r="A26" s="5">
        <v>17</v>
      </c>
      <c r="B26" s="22">
        <v>9</v>
      </c>
      <c r="C26" s="14">
        <v>11</v>
      </c>
      <c r="D26" s="18">
        <v>20</v>
      </c>
    </row>
    <row r="27" spans="1:4" ht="18" customHeight="1" x14ac:dyDescent="0.15">
      <c r="A27" s="5">
        <v>18</v>
      </c>
      <c r="B27" s="22">
        <v>7</v>
      </c>
      <c r="C27" s="14">
        <v>8</v>
      </c>
      <c r="D27" s="18">
        <v>15</v>
      </c>
    </row>
    <row r="28" spans="1:4" ht="18" customHeight="1" x14ac:dyDescent="0.15">
      <c r="A28" s="5">
        <v>19</v>
      </c>
      <c r="B28" s="22">
        <v>14</v>
      </c>
      <c r="C28" s="14">
        <v>9</v>
      </c>
      <c r="D28" s="18">
        <v>23</v>
      </c>
    </row>
    <row r="29" spans="1:4" ht="18" customHeight="1" x14ac:dyDescent="0.15">
      <c r="A29" s="5" t="s">
        <v>14</v>
      </c>
      <c r="B29" s="22">
        <v>54</v>
      </c>
      <c r="C29" s="14">
        <v>46</v>
      </c>
      <c r="D29" s="18">
        <v>100</v>
      </c>
    </row>
    <row r="30" spans="1:4" ht="18" customHeight="1" x14ac:dyDescent="0.15">
      <c r="A30" s="5">
        <v>20</v>
      </c>
      <c r="B30" s="22">
        <v>12</v>
      </c>
      <c r="C30" s="14">
        <v>9</v>
      </c>
      <c r="D30" s="18">
        <v>21</v>
      </c>
    </row>
    <row r="31" spans="1:4" ht="18" customHeight="1" x14ac:dyDescent="0.15">
      <c r="A31" s="5">
        <v>21</v>
      </c>
      <c r="B31" s="22">
        <v>7</v>
      </c>
      <c r="C31" s="14">
        <v>11</v>
      </c>
      <c r="D31" s="18">
        <v>18</v>
      </c>
    </row>
    <row r="32" spans="1:4" ht="18" customHeight="1" x14ac:dyDescent="0.15">
      <c r="A32" s="5">
        <v>22</v>
      </c>
      <c r="B32" s="22">
        <v>12</v>
      </c>
      <c r="C32" s="14">
        <v>12</v>
      </c>
      <c r="D32" s="18">
        <v>24</v>
      </c>
    </row>
    <row r="33" spans="1:4" ht="18" customHeight="1" x14ac:dyDescent="0.15">
      <c r="A33" s="5">
        <v>23</v>
      </c>
      <c r="B33" s="22">
        <v>9</v>
      </c>
      <c r="C33" s="14">
        <v>10</v>
      </c>
      <c r="D33" s="18">
        <v>19</v>
      </c>
    </row>
    <row r="34" spans="1:4" ht="18" customHeight="1" x14ac:dyDescent="0.15">
      <c r="A34" s="5">
        <v>24</v>
      </c>
      <c r="B34" s="22">
        <v>16</v>
      </c>
      <c r="C34" s="14">
        <v>19</v>
      </c>
      <c r="D34" s="18">
        <v>35</v>
      </c>
    </row>
    <row r="35" spans="1:4" ht="18" customHeight="1" x14ac:dyDescent="0.15">
      <c r="A35" s="5" t="s">
        <v>9</v>
      </c>
      <c r="B35" s="22">
        <v>56</v>
      </c>
      <c r="C35" s="14">
        <v>61</v>
      </c>
      <c r="D35" s="18">
        <v>117</v>
      </c>
    </row>
    <row r="36" spans="1:4" ht="18" customHeight="1" x14ac:dyDescent="0.15">
      <c r="A36" s="5">
        <v>25</v>
      </c>
      <c r="B36" s="22">
        <v>15</v>
      </c>
      <c r="C36" s="14">
        <v>15</v>
      </c>
      <c r="D36" s="18">
        <v>30</v>
      </c>
    </row>
    <row r="37" spans="1:4" ht="18" customHeight="1" x14ac:dyDescent="0.15">
      <c r="A37" s="5">
        <v>26</v>
      </c>
      <c r="B37" s="22">
        <v>15</v>
      </c>
      <c r="C37" s="14">
        <v>7</v>
      </c>
      <c r="D37" s="18">
        <v>22</v>
      </c>
    </row>
    <row r="38" spans="1:4" ht="18" customHeight="1" x14ac:dyDescent="0.15">
      <c r="A38" s="5">
        <v>27</v>
      </c>
      <c r="B38" s="22">
        <v>9</v>
      </c>
      <c r="C38" s="14">
        <v>10</v>
      </c>
      <c r="D38" s="18">
        <v>19</v>
      </c>
    </row>
    <row r="39" spans="1:4" ht="18" customHeight="1" x14ac:dyDescent="0.15">
      <c r="A39" s="5">
        <v>28</v>
      </c>
      <c r="B39" s="22">
        <v>12</v>
      </c>
      <c r="C39" s="14">
        <v>9</v>
      </c>
      <c r="D39" s="18">
        <v>21</v>
      </c>
    </row>
    <row r="40" spans="1:4" ht="18" customHeight="1" x14ac:dyDescent="0.15">
      <c r="A40" s="5">
        <v>29</v>
      </c>
      <c r="B40" s="22">
        <v>11</v>
      </c>
      <c r="C40" s="14">
        <v>13</v>
      </c>
      <c r="D40" s="18">
        <v>24</v>
      </c>
    </row>
    <row r="41" spans="1:4" ht="18" customHeight="1" x14ac:dyDescent="0.15">
      <c r="A41" s="5" t="s">
        <v>2</v>
      </c>
      <c r="B41" s="22">
        <v>62</v>
      </c>
      <c r="C41" s="14">
        <v>54</v>
      </c>
      <c r="D41" s="18">
        <v>116</v>
      </c>
    </row>
    <row r="42" spans="1:4" ht="18" customHeight="1" x14ac:dyDescent="0.15">
      <c r="A42" s="5">
        <v>30</v>
      </c>
      <c r="B42" s="22">
        <v>17</v>
      </c>
      <c r="C42" s="14">
        <v>8</v>
      </c>
      <c r="D42" s="18">
        <v>25</v>
      </c>
    </row>
    <row r="43" spans="1:4" ht="18" customHeight="1" x14ac:dyDescent="0.15">
      <c r="A43" s="5">
        <v>31</v>
      </c>
      <c r="B43" s="22">
        <v>12</v>
      </c>
      <c r="C43" s="14">
        <v>9</v>
      </c>
      <c r="D43" s="18">
        <v>21</v>
      </c>
    </row>
    <row r="44" spans="1:4" ht="18" customHeight="1" x14ac:dyDescent="0.15">
      <c r="A44" s="5">
        <v>32</v>
      </c>
      <c r="B44" s="22">
        <v>12</v>
      </c>
      <c r="C44" s="14">
        <v>7</v>
      </c>
      <c r="D44" s="18">
        <v>19</v>
      </c>
    </row>
    <row r="45" spans="1:4" ht="18" customHeight="1" x14ac:dyDescent="0.15">
      <c r="A45" s="5">
        <v>33</v>
      </c>
      <c r="B45" s="22">
        <v>9</v>
      </c>
      <c r="C45" s="14">
        <v>7</v>
      </c>
      <c r="D45" s="18">
        <v>16</v>
      </c>
    </row>
    <row r="46" spans="1:4" ht="18" customHeight="1" x14ac:dyDescent="0.15">
      <c r="A46" s="5">
        <v>34</v>
      </c>
      <c r="B46" s="22">
        <v>13</v>
      </c>
      <c r="C46" s="14">
        <v>11</v>
      </c>
      <c r="D46" s="18">
        <v>24</v>
      </c>
    </row>
    <row r="47" spans="1:4" ht="18" customHeight="1" x14ac:dyDescent="0.15">
      <c r="A47" s="5" t="s">
        <v>15</v>
      </c>
      <c r="B47" s="22">
        <v>63</v>
      </c>
      <c r="C47" s="14">
        <v>42</v>
      </c>
      <c r="D47" s="18">
        <v>105</v>
      </c>
    </row>
    <row r="48" spans="1:4" ht="18" customHeight="1" x14ac:dyDescent="0.15">
      <c r="A48" s="5">
        <v>35</v>
      </c>
      <c r="B48" s="22">
        <v>20</v>
      </c>
      <c r="C48" s="14">
        <v>7</v>
      </c>
      <c r="D48" s="18">
        <v>27</v>
      </c>
    </row>
    <row r="49" spans="1:4" ht="18" customHeight="1" x14ac:dyDescent="0.15">
      <c r="A49" s="5">
        <v>36</v>
      </c>
      <c r="B49" s="22">
        <v>11</v>
      </c>
      <c r="C49" s="14">
        <v>9</v>
      </c>
      <c r="D49" s="18">
        <v>20</v>
      </c>
    </row>
    <row r="50" spans="1:4" ht="18" customHeight="1" x14ac:dyDescent="0.15">
      <c r="A50" s="5">
        <v>37</v>
      </c>
      <c r="B50" s="22">
        <v>12</v>
      </c>
      <c r="C50" s="14">
        <v>8</v>
      </c>
      <c r="D50" s="18">
        <v>20</v>
      </c>
    </row>
    <row r="51" spans="1:4" ht="18" customHeight="1" x14ac:dyDescent="0.15">
      <c r="A51" s="5">
        <v>38</v>
      </c>
      <c r="B51" s="22">
        <v>10</v>
      </c>
      <c r="C51" s="14">
        <v>13</v>
      </c>
      <c r="D51" s="18">
        <v>23</v>
      </c>
    </row>
    <row r="52" spans="1:4" ht="18" customHeight="1" x14ac:dyDescent="0.15">
      <c r="A52" s="5">
        <v>39</v>
      </c>
      <c r="B52" s="22">
        <v>9</v>
      </c>
      <c r="C52" s="14">
        <v>13</v>
      </c>
      <c r="D52" s="18">
        <v>22</v>
      </c>
    </row>
    <row r="53" spans="1:4" ht="18" customHeight="1" x14ac:dyDescent="0.15">
      <c r="A53" s="5" t="s">
        <v>18</v>
      </c>
      <c r="B53" s="22">
        <v>62</v>
      </c>
      <c r="C53" s="14">
        <v>50</v>
      </c>
      <c r="D53" s="18">
        <v>112</v>
      </c>
    </row>
    <row r="54" spans="1:4" ht="18" customHeight="1" x14ac:dyDescent="0.15">
      <c r="A54" s="5">
        <v>40</v>
      </c>
      <c r="B54" s="22">
        <v>10</v>
      </c>
      <c r="C54" s="14">
        <v>15</v>
      </c>
      <c r="D54" s="18">
        <v>25</v>
      </c>
    </row>
    <row r="55" spans="1:4" ht="18" customHeight="1" x14ac:dyDescent="0.15">
      <c r="A55" s="5">
        <v>41</v>
      </c>
      <c r="B55" s="22">
        <v>9</v>
      </c>
      <c r="C55" s="14">
        <v>14</v>
      </c>
      <c r="D55" s="18">
        <v>23</v>
      </c>
    </row>
    <row r="56" spans="1:4" ht="18" customHeight="1" x14ac:dyDescent="0.15">
      <c r="A56" s="5">
        <v>42</v>
      </c>
      <c r="B56" s="22">
        <v>12</v>
      </c>
      <c r="C56" s="14">
        <v>13</v>
      </c>
      <c r="D56" s="18">
        <v>25</v>
      </c>
    </row>
    <row r="57" spans="1:4" ht="18" customHeight="1" x14ac:dyDescent="0.15">
      <c r="A57" s="5">
        <v>43</v>
      </c>
      <c r="B57" s="22">
        <v>14</v>
      </c>
      <c r="C57" s="14">
        <v>6</v>
      </c>
      <c r="D57" s="18">
        <v>20</v>
      </c>
    </row>
    <row r="58" spans="1:4" ht="18" customHeight="1" x14ac:dyDescent="0.15">
      <c r="A58" s="5">
        <v>44</v>
      </c>
      <c r="B58" s="22">
        <v>14</v>
      </c>
      <c r="C58" s="14">
        <v>8</v>
      </c>
      <c r="D58" s="18">
        <v>22</v>
      </c>
    </row>
    <row r="59" spans="1:4" ht="18" customHeight="1" x14ac:dyDescent="0.15">
      <c r="A59" s="5" t="s">
        <v>21</v>
      </c>
      <c r="B59" s="22">
        <v>59</v>
      </c>
      <c r="C59" s="14">
        <v>56</v>
      </c>
      <c r="D59" s="18">
        <v>115</v>
      </c>
    </row>
    <row r="60" spans="1:4" ht="18" customHeight="1" x14ac:dyDescent="0.15">
      <c r="A60" s="5">
        <v>45</v>
      </c>
      <c r="B60" s="22">
        <v>13</v>
      </c>
      <c r="C60" s="14">
        <v>12</v>
      </c>
      <c r="D60" s="18">
        <v>25</v>
      </c>
    </row>
    <row r="61" spans="1:4" ht="18" customHeight="1" x14ac:dyDescent="0.15">
      <c r="A61" s="5">
        <v>46</v>
      </c>
      <c r="B61" s="22">
        <v>16</v>
      </c>
      <c r="C61" s="14">
        <v>18</v>
      </c>
      <c r="D61" s="18">
        <v>34</v>
      </c>
    </row>
    <row r="62" spans="1:4" ht="18" customHeight="1" x14ac:dyDescent="0.15">
      <c r="A62" s="5">
        <v>47</v>
      </c>
      <c r="B62" s="22">
        <v>27</v>
      </c>
      <c r="C62" s="14">
        <v>15</v>
      </c>
      <c r="D62" s="18">
        <v>42</v>
      </c>
    </row>
    <row r="63" spans="1:4" ht="18" customHeight="1" x14ac:dyDescent="0.15">
      <c r="A63" s="5">
        <v>48</v>
      </c>
      <c r="B63" s="22">
        <v>24</v>
      </c>
      <c r="C63" s="14">
        <v>20</v>
      </c>
      <c r="D63" s="18">
        <v>44</v>
      </c>
    </row>
    <row r="64" spans="1:4" ht="18" customHeight="1" x14ac:dyDescent="0.15">
      <c r="A64" s="5">
        <v>49</v>
      </c>
      <c r="B64" s="22">
        <v>24</v>
      </c>
      <c r="C64" s="14">
        <v>24</v>
      </c>
      <c r="D64" s="18">
        <v>48</v>
      </c>
    </row>
    <row r="65" spans="1:4" ht="18" customHeight="1" x14ac:dyDescent="0.15">
      <c r="A65" s="5" t="s">
        <v>17</v>
      </c>
      <c r="B65" s="22">
        <v>104</v>
      </c>
      <c r="C65" s="14">
        <v>89</v>
      </c>
      <c r="D65" s="18">
        <v>193</v>
      </c>
    </row>
    <row r="66" spans="1:4" ht="18" customHeight="1" x14ac:dyDescent="0.15">
      <c r="A66" s="5">
        <v>50</v>
      </c>
      <c r="B66" s="22">
        <v>22</v>
      </c>
      <c r="C66" s="14">
        <v>16</v>
      </c>
      <c r="D66" s="18">
        <v>38</v>
      </c>
    </row>
    <row r="67" spans="1:4" ht="18" customHeight="1" x14ac:dyDescent="0.15">
      <c r="A67" s="5">
        <v>51</v>
      </c>
      <c r="B67" s="22">
        <v>26</v>
      </c>
      <c r="C67" s="14">
        <v>22</v>
      </c>
      <c r="D67" s="18">
        <v>48</v>
      </c>
    </row>
    <row r="68" spans="1:4" ht="18" customHeight="1" x14ac:dyDescent="0.15">
      <c r="A68" s="5">
        <v>52</v>
      </c>
      <c r="B68" s="22">
        <v>22</v>
      </c>
      <c r="C68" s="14">
        <v>21</v>
      </c>
      <c r="D68" s="18">
        <v>43</v>
      </c>
    </row>
    <row r="69" spans="1:4" ht="18" customHeight="1" x14ac:dyDescent="0.15">
      <c r="A69" s="5">
        <v>53</v>
      </c>
      <c r="B69" s="22">
        <v>21</v>
      </c>
      <c r="C69" s="14">
        <v>19</v>
      </c>
      <c r="D69" s="18">
        <v>40</v>
      </c>
    </row>
    <row r="70" spans="1:4" ht="18" customHeight="1" x14ac:dyDescent="0.15">
      <c r="A70" s="5">
        <v>54</v>
      </c>
      <c r="B70" s="22">
        <v>21</v>
      </c>
      <c r="C70" s="14">
        <v>22</v>
      </c>
      <c r="D70" s="18">
        <v>43</v>
      </c>
    </row>
    <row r="71" spans="1:4" ht="18" customHeight="1" x14ac:dyDescent="0.15">
      <c r="A71" s="5" t="s">
        <v>22</v>
      </c>
      <c r="B71" s="22">
        <v>112</v>
      </c>
      <c r="C71" s="14">
        <v>100</v>
      </c>
      <c r="D71" s="18">
        <v>212</v>
      </c>
    </row>
    <row r="72" spans="1:4" ht="18" customHeight="1" x14ac:dyDescent="0.15">
      <c r="A72" s="5">
        <v>55</v>
      </c>
      <c r="B72" s="22">
        <v>22</v>
      </c>
      <c r="C72" s="14">
        <v>23</v>
      </c>
      <c r="D72" s="18">
        <v>45</v>
      </c>
    </row>
    <row r="73" spans="1:4" ht="18" customHeight="1" x14ac:dyDescent="0.15">
      <c r="A73" s="5">
        <v>56</v>
      </c>
      <c r="B73" s="22">
        <v>22</v>
      </c>
      <c r="C73" s="14">
        <v>20</v>
      </c>
      <c r="D73" s="18">
        <v>42</v>
      </c>
    </row>
    <row r="74" spans="1:4" ht="18" customHeight="1" x14ac:dyDescent="0.15">
      <c r="A74" s="5">
        <v>57</v>
      </c>
      <c r="B74" s="22">
        <v>31</v>
      </c>
      <c r="C74" s="14">
        <v>17</v>
      </c>
      <c r="D74" s="18">
        <v>48</v>
      </c>
    </row>
    <row r="75" spans="1:4" ht="18" customHeight="1" x14ac:dyDescent="0.15">
      <c r="A75" s="5">
        <v>58</v>
      </c>
      <c r="B75" s="22">
        <v>20</v>
      </c>
      <c r="C75" s="14">
        <v>17</v>
      </c>
      <c r="D75" s="18">
        <v>37</v>
      </c>
    </row>
    <row r="76" spans="1:4" ht="18" customHeight="1" x14ac:dyDescent="0.15">
      <c r="A76" s="5">
        <v>59</v>
      </c>
      <c r="B76" s="22">
        <v>17</v>
      </c>
      <c r="C76" s="14">
        <v>18</v>
      </c>
      <c r="D76" s="18">
        <v>35</v>
      </c>
    </row>
    <row r="77" spans="1:4" ht="18" customHeight="1" x14ac:dyDescent="0.15">
      <c r="A77" s="5" t="s">
        <v>27</v>
      </c>
      <c r="B77" s="22">
        <v>112</v>
      </c>
      <c r="C77" s="14">
        <v>95</v>
      </c>
      <c r="D77" s="18">
        <v>207</v>
      </c>
    </row>
    <row r="78" spans="1:4" ht="18" customHeight="1" x14ac:dyDescent="0.15">
      <c r="A78" s="5">
        <v>60</v>
      </c>
      <c r="B78" s="22">
        <v>25</v>
      </c>
      <c r="C78" s="14">
        <v>25</v>
      </c>
      <c r="D78" s="18">
        <v>50</v>
      </c>
    </row>
    <row r="79" spans="1:4" ht="18" customHeight="1" x14ac:dyDescent="0.15">
      <c r="A79" s="5">
        <v>61</v>
      </c>
      <c r="B79" s="22">
        <v>28</v>
      </c>
      <c r="C79" s="14">
        <v>16</v>
      </c>
      <c r="D79" s="18">
        <v>44</v>
      </c>
    </row>
    <row r="80" spans="1:4" ht="18" customHeight="1" x14ac:dyDescent="0.15">
      <c r="A80" s="5">
        <v>62</v>
      </c>
      <c r="B80" s="22">
        <v>22</v>
      </c>
      <c r="C80" s="14">
        <v>24</v>
      </c>
      <c r="D80" s="18">
        <v>46</v>
      </c>
    </row>
    <row r="81" spans="1:4" ht="18" customHeight="1" x14ac:dyDescent="0.15">
      <c r="A81" s="5">
        <v>63</v>
      </c>
      <c r="B81" s="22">
        <v>23</v>
      </c>
      <c r="C81" s="14">
        <v>15</v>
      </c>
      <c r="D81" s="18">
        <v>38</v>
      </c>
    </row>
    <row r="82" spans="1:4" ht="18" customHeight="1" x14ac:dyDescent="0.15">
      <c r="A82" s="5">
        <v>64</v>
      </c>
      <c r="B82" s="22">
        <v>20</v>
      </c>
      <c r="C82" s="14">
        <v>27</v>
      </c>
      <c r="D82" s="18">
        <v>47</v>
      </c>
    </row>
    <row r="83" spans="1:4" ht="18" customHeight="1" x14ac:dyDescent="0.15">
      <c r="A83" s="5" t="s">
        <v>28</v>
      </c>
      <c r="B83" s="22">
        <v>118</v>
      </c>
      <c r="C83" s="14">
        <v>107</v>
      </c>
      <c r="D83" s="18">
        <v>225</v>
      </c>
    </row>
    <row r="84" spans="1:4" ht="18" customHeight="1" x14ac:dyDescent="0.15">
      <c r="A84" s="5" t="s">
        <v>31</v>
      </c>
      <c r="B84" s="22">
        <v>802</v>
      </c>
      <c r="C84" s="14">
        <v>700</v>
      </c>
      <c r="D84" s="18">
        <v>1502</v>
      </c>
    </row>
    <row r="85" spans="1:4" ht="18" customHeight="1" x14ac:dyDescent="0.15">
      <c r="A85" s="5">
        <v>65</v>
      </c>
      <c r="B85" s="22">
        <v>13</v>
      </c>
      <c r="C85" s="14">
        <v>12</v>
      </c>
      <c r="D85" s="18">
        <v>25</v>
      </c>
    </row>
    <row r="86" spans="1:4" ht="18" customHeight="1" x14ac:dyDescent="0.15">
      <c r="A86" s="5">
        <v>66</v>
      </c>
      <c r="B86" s="22">
        <v>12</v>
      </c>
      <c r="C86" s="14">
        <v>17</v>
      </c>
      <c r="D86" s="18">
        <v>29</v>
      </c>
    </row>
    <row r="87" spans="1:4" ht="18" customHeight="1" x14ac:dyDescent="0.15">
      <c r="A87" s="5">
        <v>67</v>
      </c>
      <c r="B87" s="22">
        <v>15</v>
      </c>
      <c r="C87" s="14">
        <v>16</v>
      </c>
      <c r="D87" s="18">
        <v>31</v>
      </c>
    </row>
    <row r="88" spans="1:4" ht="18" customHeight="1" x14ac:dyDescent="0.15">
      <c r="A88" s="5">
        <v>68</v>
      </c>
      <c r="B88" s="22">
        <v>9</v>
      </c>
      <c r="C88" s="14">
        <v>15</v>
      </c>
      <c r="D88" s="18">
        <v>24</v>
      </c>
    </row>
    <row r="89" spans="1:4" ht="18" customHeight="1" x14ac:dyDescent="0.15">
      <c r="A89" s="5">
        <v>69</v>
      </c>
      <c r="B89" s="22">
        <v>17</v>
      </c>
      <c r="C89" s="14">
        <v>17</v>
      </c>
      <c r="D89" s="18">
        <v>34</v>
      </c>
    </row>
    <row r="90" spans="1:4" ht="18" customHeight="1" x14ac:dyDescent="0.15">
      <c r="A90" s="5" t="s">
        <v>20</v>
      </c>
      <c r="B90" s="22">
        <v>66</v>
      </c>
      <c r="C90" s="14">
        <v>77</v>
      </c>
      <c r="D90" s="18">
        <v>143</v>
      </c>
    </row>
    <row r="91" spans="1:4" ht="18" customHeight="1" x14ac:dyDescent="0.15">
      <c r="A91" s="5">
        <v>70</v>
      </c>
      <c r="B91" s="22">
        <v>17</v>
      </c>
      <c r="C91" s="14">
        <v>13</v>
      </c>
      <c r="D91" s="18">
        <v>30</v>
      </c>
    </row>
    <row r="92" spans="1:4" ht="18" customHeight="1" x14ac:dyDescent="0.15">
      <c r="A92" s="5">
        <v>71</v>
      </c>
      <c r="B92" s="22">
        <v>18</v>
      </c>
      <c r="C92" s="14">
        <v>18</v>
      </c>
      <c r="D92" s="18">
        <v>36</v>
      </c>
    </row>
    <row r="93" spans="1:4" ht="18" customHeight="1" x14ac:dyDescent="0.15">
      <c r="A93" s="5">
        <v>72</v>
      </c>
      <c r="B93" s="22">
        <v>14</v>
      </c>
      <c r="C93" s="14">
        <v>27</v>
      </c>
      <c r="D93" s="18">
        <v>41</v>
      </c>
    </row>
    <row r="94" spans="1:4" ht="18" customHeight="1" x14ac:dyDescent="0.15">
      <c r="A94" s="5">
        <v>73</v>
      </c>
      <c r="B94" s="22">
        <v>22</v>
      </c>
      <c r="C94" s="14">
        <v>33</v>
      </c>
      <c r="D94" s="18">
        <v>55</v>
      </c>
    </row>
    <row r="95" spans="1:4" ht="18" customHeight="1" x14ac:dyDescent="0.15">
      <c r="A95" s="5">
        <v>74</v>
      </c>
      <c r="B95" s="22">
        <v>14</v>
      </c>
      <c r="C95" s="14">
        <v>28</v>
      </c>
      <c r="D95" s="18">
        <v>42</v>
      </c>
    </row>
    <row r="96" spans="1:4" ht="18" customHeight="1" x14ac:dyDescent="0.15">
      <c r="A96" s="5" t="s">
        <v>33</v>
      </c>
      <c r="B96" s="22">
        <v>85</v>
      </c>
      <c r="C96" s="14">
        <v>119</v>
      </c>
      <c r="D96" s="18">
        <v>204</v>
      </c>
    </row>
    <row r="97" spans="1:4" ht="18" customHeight="1" x14ac:dyDescent="0.15">
      <c r="A97" s="5">
        <v>75</v>
      </c>
      <c r="B97" s="22">
        <v>20</v>
      </c>
      <c r="C97" s="14">
        <v>29</v>
      </c>
      <c r="D97" s="18">
        <v>49</v>
      </c>
    </row>
    <row r="98" spans="1:4" ht="18" customHeight="1" x14ac:dyDescent="0.15">
      <c r="A98" s="5">
        <v>76</v>
      </c>
      <c r="B98" s="22">
        <v>26</v>
      </c>
      <c r="C98" s="14">
        <v>37</v>
      </c>
      <c r="D98" s="18">
        <v>63</v>
      </c>
    </row>
    <row r="99" spans="1:4" ht="18" customHeight="1" x14ac:dyDescent="0.15">
      <c r="A99" s="5">
        <v>77</v>
      </c>
      <c r="B99" s="22">
        <v>39</v>
      </c>
      <c r="C99" s="14">
        <v>42</v>
      </c>
      <c r="D99" s="18">
        <v>81</v>
      </c>
    </row>
    <row r="100" spans="1:4" ht="18" customHeight="1" x14ac:dyDescent="0.15">
      <c r="A100" s="5">
        <v>78</v>
      </c>
      <c r="B100" s="22">
        <v>37</v>
      </c>
      <c r="C100" s="14">
        <v>36</v>
      </c>
      <c r="D100" s="18">
        <v>73</v>
      </c>
    </row>
    <row r="101" spans="1:4" ht="18" customHeight="1" x14ac:dyDescent="0.15">
      <c r="A101" s="5">
        <v>79</v>
      </c>
      <c r="B101" s="22">
        <v>26</v>
      </c>
      <c r="C101" s="14">
        <v>46</v>
      </c>
      <c r="D101" s="18">
        <v>72</v>
      </c>
    </row>
    <row r="102" spans="1:4" ht="18" customHeight="1" x14ac:dyDescent="0.15">
      <c r="A102" s="5" t="s">
        <v>0</v>
      </c>
      <c r="B102" s="22">
        <v>148</v>
      </c>
      <c r="C102" s="14">
        <v>190</v>
      </c>
      <c r="D102" s="18">
        <v>338</v>
      </c>
    </row>
    <row r="103" spans="1:4" ht="18" customHeight="1" x14ac:dyDescent="0.15">
      <c r="A103" s="5">
        <v>80</v>
      </c>
      <c r="B103" s="22">
        <v>8</v>
      </c>
      <c r="C103" s="14">
        <v>24</v>
      </c>
      <c r="D103" s="18">
        <v>32</v>
      </c>
    </row>
    <row r="104" spans="1:4" ht="18" customHeight="1" x14ac:dyDescent="0.15">
      <c r="A104" s="5">
        <v>81</v>
      </c>
      <c r="B104" s="22">
        <v>24</v>
      </c>
      <c r="C104" s="14">
        <v>35</v>
      </c>
      <c r="D104" s="18">
        <v>59</v>
      </c>
    </row>
    <row r="105" spans="1:4" ht="18" customHeight="1" x14ac:dyDescent="0.15">
      <c r="A105" s="5">
        <v>82</v>
      </c>
      <c r="B105" s="22">
        <v>14</v>
      </c>
      <c r="C105" s="14">
        <v>28</v>
      </c>
      <c r="D105" s="18">
        <v>42</v>
      </c>
    </row>
    <row r="106" spans="1:4" ht="18" customHeight="1" x14ac:dyDescent="0.15">
      <c r="A106" s="5">
        <v>83</v>
      </c>
      <c r="B106" s="22">
        <v>17</v>
      </c>
      <c r="C106" s="14">
        <v>28</v>
      </c>
      <c r="D106" s="18">
        <v>45</v>
      </c>
    </row>
    <row r="107" spans="1:4" ht="18" customHeight="1" x14ac:dyDescent="0.15">
      <c r="A107" s="5">
        <v>84</v>
      </c>
      <c r="B107" s="22">
        <v>20</v>
      </c>
      <c r="C107" s="14">
        <v>32</v>
      </c>
      <c r="D107" s="18">
        <v>52</v>
      </c>
    </row>
    <row r="108" spans="1:4" ht="18" customHeight="1" x14ac:dyDescent="0.15">
      <c r="A108" s="5" t="s">
        <v>35</v>
      </c>
      <c r="B108" s="22">
        <v>83</v>
      </c>
      <c r="C108" s="14">
        <v>147</v>
      </c>
      <c r="D108" s="18">
        <v>230</v>
      </c>
    </row>
    <row r="109" spans="1:4" ht="18" customHeight="1" x14ac:dyDescent="0.15">
      <c r="A109" s="5">
        <v>85</v>
      </c>
      <c r="B109" s="22">
        <v>13</v>
      </c>
      <c r="C109" s="14">
        <v>27</v>
      </c>
      <c r="D109" s="18">
        <v>40</v>
      </c>
    </row>
    <row r="110" spans="1:4" ht="18" customHeight="1" x14ac:dyDescent="0.15">
      <c r="A110" s="5">
        <v>86</v>
      </c>
      <c r="B110" s="22">
        <v>9</v>
      </c>
      <c r="C110" s="14">
        <v>18</v>
      </c>
      <c r="D110" s="18">
        <v>27</v>
      </c>
    </row>
    <row r="111" spans="1:4" ht="18" customHeight="1" x14ac:dyDescent="0.15">
      <c r="A111" s="5">
        <v>87</v>
      </c>
      <c r="B111" s="22">
        <v>5</v>
      </c>
      <c r="C111" s="14">
        <v>22</v>
      </c>
      <c r="D111" s="18">
        <v>27</v>
      </c>
    </row>
    <row r="112" spans="1:4" ht="18" customHeight="1" x14ac:dyDescent="0.15">
      <c r="A112" s="5">
        <v>88</v>
      </c>
      <c r="B112" s="22">
        <v>9</v>
      </c>
      <c r="C112" s="14">
        <v>20</v>
      </c>
      <c r="D112" s="18">
        <v>29</v>
      </c>
    </row>
    <row r="113" spans="1:4" ht="18" customHeight="1" x14ac:dyDescent="0.15">
      <c r="A113" s="5">
        <v>89</v>
      </c>
      <c r="B113" s="22">
        <v>13</v>
      </c>
      <c r="C113" s="14">
        <v>19</v>
      </c>
      <c r="D113" s="18">
        <v>32</v>
      </c>
    </row>
    <row r="114" spans="1:4" ht="18" customHeight="1" x14ac:dyDescent="0.15">
      <c r="A114" s="5" t="s">
        <v>37</v>
      </c>
      <c r="B114" s="22">
        <v>49</v>
      </c>
      <c r="C114" s="14">
        <v>106</v>
      </c>
      <c r="D114" s="18">
        <v>155</v>
      </c>
    </row>
    <row r="115" spans="1:4" ht="18" customHeight="1" x14ac:dyDescent="0.15">
      <c r="A115" s="5">
        <v>90</v>
      </c>
      <c r="B115" s="22">
        <v>6</v>
      </c>
      <c r="C115" s="14">
        <v>20</v>
      </c>
      <c r="D115" s="18">
        <v>26</v>
      </c>
    </row>
    <row r="116" spans="1:4" ht="18" customHeight="1" x14ac:dyDescent="0.15">
      <c r="A116" s="5">
        <v>91</v>
      </c>
      <c r="B116" s="22">
        <v>6</v>
      </c>
      <c r="C116" s="14">
        <v>18</v>
      </c>
      <c r="D116" s="18">
        <v>24</v>
      </c>
    </row>
    <row r="117" spans="1:4" ht="18" customHeight="1" x14ac:dyDescent="0.15">
      <c r="A117" s="5">
        <v>92</v>
      </c>
      <c r="B117" s="22">
        <v>7</v>
      </c>
      <c r="C117" s="14">
        <v>8</v>
      </c>
      <c r="D117" s="18">
        <v>15</v>
      </c>
    </row>
    <row r="118" spans="1:4" ht="18" customHeight="1" x14ac:dyDescent="0.15">
      <c r="A118" s="5">
        <v>93</v>
      </c>
      <c r="B118" s="22">
        <v>4</v>
      </c>
      <c r="C118" s="14">
        <v>16</v>
      </c>
      <c r="D118" s="18">
        <v>20</v>
      </c>
    </row>
    <row r="119" spans="1:4" ht="18" customHeight="1" x14ac:dyDescent="0.15">
      <c r="A119" s="5">
        <v>94</v>
      </c>
      <c r="B119" s="22">
        <v>4</v>
      </c>
      <c r="C119" s="14">
        <v>7</v>
      </c>
      <c r="D119" s="18">
        <v>11</v>
      </c>
    </row>
    <row r="120" spans="1:4" ht="18" customHeight="1" x14ac:dyDescent="0.15">
      <c r="A120" s="5" t="s">
        <v>39</v>
      </c>
      <c r="B120" s="22">
        <v>27</v>
      </c>
      <c r="C120" s="14">
        <v>69</v>
      </c>
      <c r="D120" s="18">
        <v>96</v>
      </c>
    </row>
    <row r="121" spans="1:4" ht="18" customHeight="1" x14ac:dyDescent="0.15">
      <c r="A121" s="5">
        <v>95</v>
      </c>
      <c r="B121" s="22">
        <v>2</v>
      </c>
      <c r="C121" s="14">
        <v>9</v>
      </c>
      <c r="D121" s="18">
        <v>11</v>
      </c>
    </row>
    <row r="122" spans="1:4" ht="18" customHeight="1" x14ac:dyDescent="0.15">
      <c r="A122" s="5">
        <v>96</v>
      </c>
      <c r="B122" s="22">
        <v>0</v>
      </c>
      <c r="C122" s="14">
        <v>6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7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2</v>
      </c>
      <c r="C126" s="14">
        <v>27</v>
      </c>
      <c r="D126" s="18">
        <v>29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460</v>
      </c>
      <c r="C130" s="14">
        <v>739</v>
      </c>
      <c r="D130" s="18">
        <v>1199</v>
      </c>
    </row>
    <row r="131" spans="1:4" ht="18" customHeight="1" x14ac:dyDescent="0.15">
      <c r="A131" s="7" t="s">
        <v>45</v>
      </c>
      <c r="B131" s="23">
        <v>1362</v>
      </c>
      <c r="C131" s="15">
        <v>1563</v>
      </c>
      <c r="D131" s="19">
        <v>292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2">
    <pageSetUpPr fitToPage="1"/>
  </sheetPr>
  <dimension ref="A1:D131"/>
  <sheetViews>
    <sheetView workbookViewId="0">
      <pane ySplit="4" topLeftCell="A110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</v>
      </c>
      <c r="B1" s="44"/>
      <c r="C1" s="44"/>
      <c r="D1" s="44"/>
    </row>
    <row r="2" spans="1:4" ht="14.25" customHeight="1" x14ac:dyDescent="0.15">
      <c r="A2" s="1"/>
      <c r="B2" s="1"/>
      <c r="C2" s="1"/>
      <c r="D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8" t="s">
        <v>47</v>
      </c>
      <c r="C4" s="12" t="s">
        <v>50</v>
      </c>
      <c r="D4" s="16" t="s">
        <v>26</v>
      </c>
    </row>
    <row r="5" spans="1:4" ht="18" customHeight="1" x14ac:dyDescent="0.15">
      <c r="A5" s="4">
        <v>0</v>
      </c>
      <c r="B5" s="9">
        <v>12</v>
      </c>
      <c r="C5" s="13">
        <v>5</v>
      </c>
      <c r="D5" s="17">
        <v>17</v>
      </c>
    </row>
    <row r="6" spans="1:4" ht="18" customHeight="1" x14ac:dyDescent="0.15">
      <c r="A6" s="5">
        <v>1</v>
      </c>
      <c r="B6" s="10">
        <v>4</v>
      </c>
      <c r="C6" s="14">
        <v>5</v>
      </c>
      <c r="D6" s="18">
        <v>9</v>
      </c>
    </row>
    <row r="7" spans="1:4" ht="18" customHeight="1" x14ac:dyDescent="0.15">
      <c r="A7" s="5">
        <v>2</v>
      </c>
      <c r="B7" s="10">
        <v>6</v>
      </c>
      <c r="C7" s="14">
        <v>10</v>
      </c>
      <c r="D7" s="18">
        <v>16</v>
      </c>
    </row>
    <row r="8" spans="1:4" ht="18" customHeight="1" x14ac:dyDescent="0.15">
      <c r="A8" s="5">
        <v>3</v>
      </c>
      <c r="B8" s="10">
        <v>7</v>
      </c>
      <c r="C8" s="14">
        <v>7</v>
      </c>
      <c r="D8" s="18">
        <v>14</v>
      </c>
    </row>
    <row r="9" spans="1:4" ht="18" customHeight="1" x14ac:dyDescent="0.15">
      <c r="A9" s="5">
        <v>4</v>
      </c>
      <c r="B9" s="10">
        <v>9</v>
      </c>
      <c r="C9" s="14">
        <v>7</v>
      </c>
      <c r="D9" s="18">
        <v>16</v>
      </c>
    </row>
    <row r="10" spans="1:4" ht="18" customHeight="1" x14ac:dyDescent="0.15">
      <c r="A10" s="5" t="s">
        <v>7</v>
      </c>
      <c r="B10" s="10">
        <v>38</v>
      </c>
      <c r="C10" s="14">
        <v>34</v>
      </c>
      <c r="D10" s="18">
        <v>72</v>
      </c>
    </row>
    <row r="11" spans="1:4" ht="18" customHeight="1" x14ac:dyDescent="0.15">
      <c r="A11" s="5">
        <v>5</v>
      </c>
      <c r="B11" s="10">
        <v>16</v>
      </c>
      <c r="C11" s="14">
        <v>4</v>
      </c>
      <c r="D11" s="18">
        <v>20</v>
      </c>
    </row>
    <row r="12" spans="1:4" ht="18" customHeight="1" x14ac:dyDescent="0.15">
      <c r="A12" s="5">
        <v>6</v>
      </c>
      <c r="B12" s="10">
        <v>9</v>
      </c>
      <c r="C12" s="14">
        <v>1</v>
      </c>
      <c r="D12" s="18">
        <v>10</v>
      </c>
    </row>
    <row r="13" spans="1:4" ht="18" customHeight="1" x14ac:dyDescent="0.15">
      <c r="A13" s="5">
        <v>7</v>
      </c>
      <c r="B13" s="10">
        <v>5</v>
      </c>
      <c r="C13" s="14">
        <v>8</v>
      </c>
      <c r="D13" s="18">
        <v>13</v>
      </c>
    </row>
    <row r="14" spans="1:4" ht="18" customHeight="1" x14ac:dyDescent="0.15">
      <c r="A14" s="5">
        <v>8</v>
      </c>
      <c r="B14" s="10">
        <v>11</v>
      </c>
      <c r="C14" s="14">
        <v>4</v>
      </c>
      <c r="D14" s="18">
        <v>15</v>
      </c>
    </row>
    <row r="15" spans="1:4" ht="18" customHeight="1" x14ac:dyDescent="0.15">
      <c r="A15" s="5">
        <v>9</v>
      </c>
      <c r="B15" s="10">
        <v>9</v>
      </c>
      <c r="C15" s="14">
        <v>15</v>
      </c>
      <c r="D15" s="18">
        <v>24</v>
      </c>
    </row>
    <row r="16" spans="1:4" ht="18" customHeight="1" x14ac:dyDescent="0.15">
      <c r="A16" s="5" t="s">
        <v>11</v>
      </c>
      <c r="B16" s="10">
        <v>50</v>
      </c>
      <c r="C16" s="14">
        <v>32</v>
      </c>
      <c r="D16" s="18">
        <v>82</v>
      </c>
    </row>
    <row r="17" spans="1:4" ht="18" customHeight="1" x14ac:dyDescent="0.15">
      <c r="A17" s="5">
        <v>10</v>
      </c>
      <c r="B17" s="10">
        <v>3</v>
      </c>
      <c r="C17" s="14">
        <v>9</v>
      </c>
      <c r="D17" s="18">
        <v>12</v>
      </c>
    </row>
    <row r="18" spans="1:4" ht="18" customHeight="1" x14ac:dyDescent="0.15">
      <c r="A18" s="5">
        <v>11</v>
      </c>
      <c r="B18" s="10">
        <v>9</v>
      </c>
      <c r="C18" s="14">
        <v>10</v>
      </c>
      <c r="D18" s="18">
        <v>19</v>
      </c>
    </row>
    <row r="19" spans="1:4" ht="18" customHeight="1" x14ac:dyDescent="0.15">
      <c r="A19" s="5">
        <v>12</v>
      </c>
      <c r="B19" s="10">
        <v>10</v>
      </c>
      <c r="C19" s="14">
        <v>14</v>
      </c>
      <c r="D19" s="18">
        <v>24</v>
      </c>
    </row>
    <row r="20" spans="1:4" ht="18" customHeight="1" x14ac:dyDescent="0.15">
      <c r="A20" s="5">
        <v>13</v>
      </c>
      <c r="B20" s="10">
        <v>6</v>
      </c>
      <c r="C20" s="14">
        <v>8</v>
      </c>
      <c r="D20" s="18">
        <v>14</v>
      </c>
    </row>
    <row r="21" spans="1:4" ht="18" customHeight="1" x14ac:dyDescent="0.15">
      <c r="A21" s="5">
        <v>14</v>
      </c>
      <c r="B21" s="10">
        <v>6</v>
      </c>
      <c r="C21" s="14">
        <v>4</v>
      </c>
      <c r="D21" s="18">
        <v>10</v>
      </c>
    </row>
    <row r="22" spans="1:4" ht="18" customHeight="1" x14ac:dyDescent="0.15">
      <c r="A22" s="5" t="s">
        <v>12</v>
      </c>
      <c r="B22" s="10">
        <v>34</v>
      </c>
      <c r="C22" s="14">
        <v>45</v>
      </c>
      <c r="D22" s="18">
        <v>79</v>
      </c>
    </row>
    <row r="23" spans="1:4" ht="18" customHeight="1" x14ac:dyDescent="0.15">
      <c r="A23" s="5" t="s">
        <v>6</v>
      </c>
      <c r="B23" s="10">
        <v>122</v>
      </c>
      <c r="C23" s="14">
        <v>111</v>
      </c>
      <c r="D23" s="18">
        <v>233</v>
      </c>
    </row>
    <row r="24" spans="1:4" ht="18" customHeight="1" x14ac:dyDescent="0.15">
      <c r="A24" s="5">
        <v>15</v>
      </c>
      <c r="B24" s="10">
        <v>10</v>
      </c>
      <c r="C24" s="14">
        <v>6</v>
      </c>
      <c r="D24" s="18">
        <v>16</v>
      </c>
    </row>
    <row r="25" spans="1:4" ht="18" customHeight="1" x14ac:dyDescent="0.15">
      <c r="A25" s="5">
        <v>16</v>
      </c>
      <c r="B25" s="10">
        <v>10</v>
      </c>
      <c r="C25" s="14">
        <v>2</v>
      </c>
      <c r="D25" s="18">
        <v>12</v>
      </c>
    </row>
    <row r="26" spans="1:4" ht="18" customHeight="1" x14ac:dyDescent="0.15">
      <c r="A26" s="5">
        <v>17</v>
      </c>
      <c r="B26" s="10">
        <v>12</v>
      </c>
      <c r="C26" s="14">
        <v>11</v>
      </c>
      <c r="D26" s="18">
        <v>23</v>
      </c>
    </row>
    <row r="27" spans="1:4" ht="18" customHeight="1" x14ac:dyDescent="0.15">
      <c r="A27" s="5">
        <v>18</v>
      </c>
      <c r="B27" s="10">
        <v>5</v>
      </c>
      <c r="C27" s="14">
        <v>5</v>
      </c>
      <c r="D27" s="18">
        <v>10</v>
      </c>
    </row>
    <row r="28" spans="1:4" ht="18" customHeight="1" x14ac:dyDescent="0.15">
      <c r="A28" s="5">
        <v>19</v>
      </c>
      <c r="B28" s="10">
        <v>4</v>
      </c>
      <c r="C28" s="14">
        <v>10</v>
      </c>
      <c r="D28" s="18">
        <v>14</v>
      </c>
    </row>
    <row r="29" spans="1:4" ht="18" customHeight="1" x14ac:dyDescent="0.15">
      <c r="A29" s="5" t="s">
        <v>14</v>
      </c>
      <c r="B29" s="10">
        <v>41</v>
      </c>
      <c r="C29" s="14">
        <v>34</v>
      </c>
      <c r="D29" s="18">
        <v>75</v>
      </c>
    </row>
    <row r="30" spans="1:4" ht="18" customHeight="1" x14ac:dyDescent="0.15">
      <c r="A30" s="5">
        <v>20</v>
      </c>
      <c r="B30" s="10">
        <v>7</v>
      </c>
      <c r="C30" s="14">
        <v>6</v>
      </c>
      <c r="D30" s="18">
        <v>13</v>
      </c>
    </row>
    <row r="31" spans="1:4" ht="18" customHeight="1" x14ac:dyDescent="0.15">
      <c r="A31" s="5">
        <v>21</v>
      </c>
      <c r="B31" s="10">
        <v>5</v>
      </c>
      <c r="C31" s="14">
        <v>8</v>
      </c>
      <c r="D31" s="18">
        <v>13</v>
      </c>
    </row>
    <row r="32" spans="1:4" ht="18" customHeight="1" x14ac:dyDescent="0.15">
      <c r="A32" s="5">
        <v>22</v>
      </c>
      <c r="B32" s="10">
        <v>8</v>
      </c>
      <c r="C32" s="14">
        <v>5</v>
      </c>
      <c r="D32" s="18">
        <v>13</v>
      </c>
    </row>
    <row r="33" spans="1:4" ht="18" customHeight="1" x14ac:dyDescent="0.15">
      <c r="A33" s="5">
        <v>23</v>
      </c>
      <c r="B33" s="10">
        <v>6</v>
      </c>
      <c r="C33" s="14">
        <v>8</v>
      </c>
      <c r="D33" s="18">
        <v>14</v>
      </c>
    </row>
    <row r="34" spans="1:4" ht="18" customHeight="1" x14ac:dyDescent="0.15">
      <c r="A34" s="5">
        <v>24</v>
      </c>
      <c r="B34" s="10">
        <v>11</v>
      </c>
      <c r="C34" s="14">
        <v>7</v>
      </c>
      <c r="D34" s="18">
        <v>18</v>
      </c>
    </row>
    <row r="35" spans="1:4" ht="18" customHeight="1" x14ac:dyDescent="0.15">
      <c r="A35" s="5" t="s">
        <v>9</v>
      </c>
      <c r="B35" s="10">
        <v>37</v>
      </c>
      <c r="C35" s="14">
        <v>34</v>
      </c>
      <c r="D35" s="18">
        <v>71</v>
      </c>
    </row>
    <row r="36" spans="1:4" ht="18" customHeight="1" x14ac:dyDescent="0.15">
      <c r="A36" s="5">
        <v>25</v>
      </c>
      <c r="B36" s="10">
        <v>5</v>
      </c>
      <c r="C36" s="14">
        <v>8</v>
      </c>
      <c r="D36" s="18">
        <v>13</v>
      </c>
    </row>
    <row r="37" spans="1:4" ht="18" customHeight="1" x14ac:dyDescent="0.15">
      <c r="A37" s="5">
        <v>26</v>
      </c>
      <c r="B37" s="10">
        <v>13</v>
      </c>
      <c r="C37" s="14">
        <v>7</v>
      </c>
      <c r="D37" s="18">
        <v>20</v>
      </c>
    </row>
    <row r="38" spans="1:4" ht="18" customHeight="1" x14ac:dyDescent="0.15">
      <c r="A38" s="5">
        <v>27</v>
      </c>
      <c r="B38" s="10">
        <v>12</v>
      </c>
      <c r="C38" s="14">
        <v>6</v>
      </c>
      <c r="D38" s="18">
        <v>18</v>
      </c>
    </row>
    <row r="39" spans="1:4" ht="18" customHeight="1" x14ac:dyDescent="0.15">
      <c r="A39" s="5">
        <v>28</v>
      </c>
      <c r="B39" s="10">
        <v>6</v>
      </c>
      <c r="C39" s="14">
        <v>3</v>
      </c>
      <c r="D39" s="18">
        <v>9</v>
      </c>
    </row>
    <row r="40" spans="1:4" ht="18" customHeight="1" x14ac:dyDescent="0.15">
      <c r="A40" s="5">
        <v>29</v>
      </c>
      <c r="B40" s="10">
        <v>4</v>
      </c>
      <c r="C40" s="14">
        <v>6</v>
      </c>
      <c r="D40" s="18">
        <v>10</v>
      </c>
    </row>
    <row r="41" spans="1:4" ht="18" customHeight="1" x14ac:dyDescent="0.15">
      <c r="A41" s="5" t="s">
        <v>2</v>
      </c>
      <c r="B41" s="10">
        <v>40</v>
      </c>
      <c r="C41" s="14">
        <v>30</v>
      </c>
      <c r="D41" s="18">
        <v>70</v>
      </c>
    </row>
    <row r="42" spans="1:4" ht="18" customHeight="1" x14ac:dyDescent="0.15">
      <c r="A42" s="5">
        <v>30</v>
      </c>
      <c r="B42" s="10">
        <v>6</v>
      </c>
      <c r="C42" s="14">
        <v>6</v>
      </c>
      <c r="D42" s="18">
        <v>12</v>
      </c>
    </row>
    <row r="43" spans="1:4" ht="18" customHeight="1" x14ac:dyDescent="0.15">
      <c r="A43" s="5">
        <v>31</v>
      </c>
      <c r="B43" s="10">
        <v>8</v>
      </c>
      <c r="C43" s="14">
        <v>6</v>
      </c>
      <c r="D43" s="18">
        <v>14</v>
      </c>
    </row>
    <row r="44" spans="1:4" ht="18" customHeight="1" x14ac:dyDescent="0.15">
      <c r="A44" s="5">
        <v>32</v>
      </c>
      <c r="B44" s="10">
        <v>9</v>
      </c>
      <c r="C44" s="14">
        <v>10</v>
      </c>
      <c r="D44" s="18">
        <v>19</v>
      </c>
    </row>
    <row r="45" spans="1:4" ht="18" customHeight="1" x14ac:dyDescent="0.15">
      <c r="A45" s="5">
        <v>33</v>
      </c>
      <c r="B45" s="10">
        <v>11</v>
      </c>
      <c r="C45" s="14">
        <v>7</v>
      </c>
      <c r="D45" s="18">
        <v>18</v>
      </c>
    </row>
    <row r="46" spans="1:4" ht="18" customHeight="1" x14ac:dyDescent="0.15">
      <c r="A46" s="5">
        <v>34</v>
      </c>
      <c r="B46" s="10">
        <v>4</v>
      </c>
      <c r="C46" s="14">
        <v>14</v>
      </c>
      <c r="D46" s="18">
        <v>18</v>
      </c>
    </row>
    <row r="47" spans="1:4" ht="18" customHeight="1" x14ac:dyDescent="0.15">
      <c r="A47" s="5" t="s">
        <v>15</v>
      </c>
      <c r="B47" s="10">
        <v>38</v>
      </c>
      <c r="C47" s="14">
        <v>43</v>
      </c>
      <c r="D47" s="18">
        <v>81</v>
      </c>
    </row>
    <row r="48" spans="1:4" ht="18" customHeight="1" x14ac:dyDescent="0.15">
      <c r="A48" s="5">
        <v>35</v>
      </c>
      <c r="B48" s="10">
        <v>10</v>
      </c>
      <c r="C48" s="14">
        <v>13</v>
      </c>
      <c r="D48" s="18">
        <v>23</v>
      </c>
    </row>
    <row r="49" spans="1:4" ht="18" customHeight="1" x14ac:dyDescent="0.15">
      <c r="A49" s="5">
        <v>36</v>
      </c>
      <c r="B49" s="10">
        <v>8</v>
      </c>
      <c r="C49" s="14">
        <v>6</v>
      </c>
      <c r="D49" s="18">
        <v>14</v>
      </c>
    </row>
    <row r="50" spans="1:4" ht="18" customHeight="1" x14ac:dyDescent="0.15">
      <c r="A50" s="5">
        <v>37</v>
      </c>
      <c r="B50" s="10">
        <v>17</v>
      </c>
      <c r="C50" s="14">
        <v>7</v>
      </c>
      <c r="D50" s="18">
        <v>24</v>
      </c>
    </row>
    <row r="51" spans="1:4" ht="18" customHeight="1" x14ac:dyDescent="0.15">
      <c r="A51" s="5">
        <v>38</v>
      </c>
      <c r="B51" s="10">
        <v>14</v>
      </c>
      <c r="C51" s="14">
        <v>16</v>
      </c>
      <c r="D51" s="18">
        <v>30</v>
      </c>
    </row>
    <row r="52" spans="1:4" ht="18" customHeight="1" x14ac:dyDescent="0.15">
      <c r="A52" s="5">
        <v>39</v>
      </c>
      <c r="B52" s="10">
        <v>17</v>
      </c>
      <c r="C52" s="14">
        <v>12</v>
      </c>
      <c r="D52" s="18">
        <v>29</v>
      </c>
    </row>
    <row r="53" spans="1:4" ht="18" customHeight="1" x14ac:dyDescent="0.15">
      <c r="A53" s="5" t="s">
        <v>18</v>
      </c>
      <c r="B53" s="10">
        <v>66</v>
      </c>
      <c r="C53" s="14">
        <v>54</v>
      </c>
      <c r="D53" s="18">
        <v>120</v>
      </c>
    </row>
    <row r="54" spans="1:4" ht="18" customHeight="1" x14ac:dyDescent="0.15">
      <c r="A54" s="5">
        <v>40</v>
      </c>
      <c r="B54" s="10">
        <v>18</v>
      </c>
      <c r="C54" s="14">
        <v>15</v>
      </c>
      <c r="D54" s="18">
        <v>33</v>
      </c>
    </row>
    <row r="55" spans="1:4" ht="18" customHeight="1" x14ac:dyDescent="0.15">
      <c r="A55" s="5">
        <v>41</v>
      </c>
      <c r="B55" s="10">
        <v>10</v>
      </c>
      <c r="C55" s="14">
        <v>19</v>
      </c>
      <c r="D55" s="18">
        <v>29</v>
      </c>
    </row>
    <row r="56" spans="1:4" ht="18" customHeight="1" x14ac:dyDescent="0.15">
      <c r="A56" s="5">
        <v>42</v>
      </c>
      <c r="B56" s="10">
        <v>12</v>
      </c>
      <c r="C56" s="14">
        <v>10</v>
      </c>
      <c r="D56" s="18">
        <v>22</v>
      </c>
    </row>
    <row r="57" spans="1:4" ht="18" customHeight="1" x14ac:dyDescent="0.15">
      <c r="A57" s="5">
        <v>43</v>
      </c>
      <c r="B57" s="10">
        <v>16</v>
      </c>
      <c r="C57" s="14">
        <v>8</v>
      </c>
      <c r="D57" s="18">
        <v>24</v>
      </c>
    </row>
    <row r="58" spans="1:4" ht="18" customHeight="1" x14ac:dyDescent="0.15">
      <c r="A58" s="5">
        <v>44</v>
      </c>
      <c r="B58" s="10">
        <v>21</v>
      </c>
      <c r="C58" s="14">
        <v>15</v>
      </c>
      <c r="D58" s="18">
        <v>36</v>
      </c>
    </row>
    <row r="59" spans="1:4" ht="18" customHeight="1" x14ac:dyDescent="0.15">
      <c r="A59" s="5" t="s">
        <v>21</v>
      </c>
      <c r="B59" s="10">
        <v>77</v>
      </c>
      <c r="C59" s="14">
        <v>67</v>
      </c>
      <c r="D59" s="18">
        <v>144</v>
      </c>
    </row>
    <row r="60" spans="1:4" ht="18" customHeight="1" x14ac:dyDescent="0.15">
      <c r="A60" s="5">
        <v>45</v>
      </c>
      <c r="B60" s="10">
        <v>7</v>
      </c>
      <c r="C60" s="14">
        <v>9</v>
      </c>
      <c r="D60" s="18">
        <v>16</v>
      </c>
    </row>
    <row r="61" spans="1:4" ht="18" customHeight="1" x14ac:dyDescent="0.15">
      <c r="A61" s="5">
        <v>46</v>
      </c>
      <c r="B61" s="10">
        <v>9</v>
      </c>
      <c r="C61" s="14">
        <v>21</v>
      </c>
      <c r="D61" s="18">
        <v>30</v>
      </c>
    </row>
    <row r="62" spans="1:4" ht="18" customHeight="1" x14ac:dyDescent="0.15">
      <c r="A62" s="5">
        <v>47</v>
      </c>
      <c r="B62" s="10">
        <v>11</v>
      </c>
      <c r="C62" s="14">
        <v>15</v>
      </c>
      <c r="D62" s="18">
        <v>26</v>
      </c>
    </row>
    <row r="63" spans="1:4" ht="18" customHeight="1" x14ac:dyDescent="0.15">
      <c r="A63" s="5">
        <v>48</v>
      </c>
      <c r="B63" s="10">
        <v>16</v>
      </c>
      <c r="C63" s="14">
        <v>22</v>
      </c>
      <c r="D63" s="18">
        <v>38</v>
      </c>
    </row>
    <row r="64" spans="1:4" ht="18" customHeight="1" x14ac:dyDescent="0.15">
      <c r="A64" s="5">
        <v>49</v>
      </c>
      <c r="B64" s="10">
        <v>23</v>
      </c>
      <c r="C64" s="14">
        <v>13</v>
      </c>
      <c r="D64" s="18">
        <v>36</v>
      </c>
    </row>
    <row r="65" spans="1:4" ht="18" customHeight="1" x14ac:dyDescent="0.15">
      <c r="A65" s="5" t="s">
        <v>17</v>
      </c>
      <c r="B65" s="10">
        <v>66</v>
      </c>
      <c r="C65" s="14">
        <v>80</v>
      </c>
      <c r="D65" s="18">
        <v>146</v>
      </c>
    </row>
    <row r="66" spans="1:4" ht="18" customHeight="1" x14ac:dyDescent="0.15">
      <c r="A66" s="5">
        <v>50</v>
      </c>
      <c r="B66" s="10">
        <v>22</v>
      </c>
      <c r="C66" s="14">
        <v>15</v>
      </c>
      <c r="D66" s="18">
        <v>37</v>
      </c>
    </row>
    <row r="67" spans="1:4" ht="18" customHeight="1" x14ac:dyDescent="0.15">
      <c r="A67" s="5">
        <v>51</v>
      </c>
      <c r="B67" s="10">
        <v>19</v>
      </c>
      <c r="C67" s="14">
        <v>21</v>
      </c>
      <c r="D67" s="18">
        <v>40</v>
      </c>
    </row>
    <row r="68" spans="1:4" ht="18" customHeight="1" x14ac:dyDescent="0.15">
      <c r="A68" s="5">
        <v>52</v>
      </c>
      <c r="B68" s="10">
        <v>19</v>
      </c>
      <c r="C68" s="14">
        <v>21</v>
      </c>
      <c r="D68" s="18">
        <v>40</v>
      </c>
    </row>
    <row r="69" spans="1:4" ht="18" customHeight="1" x14ac:dyDescent="0.15">
      <c r="A69" s="5">
        <v>53</v>
      </c>
      <c r="B69" s="10">
        <v>22</v>
      </c>
      <c r="C69" s="14">
        <v>27</v>
      </c>
      <c r="D69" s="18">
        <v>49</v>
      </c>
    </row>
    <row r="70" spans="1:4" ht="18" customHeight="1" x14ac:dyDescent="0.15">
      <c r="A70" s="5">
        <v>54</v>
      </c>
      <c r="B70" s="10">
        <v>14</v>
      </c>
      <c r="C70" s="14">
        <v>18</v>
      </c>
      <c r="D70" s="18">
        <v>32</v>
      </c>
    </row>
    <row r="71" spans="1:4" ht="18" customHeight="1" x14ac:dyDescent="0.15">
      <c r="A71" s="5" t="s">
        <v>22</v>
      </c>
      <c r="B71" s="10">
        <v>96</v>
      </c>
      <c r="C71" s="14">
        <v>102</v>
      </c>
      <c r="D71" s="18">
        <v>198</v>
      </c>
    </row>
    <row r="72" spans="1:4" ht="18" customHeight="1" x14ac:dyDescent="0.15">
      <c r="A72" s="5">
        <v>55</v>
      </c>
      <c r="B72" s="10">
        <v>19</v>
      </c>
      <c r="C72" s="14">
        <v>24</v>
      </c>
      <c r="D72" s="18">
        <v>43</v>
      </c>
    </row>
    <row r="73" spans="1:4" ht="18" customHeight="1" x14ac:dyDescent="0.15">
      <c r="A73" s="5">
        <v>56</v>
      </c>
      <c r="B73" s="10">
        <v>23</v>
      </c>
      <c r="C73" s="14">
        <v>20</v>
      </c>
      <c r="D73" s="18">
        <v>43</v>
      </c>
    </row>
    <row r="74" spans="1:4" ht="18" customHeight="1" x14ac:dyDescent="0.15">
      <c r="A74" s="5">
        <v>57</v>
      </c>
      <c r="B74" s="10">
        <v>21</v>
      </c>
      <c r="C74" s="14">
        <v>28</v>
      </c>
      <c r="D74" s="18">
        <v>49</v>
      </c>
    </row>
    <row r="75" spans="1:4" ht="18" customHeight="1" x14ac:dyDescent="0.15">
      <c r="A75" s="5">
        <v>58</v>
      </c>
      <c r="B75" s="10">
        <v>17</v>
      </c>
      <c r="C75" s="14">
        <v>19</v>
      </c>
      <c r="D75" s="18">
        <v>36</v>
      </c>
    </row>
    <row r="76" spans="1:4" ht="18" customHeight="1" x14ac:dyDescent="0.15">
      <c r="A76" s="5">
        <v>59</v>
      </c>
      <c r="B76" s="10">
        <v>13</v>
      </c>
      <c r="C76" s="14">
        <v>15</v>
      </c>
      <c r="D76" s="18">
        <v>28</v>
      </c>
    </row>
    <row r="77" spans="1:4" ht="18" customHeight="1" x14ac:dyDescent="0.15">
      <c r="A77" s="5" t="s">
        <v>27</v>
      </c>
      <c r="B77" s="10">
        <v>93</v>
      </c>
      <c r="C77" s="14">
        <v>106</v>
      </c>
      <c r="D77" s="18">
        <v>199</v>
      </c>
    </row>
    <row r="78" spans="1:4" ht="18" customHeight="1" x14ac:dyDescent="0.15">
      <c r="A78" s="5">
        <v>60</v>
      </c>
      <c r="B78" s="10">
        <v>13</v>
      </c>
      <c r="C78" s="14">
        <v>10</v>
      </c>
      <c r="D78" s="18">
        <v>23</v>
      </c>
    </row>
    <row r="79" spans="1:4" ht="18" customHeight="1" x14ac:dyDescent="0.15">
      <c r="A79" s="5">
        <v>61</v>
      </c>
      <c r="B79" s="10">
        <v>16</v>
      </c>
      <c r="C79" s="14">
        <v>14</v>
      </c>
      <c r="D79" s="18">
        <v>30</v>
      </c>
    </row>
    <row r="80" spans="1:4" ht="18" customHeight="1" x14ac:dyDescent="0.15">
      <c r="A80" s="5">
        <v>62</v>
      </c>
      <c r="B80" s="10">
        <v>14</v>
      </c>
      <c r="C80" s="14">
        <v>18</v>
      </c>
      <c r="D80" s="18">
        <v>32</v>
      </c>
    </row>
    <row r="81" spans="1:4" ht="18" customHeight="1" x14ac:dyDescent="0.15">
      <c r="A81" s="5">
        <v>63</v>
      </c>
      <c r="B81" s="10">
        <v>18</v>
      </c>
      <c r="C81" s="14">
        <v>10</v>
      </c>
      <c r="D81" s="18">
        <v>28</v>
      </c>
    </row>
    <row r="82" spans="1:4" ht="18" customHeight="1" x14ac:dyDescent="0.15">
      <c r="A82" s="5">
        <v>64</v>
      </c>
      <c r="B82" s="10">
        <v>21</v>
      </c>
      <c r="C82" s="14">
        <v>16</v>
      </c>
      <c r="D82" s="18">
        <v>37</v>
      </c>
    </row>
    <row r="83" spans="1:4" ht="18" customHeight="1" x14ac:dyDescent="0.15">
      <c r="A83" s="5" t="s">
        <v>28</v>
      </c>
      <c r="B83" s="10">
        <v>82</v>
      </c>
      <c r="C83" s="14">
        <v>68</v>
      </c>
      <c r="D83" s="18">
        <v>150</v>
      </c>
    </row>
    <row r="84" spans="1:4" ht="18" customHeight="1" x14ac:dyDescent="0.15">
      <c r="A84" s="5" t="s">
        <v>31</v>
      </c>
      <c r="B84" s="10">
        <v>636</v>
      </c>
      <c r="C84" s="14">
        <v>618</v>
      </c>
      <c r="D84" s="18">
        <v>1254</v>
      </c>
    </row>
    <row r="85" spans="1:4" ht="18" customHeight="1" x14ac:dyDescent="0.15">
      <c r="A85" s="5">
        <v>65</v>
      </c>
      <c r="B85" s="10">
        <v>11</v>
      </c>
      <c r="C85" s="14">
        <v>30</v>
      </c>
      <c r="D85" s="18">
        <v>41</v>
      </c>
    </row>
    <row r="86" spans="1:4" ht="18" customHeight="1" x14ac:dyDescent="0.15">
      <c r="A86" s="5">
        <v>66</v>
      </c>
      <c r="B86" s="10">
        <v>13</v>
      </c>
      <c r="C86" s="14">
        <v>19</v>
      </c>
      <c r="D86" s="18">
        <v>32</v>
      </c>
    </row>
    <row r="87" spans="1:4" ht="18" customHeight="1" x14ac:dyDescent="0.15">
      <c r="A87" s="5">
        <v>67</v>
      </c>
      <c r="B87" s="10">
        <v>13</v>
      </c>
      <c r="C87" s="14">
        <v>15</v>
      </c>
      <c r="D87" s="18">
        <v>28</v>
      </c>
    </row>
    <row r="88" spans="1:4" ht="18" customHeight="1" x14ac:dyDescent="0.15">
      <c r="A88" s="5">
        <v>68</v>
      </c>
      <c r="B88" s="10">
        <v>13</v>
      </c>
      <c r="C88" s="14">
        <v>25</v>
      </c>
      <c r="D88" s="18">
        <v>38</v>
      </c>
    </row>
    <row r="89" spans="1:4" ht="18" customHeight="1" x14ac:dyDescent="0.15">
      <c r="A89" s="5">
        <v>69</v>
      </c>
      <c r="B89" s="10">
        <v>19</v>
      </c>
      <c r="C89" s="14">
        <v>11</v>
      </c>
      <c r="D89" s="18">
        <v>30</v>
      </c>
    </row>
    <row r="90" spans="1:4" ht="18" customHeight="1" x14ac:dyDescent="0.15">
      <c r="A90" s="5" t="s">
        <v>20</v>
      </c>
      <c r="B90" s="10">
        <v>69</v>
      </c>
      <c r="C90" s="14">
        <v>100</v>
      </c>
      <c r="D90" s="18">
        <v>169</v>
      </c>
    </row>
    <row r="91" spans="1:4" ht="18" customHeight="1" x14ac:dyDescent="0.15">
      <c r="A91" s="5">
        <v>70</v>
      </c>
      <c r="B91" s="10">
        <v>17</v>
      </c>
      <c r="C91" s="14">
        <v>19</v>
      </c>
      <c r="D91" s="18">
        <v>36</v>
      </c>
    </row>
    <row r="92" spans="1:4" ht="18" customHeight="1" x14ac:dyDescent="0.15">
      <c r="A92" s="5">
        <v>71</v>
      </c>
      <c r="B92" s="10">
        <v>19</v>
      </c>
      <c r="C92" s="14">
        <v>21</v>
      </c>
      <c r="D92" s="18">
        <v>40</v>
      </c>
    </row>
    <row r="93" spans="1:4" ht="18" customHeight="1" x14ac:dyDescent="0.15">
      <c r="A93" s="5">
        <v>72</v>
      </c>
      <c r="B93" s="10">
        <v>10</v>
      </c>
      <c r="C93" s="14">
        <v>10</v>
      </c>
      <c r="D93" s="18">
        <v>20</v>
      </c>
    </row>
    <row r="94" spans="1:4" ht="18" customHeight="1" x14ac:dyDescent="0.15">
      <c r="A94" s="5">
        <v>73</v>
      </c>
      <c r="B94" s="10">
        <v>16</v>
      </c>
      <c r="C94" s="14">
        <v>17</v>
      </c>
      <c r="D94" s="18">
        <v>33</v>
      </c>
    </row>
    <row r="95" spans="1:4" ht="18" customHeight="1" x14ac:dyDescent="0.15">
      <c r="A95" s="5">
        <v>74</v>
      </c>
      <c r="B95" s="10">
        <v>13</v>
      </c>
      <c r="C95" s="14">
        <v>18</v>
      </c>
      <c r="D95" s="18">
        <v>31</v>
      </c>
    </row>
    <row r="96" spans="1:4" ht="18" customHeight="1" x14ac:dyDescent="0.15">
      <c r="A96" s="5" t="s">
        <v>33</v>
      </c>
      <c r="B96" s="10">
        <v>75</v>
      </c>
      <c r="C96" s="14">
        <v>85</v>
      </c>
      <c r="D96" s="18">
        <v>160</v>
      </c>
    </row>
    <row r="97" spans="1:4" ht="18" customHeight="1" x14ac:dyDescent="0.15">
      <c r="A97" s="5">
        <v>75</v>
      </c>
      <c r="B97" s="10">
        <v>12</v>
      </c>
      <c r="C97" s="14">
        <v>17</v>
      </c>
      <c r="D97" s="18">
        <v>29</v>
      </c>
    </row>
    <row r="98" spans="1:4" ht="18" customHeight="1" x14ac:dyDescent="0.15">
      <c r="A98" s="5">
        <v>76</v>
      </c>
      <c r="B98" s="10">
        <v>14</v>
      </c>
      <c r="C98" s="14">
        <v>26</v>
      </c>
      <c r="D98" s="18">
        <v>40</v>
      </c>
    </row>
    <row r="99" spans="1:4" ht="18" customHeight="1" x14ac:dyDescent="0.15">
      <c r="A99" s="5">
        <v>77</v>
      </c>
      <c r="B99" s="10">
        <v>15</v>
      </c>
      <c r="C99" s="14">
        <v>20</v>
      </c>
      <c r="D99" s="18">
        <v>35</v>
      </c>
    </row>
    <row r="100" spans="1:4" ht="18" customHeight="1" x14ac:dyDescent="0.15">
      <c r="A100" s="5">
        <v>78</v>
      </c>
      <c r="B100" s="10">
        <v>13</v>
      </c>
      <c r="C100" s="14">
        <v>20</v>
      </c>
      <c r="D100" s="18">
        <v>33</v>
      </c>
    </row>
    <row r="101" spans="1:4" ht="18" customHeight="1" x14ac:dyDescent="0.15">
      <c r="A101" s="5">
        <v>79</v>
      </c>
      <c r="B101" s="10">
        <v>11</v>
      </c>
      <c r="C101" s="14">
        <v>17</v>
      </c>
      <c r="D101" s="18">
        <v>28</v>
      </c>
    </row>
    <row r="102" spans="1:4" ht="18" customHeight="1" x14ac:dyDescent="0.15">
      <c r="A102" s="5" t="s">
        <v>0</v>
      </c>
      <c r="B102" s="10">
        <v>65</v>
      </c>
      <c r="C102" s="14">
        <v>100</v>
      </c>
      <c r="D102" s="18">
        <v>165</v>
      </c>
    </row>
    <row r="103" spans="1:4" ht="18" customHeight="1" x14ac:dyDescent="0.15">
      <c r="A103" s="5">
        <v>80</v>
      </c>
      <c r="B103" s="10">
        <v>5</v>
      </c>
      <c r="C103" s="14">
        <v>10</v>
      </c>
      <c r="D103" s="18">
        <v>15</v>
      </c>
    </row>
    <row r="104" spans="1:4" ht="18" customHeight="1" x14ac:dyDescent="0.15">
      <c r="A104" s="5">
        <v>81</v>
      </c>
      <c r="B104" s="10">
        <v>20</v>
      </c>
      <c r="C104" s="14">
        <v>8</v>
      </c>
      <c r="D104" s="18">
        <v>28</v>
      </c>
    </row>
    <row r="105" spans="1:4" ht="18" customHeight="1" x14ac:dyDescent="0.15">
      <c r="A105" s="5">
        <v>82</v>
      </c>
      <c r="B105" s="10">
        <v>5</v>
      </c>
      <c r="C105" s="14">
        <v>17</v>
      </c>
      <c r="D105" s="18">
        <v>22</v>
      </c>
    </row>
    <row r="106" spans="1:4" ht="18" customHeight="1" x14ac:dyDescent="0.15">
      <c r="A106" s="5">
        <v>83</v>
      </c>
      <c r="B106" s="10">
        <v>5</v>
      </c>
      <c r="C106" s="14">
        <v>13</v>
      </c>
      <c r="D106" s="18">
        <v>18</v>
      </c>
    </row>
    <row r="107" spans="1:4" ht="18" customHeight="1" x14ac:dyDescent="0.15">
      <c r="A107" s="5">
        <v>84</v>
      </c>
      <c r="B107" s="10">
        <v>9</v>
      </c>
      <c r="C107" s="14">
        <v>16</v>
      </c>
      <c r="D107" s="18">
        <v>25</v>
      </c>
    </row>
    <row r="108" spans="1:4" ht="18" customHeight="1" x14ac:dyDescent="0.15">
      <c r="A108" s="5" t="s">
        <v>35</v>
      </c>
      <c r="B108" s="10">
        <v>44</v>
      </c>
      <c r="C108" s="14">
        <v>64</v>
      </c>
      <c r="D108" s="18">
        <v>108</v>
      </c>
    </row>
    <row r="109" spans="1:4" ht="18" customHeight="1" x14ac:dyDescent="0.15">
      <c r="A109" s="5">
        <v>85</v>
      </c>
      <c r="B109" s="10">
        <v>11</v>
      </c>
      <c r="C109" s="14">
        <v>17</v>
      </c>
      <c r="D109" s="18">
        <v>28</v>
      </c>
    </row>
    <row r="110" spans="1:4" ht="18" customHeight="1" x14ac:dyDescent="0.15">
      <c r="A110" s="5">
        <v>86</v>
      </c>
      <c r="B110" s="10">
        <v>8</v>
      </c>
      <c r="C110" s="14">
        <v>14</v>
      </c>
      <c r="D110" s="18">
        <v>22</v>
      </c>
    </row>
    <row r="111" spans="1:4" ht="18" customHeight="1" x14ac:dyDescent="0.15">
      <c r="A111" s="5">
        <v>87</v>
      </c>
      <c r="B111" s="10">
        <v>3</v>
      </c>
      <c r="C111" s="14">
        <v>3</v>
      </c>
      <c r="D111" s="18">
        <v>6</v>
      </c>
    </row>
    <row r="112" spans="1:4" ht="18" customHeight="1" x14ac:dyDescent="0.15">
      <c r="A112" s="5">
        <v>88</v>
      </c>
      <c r="B112" s="10">
        <v>2</v>
      </c>
      <c r="C112" s="14">
        <v>12</v>
      </c>
      <c r="D112" s="18">
        <v>14</v>
      </c>
    </row>
    <row r="113" spans="1:4" ht="18" customHeight="1" x14ac:dyDescent="0.15">
      <c r="A113" s="5">
        <v>89</v>
      </c>
      <c r="B113" s="10">
        <v>1</v>
      </c>
      <c r="C113" s="14">
        <v>8</v>
      </c>
      <c r="D113" s="18">
        <v>9</v>
      </c>
    </row>
    <row r="114" spans="1:4" ht="18" customHeight="1" x14ac:dyDescent="0.15">
      <c r="A114" s="5" t="s">
        <v>37</v>
      </c>
      <c r="B114" s="10">
        <v>25</v>
      </c>
      <c r="C114" s="14">
        <v>54</v>
      </c>
      <c r="D114" s="18">
        <v>79</v>
      </c>
    </row>
    <row r="115" spans="1:4" ht="18" customHeight="1" x14ac:dyDescent="0.15">
      <c r="A115" s="5">
        <v>90</v>
      </c>
      <c r="B115" s="10">
        <v>2</v>
      </c>
      <c r="C115" s="14">
        <v>14</v>
      </c>
      <c r="D115" s="18">
        <v>16</v>
      </c>
    </row>
    <row r="116" spans="1:4" ht="18" customHeight="1" x14ac:dyDescent="0.15">
      <c r="A116" s="5">
        <v>91</v>
      </c>
      <c r="B116" s="10">
        <v>5</v>
      </c>
      <c r="C116" s="14">
        <v>5</v>
      </c>
      <c r="D116" s="18">
        <v>10</v>
      </c>
    </row>
    <row r="117" spans="1:4" ht="18" customHeight="1" x14ac:dyDescent="0.15">
      <c r="A117" s="5">
        <v>92</v>
      </c>
      <c r="B117" s="10">
        <v>8</v>
      </c>
      <c r="C117" s="14">
        <v>8</v>
      </c>
      <c r="D117" s="18">
        <v>16</v>
      </c>
    </row>
    <row r="118" spans="1:4" ht="18" customHeight="1" x14ac:dyDescent="0.15">
      <c r="A118" s="5">
        <v>93</v>
      </c>
      <c r="B118" s="10">
        <v>4</v>
      </c>
      <c r="C118" s="14">
        <v>9</v>
      </c>
      <c r="D118" s="18">
        <v>13</v>
      </c>
    </row>
    <row r="119" spans="1:4" ht="18" customHeight="1" x14ac:dyDescent="0.15">
      <c r="A119" s="5">
        <v>94</v>
      </c>
      <c r="B119" s="10">
        <v>1</v>
      </c>
      <c r="C119" s="14">
        <v>5</v>
      </c>
      <c r="D119" s="18">
        <v>6</v>
      </c>
    </row>
    <row r="120" spans="1:4" ht="18" customHeight="1" x14ac:dyDescent="0.15">
      <c r="A120" s="5" t="s">
        <v>39</v>
      </c>
      <c r="B120" s="10">
        <v>20</v>
      </c>
      <c r="C120" s="14">
        <v>41</v>
      </c>
      <c r="D120" s="18">
        <v>61</v>
      </c>
    </row>
    <row r="121" spans="1:4" ht="18" customHeight="1" x14ac:dyDescent="0.15">
      <c r="A121" s="5">
        <v>95</v>
      </c>
      <c r="B121" s="10">
        <v>1</v>
      </c>
      <c r="C121" s="14">
        <v>3</v>
      </c>
      <c r="D121" s="18">
        <v>4</v>
      </c>
    </row>
    <row r="122" spans="1:4" ht="18" customHeight="1" x14ac:dyDescent="0.15">
      <c r="A122" s="5">
        <v>96</v>
      </c>
      <c r="B122" s="10">
        <v>1</v>
      </c>
      <c r="C122" s="14">
        <v>4</v>
      </c>
      <c r="D122" s="18">
        <v>5</v>
      </c>
    </row>
    <row r="123" spans="1:4" ht="18" customHeight="1" x14ac:dyDescent="0.15">
      <c r="A123" s="5">
        <v>97</v>
      </c>
      <c r="B123" s="10">
        <v>1</v>
      </c>
      <c r="C123" s="14">
        <v>2</v>
      </c>
      <c r="D123" s="18">
        <v>3</v>
      </c>
    </row>
    <row r="124" spans="1:4" ht="18" customHeight="1" x14ac:dyDescent="0.15">
      <c r="A124" s="5">
        <v>98</v>
      </c>
      <c r="B124" s="10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10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10">
        <v>3</v>
      </c>
      <c r="C126" s="14">
        <v>11</v>
      </c>
      <c r="D126" s="18">
        <v>14</v>
      </c>
    </row>
    <row r="127" spans="1:4" ht="18" customHeight="1" x14ac:dyDescent="0.15">
      <c r="A127" s="5">
        <v>100</v>
      </c>
      <c r="B127" s="10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10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10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10">
        <v>301</v>
      </c>
      <c r="C130" s="14">
        <v>460</v>
      </c>
      <c r="D130" s="18">
        <v>761</v>
      </c>
    </row>
    <row r="131" spans="1:4" ht="18" customHeight="1" x14ac:dyDescent="0.15">
      <c r="A131" s="7" t="s">
        <v>45</v>
      </c>
      <c r="B131" s="11">
        <v>1059</v>
      </c>
      <c r="C131" s="15">
        <v>1189</v>
      </c>
      <c r="D131" s="19">
        <v>224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5" fitToHeight="3" orientation="portrait" horizontalDpi="65532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sheetPr codeName="Sheet3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9</v>
      </c>
      <c r="C5" s="13">
        <v>14</v>
      </c>
      <c r="D5" s="17">
        <v>33</v>
      </c>
    </row>
    <row r="6" spans="1:4" ht="18" customHeight="1" x14ac:dyDescent="0.15">
      <c r="A6" s="5">
        <v>1</v>
      </c>
      <c r="B6" s="22">
        <v>10</v>
      </c>
      <c r="C6" s="14">
        <v>14</v>
      </c>
      <c r="D6" s="18">
        <v>24</v>
      </c>
    </row>
    <row r="7" spans="1:4" ht="18" customHeight="1" x14ac:dyDescent="0.15">
      <c r="A7" s="5">
        <v>2</v>
      </c>
      <c r="B7" s="22">
        <v>18</v>
      </c>
      <c r="C7" s="14">
        <v>20</v>
      </c>
      <c r="D7" s="18">
        <v>38</v>
      </c>
    </row>
    <row r="8" spans="1:4" ht="18" customHeight="1" x14ac:dyDescent="0.15">
      <c r="A8" s="5">
        <v>3</v>
      </c>
      <c r="B8" s="22">
        <v>16</v>
      </c>
      <c r="C8" s="14">
        <v>21</v>
      </c>
      <c r="D8" s="18">
        <v>37</v>
      </c>
    </row>
    <row r="9" spans="1:4" ht="18" customHeight="1" x14ac:dyDescent="0.15">
      <c r="A9" s="5">
        <v>4</v>
      </c>
      <c r="B9" s="22">
        <v>18</v>
      </c>
      <c r="C9" s="14">
        <v>22</v>
      </c>
      <c r="D9" s="18">
        <v>40</v>
      </c>
    </row>
    <row r="10" spans="1:4" ht="18" customHeight="1" x14ac:dyDescent="0.15">
      <c r="A10" s="5" t="s">
        <v>7</v>
      </c>
      <c r="B10" s="22">
        <v>81</v>
      </c>
      <c r="C10" s="14">
        <v>91</v>
      </c>
      <c r="D10" s="18">
        <v>172</v>
      </c>
    </row>
    <row r="11" spans="1:4" ht="18" customHeight="1" x14ac:dyDescent="0.15">
      <c r="A11" s="5">
        <v>5</v>
      </c>
      <c r="B11" s="22">
        <v>27</v>
      </c>
      <c r="C11" s="14">
        <v>18</v>
      </c>
      <c r="D11" s="18">
        <v>45</v>
      </c>
    </row>
    <row r="12" spans="1:4" ht="18" customHeight="1" x14ac:dyDescent="0.15">
      <c r="A12" s="5">
        <v>6</v>
      </c>
      <c r="B12" s="22">
        <v>27</v>
      </c>
      <c r="C12" s="14">
        <v>15</v>
      </c>
      <c r="D12" s="18">
        <v>42</v>
      </c>
    </row>
    <row r="13" spans="1:4" ht="18" customHeight="1" x14ac:dyDescent="0.15">
      <c r="A13" s="5">
        <v>7</v>
      </c>
      <c r="B13" s="22">
        <v>18</v>
      </c>
      <c r="C13" s="14">
        <v>14</v>
      </c>
      <c r="D13" s="18">
        <v>32</v>
      </c>
    </row>
    <row r="14" spans="1:4" ht="18" customHeight="1" x14ac:dyDescent="0.15">
      <c r="A14" s="5">
        <v>8</v>
      </c>
      <c r="B14" s="22">
        <v>17</v>
      </c>
      <c r="C14" s="14">
        <v>22</v>
      </c>
      <c r="D14" s="18">
        <v>39</v>
      </c>
    </row>
    <row r="15" spans="1:4" ht="18" customHeight="1" x14ac:dyDescent="0.15">
      <c r="A15" s="5">
        <v>9</v>
      </c>
      <c r="B15" s="22">
        <v>21</v>
      </c>
      <c r="C15" s="14">
        <v>19</v>
      </c>
      <c r="D15" s="18">
        <v>40</v>
      </c>
    </row>
    <row r="16" spans="1:4" ht="18" customHeight="1" x14ac:dyDescent="0.15">
      <c r="A16" s="5" t="s">
        <v>11</v>
      </c>
      <c r="B16" s="22">
        <v>110</v>
      </c>
      <c r="C16" s="14">
        <v>88</v>
      </c>
      <c r="D16" s="18">
        <v>198</v>
      </c>
    </row>
    <row r="17" spans="1:4" ht="18" customHeight="1" x14ac:dyDescent="0.15">
      <c r="A17" s="5">
        <v>10</v>
      </c>
      <c r="B17" s="22">
        <v>27</v>
      </c>
      <c r="C17" s="14">
        <v>21</v>
      </c>
      <c r="D17" s="18">
        <v>48</v>
      </c>
    </row>
    <row r="18" spans="1:4" ht="18" customHeight="1" x14ac:dyDescent="0.15">
      <c r="A18" s="5">
        <v>11</v>
      </c>
      <c r="B18" s="22">
        <v>20</v>
      </c>
      <c r="C18" s="14">
        <v>29</v>
      </c>
      <c r="D18" s="18">
        <v>49</v>
      </c>
    </row>
    <row r="19" spans="1:4" ht="18" customHeight="1" x14ac:dyDescent="0.15">
      <c r="A19" s="5">
        <v>12</v>
      </c>
      <c r="B19" s="22">
        <v>19</v>
      </c>
      <c r="C19" s="14">
        <v>27</v>
      </c>
      <c r="D19" s="18">
        <v>46</v>
      </c>
    </row>
    <row r="20" spans="1:4" ht="18" customHeight="1" x14ac:dyDescent="0.15">
      <c r="A20" s="5">
        <v>13</v>
      </c>
      <c r="B20" s="22">
        <v>25</v>
      </c>
      <c r="C20" s="14">
        <v>23</v>
      </c>
      <c r="D20" s="18">
        <v>48</v>
      </c>
    </row>
    <row r="21" spans="1:4" ht="18" customHeight="1" x14ac:dyDescent="0.15">
      <c r="A21" s="5">
        <v>14</v>
      </c>
      <c r="B21" s="22">
        <v>23</v>
      </c>
      <c r="C21" s="14">
        <v>23</v>
      </c>
      <c r="D21" s="18">
        <v>46</v>
      </c>
    </row>
    <row r="22" spans="1:4" ht="18" customHeight="1" x14ac:dyDescent="0.15">
      <c r="A22" s="5" t="s">
        <v>12</v>
      </c>
      <c r="B22" s="22">
        <v>114</v>
      </c>
      <c r="C22" s="14">
        <v>123</v>
      </c>
      <c r="D22" s="18">
        <v>237</v>
      </c>
    </row>
    <row r="23" spans="1:4" ht="18" customHeight="1" x14ac:dyDescent="0.15">
      <c r="A23" s="5" t="s">
        <v>6</v>
      </c>
      <c r="B23" s="22">
        <v>305</v>
      </c>
      <c r="C23" s="14">
        <v>302</v>
      </c>
      <c r="D23" s="18">
        <v>607</v>
      </c>
    </row>
    <row r="24" spans="1:4" ht="18" customHeight="1" x14ac:dyDescent="0.15">
      <c r="A24" s="5">
        <v>15</v>
      </c>
      <c r="B24" s="22">
        <v>18</v>
      </c>
      <c r="C24" s="14">
        <v>27</v>
      </c>
      <c r="D24" s="18">
        <v>45</v>
      </c>
    </row>
    <row r="25" spans="1:4" ht="18" customHeight="1" x14ac:dyDescent="0.15">
      <c r="A25" s="5">
        <v>16</v>
      </c>
      <c r="B25" s="22">
        <v>20</v>
      </c>
      <c r="C25" s="14">
        <v>27</v>
      </c>
      <c r="D25" s="18">
        <v>47</v>
      </c>
    </row>
    <row r="26" spans="1:4" ht="18" customHeight="1" x14ac:dyDescent="0.15">
      <c r="A26" s="5">
        <v>17</v>
      </c>
      <c r="B26" s="22">
        <v>26</v>
      </c>
      <c r="C26" s="14">
        <v>25</v>
      </c>
      <c r="D26" s="18">
        <v>51</v>
      </c>
    </row>
    <row r="27" spans="1:4" ht="18" customHeight="1" x14ac:dyDescent="0.15">
      <c r="A27" s="5">
        <v>18</v>
      </c>
      <c r="B27" s="22">
        <v>23</v>
      </c>
      <c r="C27" s="14">
        <v>25</v>
      </c>
      <c r="D27" s="18">
        <v>48</v>
      </c>
    </row>
    <row r="28" spans="1:4" ht="18" customHeight="1" x14ac:dyDescent="0.15">
      <c r="A28" s="5">
        <v>19</v>
      </c>
      <c r="B28" s="22">
        <v>22</v>
      </c>
      <c r="C28" s="14">
        <v>28</v>
      </c>
      <c r="D28" s="18">
        <v>50</v>
      </c>
    </row>
    <row r="29" spans="1:4" ht="18" customHeight="1" x14ac:dyDescent="0.15">
      <c r="A29" s="5" t="s">
        <v>14</v>
      </c>
      <c r="B29" s="22">
        <v>109</v>
      </c>
      <c r="C29" s="14">
        <v>132</v>
      </c>
      <c r="D29" s="18">
        <v>241</v>
      </c>
    </row>
    <row r="30" spans="1:4" ht="18" customHeight="1" x14ac:dyDescent="0.15">
      <c r="A30" s="5">
        <v>20</v>
      </c>
      <c r="B30" s="22">
        <v>25</v>
      </c>
      <c r="C30" s="14">
        <v>20</v>
      </c>
      <c r="D30" s="18">
        <v>45</v>
      </c>
    </row>
    <row r="31" spans="1:4" ht="18" customHeight="1" x14ac:dyDescent="0.15">
      <c r="A31" s="5">
        <v>21</v>
      </c>
      <c r="B31" s="22">
        <v>29</v>
      </c>
      <c r="C31" s="14">
        <v>32</v>
      </c>
      <c r="D31" s="18">
        <v>61</v>
      </c>
    </row>
    <row r="32" spans="1:4" ht="18" customHeight="1" x14ac:dyDescent="0.15">
      <c r="A32" s="5">
        <v>22</v>
      </c>
      <c r="B32" s="22">
        <v>22</v>
      </c>
      <c r="C32" s="14">
        <v>29</v>
      </c>
      <c r="D32" s="18">
        <v>51</v>
      </c>
    </row>
    <row r="33" spans="1:4" ht="18" customHeight="1" x14ac:dyDescent="0.15">
      <c r="A33" s="5">
        <v>23</v>
      </c>
      <c r="B33" s="22">
        <v>26</v>
      </c>
      <c r="C33" s="14">
        <v>23</v>
      </c>
      <c r="D33" s="18">
        <v>49</v>
      </c>
    </row>
    <row r="34" spans="1:4" ht="18" customHeight="1" x14ac:dyDescent="0.15">
      <c r="A34" s="5">
        <v>24</v>
      </c>
      <c r="B34" s="22">
        <v>34</v>
      </c>
      <c r="C34" s="14">
        <v>18</v>
      </c>
      <c r="D34" s="18">
        <v>52</v>
      </c>
    </row>
    <row r="35" spans="1:4" ht="18" customHeight="1" x14ac:dyDescent="0.15">
      <c r="A35" s="5" t="s">
        <v>9</v>
      </c>
      <c r="B35" s="22">
        <v>136</v>
      </c>
      <c r="C35" s="14">
        <v>122</v>
      </c>
      <c r="D35" s="18">
        <v>258</v>
      </c>
    </row>
    <row r="36" spans="1:4" ht="18" customHeight="1" x14ac:dyDescent="0.15">
      <c r="A36" s="5">
        <v>25</v>
      </c>
      <c r="B36" s="22">
        <v>34</v>
      </c>
      <c r="C36" s="14">
        <v>23</v>
      </c>
      <c r="D36" s="18">
        <v>57</v>
      </c>
    </row>
    <row r="37" spans="1:4" ht="18" customHeight="1" x14ac:dyDescent="0.15">
      <c r="A37" s="5">
        <v>26</v>
      </c>
      <c r="B37" s="22">
        <v>22</v>
      </c>
      <c r="C37" s="14">
        <v>27</v>
      </c>
      <c r="D37" s="18">
        <v>49</v>
      </c>
    </row>
    <row r="38" spans="1:4" ht="18" customHeight="1" x14ac:dyDescent="0.15">
      <c r="A38" s="5">
        <v>27</v>
      </c>
      <c r="B38" s="22">
        <v>28</v>
      </c>
      <c r="C38" s="14">
        <v>22</v>
      </c>
      <c r="D38" s="18">
        <v>50</v>
      </c>
    </row>
    <row r="39" spans="1:4" ht="18" customHeight="1" x14ac:dyDescent="0.15">
      <c r="A39" s="5">
        <v>28</v>
      </c>
      <c r="B39" s="22">
        <v>30</v>
      </c>
      <c r="C39" s="14">
        <v>29</v>
      </c>
      <c r="D39" s="18">
        <v>59</v>
      </c>
    </row>
    <row r="40" spans="1:4" ht="18" customHeight="1" x14ac:dyDescent="0.15">
      <c r="A40" s="5">
        <v>29</v>
      </c>
      <c r="B40" s="22">
        <v>21</v>
      </c>
      <c r="C40" s="14">
        <v>23</v>
      </c>
      <c r="D40" s="18">
        <v>44</v>
      </c>
    </row>
    <row r="41" spans="1:4" ht="18" customHeight="1" x14ac:dyDescent="0.15">
      <c r="A41" s="5" t="s">
        <v>2</v>
      </c>
      <c r="B41" s="22">
        <v>135</v>
      </c>
      <c r="C41" s="14">
        <v>124</v>
      </c>
      <c r="D41" s="18">
        <v>259</v>
      </c>
    </row>
    <row r="42" spans="1:4" ht="18" customHeight="1" x14ac:dyDescent="0.15">
      <c r="A42" s="5">
        <v>30</v>
      </c>
      <c r="B42" s="22">
        <v>36</v>
      </c>
      <c r="C42" s="14">
        <v>22</v>
      </c>
      <c r="D42" s="18">
        <v>58</v>
      </c>
    </row>
    <row r="43" spans="1:4" ht="18" customHeight="1" x14ac:dyDescent="0.15">
      <c r="A43" s="5">
        <v>31</v>
      </c>
      <c r="B43" s="22">
        <v>37</v>
      </c>
      <c r="C43" s="14">
        <v>20</v>
      </c>
      <c r="D43" s="18">
        <v>57</v>
      </c>
    </row>
    <row r="44" spans="1:4" ht="18" customHeight="1" x14ac:dyDescent="0.15">
      <c r="A44" s="5">
        <v>32</v>
      </c>
      <c r="B44" s="22">
        <v>21</v>
      </c>
      <c r="C44" s="14">
        <v>25</v>
      </c>
      <c r="D44" s="18">
        <v>46</v>
      </c>
    </row>
    <row r="45" spans="1:4" ht="18" customHeight="1" x14ac:dyDescent="0.15">
      <c r="A45" s="5">
        <v>33</v>
      </c>
      <c r="B45" s="22">
        <v>38</v>
      </c>
      <c r="C45" s="14">
        <v>33</v>
      </c>
      <c r="D45" s="18">
        <v>71</v>
      </c>
    </row>
    <row r="46" spans="1:4" ht="18" customHeight="1" x14ac:dyDescent="0.15">
      <c r="A46" s="5">
        <v>34</v>
      </c>
      <c r="B46" s="22">
        <v>29</v>
      </c>
      <c r="C46" s="14">
        <v>17</v>
      </c>
      <c r="D46" s="18">
        <v>46</v>
      </c>
    </row>
    <row r="47" spans="1:4" ht="18" customHeight="1" x14ac:dyDescent="0.15">
      <c r="A47" s="5" t="s">
        <v>15</v>
      </c>
      <c r="B47" s="22">
        <v>161</v>
      </c>
      <c r="C47" s="14">
        <v>117</v>
      </c>
      <c r="D47" s="18">
        <v>278</v>
      </c>
    </row>
    <row r="48" spans="1:4" ht="18" customHeight="1" x14ac:dyDescent="0.15">
      <c r="A48" s="5">
        <v>35</v>
      </c>
      <c r="B48" s="22">
        <v>41</v>
      </c>
      <c r="C48" s="14">
        <v>30</v>
      </c>
      <c r="D48" s="18">
        <v>71</v>
      </c>
    </row>
    <row r="49" spans="1:4" ht="18" customHeight="1" x14ac:dyDescent="0.15">
      <c r="A49" s="5">
        <v>36</v>
      </c>
      <c r="B49" s="22">
        <v>18</v>
      </c>
      <c r="C49" s="14">
        <v>23</v>
      </c>
      <c r="D49" s="18">
        <v>41</v>
      </c>
    </row>
    <row r="50" spans="1:4" ht="18" customHeight="1" x14ac:dyDescent="0.15">
      <c r="A50" s="5">
        <v>37</v>
      </c>
      <c r="B50" s="22">
        <v>31</v>
      </c>
      <c r="C50" s="14">
        <v>27</v>
      </c>
      <c r="D50" s="18">
        <v>58</v>
      </c>
    </row>
    <row r="51" spans="1:4" ht="18" customHeight="1" x14ac:dyDescent="0.15">
      <c r="A51" s="5">
        <v>38</v>
      </c>
      <c r="B51" s="22">
        <v>34</v>
      </c>
      <c r="C51" s="14">
        <v>25</v>
      </c>
      <c r="D51" s="18">
        <v>59</v>
      </c>
    </row>
    <row r="52" spans="1:4" ht="18" customHeight="1" x14ac:dyDescent="0.15">
      <c r="A52" s="5">
        <v>39</v>
      </c>
      <c r="B52" s="22">
        <v>43</v>
      </c>
      <c r="C52" s="14">
        <v>35</v>
      </c>
      <c r="D52" s="18">
        <v>78</v>
      </c>
    </row>
    <row r="53" spans="1:4" ht="18" customHeight="1" x14ac:dyDescent="0.15">
      <c r="A53" s="5" t="s">
        <v>18</v>
      </c>
      <c r="B53" s="22">
        <v>167</v>
      </c>
      <c r="C53" s="14">
        <v>140</v>
      </c>
      <c r="D53" s="18">
        <v>307</v>
      </c>
    </row>
    <row r="54" spans="1:4" ht="18" customHeight="1" x14ac:dyDescent="0.15">
      <c r="A54" s="5">
        <v>40</v>
      </c>
      <c r="B54" s="22">
        <v>41</v>
      </c>
      <c r="C54" s="14">
        <v>26</v>
      </c>
      <c r="D54" s="18">
        <v>67</v>
      </c>
    </row>
    <row r="55" spans="1:4" ht="18" customHeight="1" x14ac:dyDescent="0.15">
      <c r="A55" s="5">
        <v>41</v>
      </c>
      <c r="B55" s="22">
        <v>25</v>
      </c>
      <c r="C55" s="14">
        <v>29</v>
      </c>
      <c r="D55" s="18">
        <v>54</v>
      </c>
    </row>
    <row r="56" spans="1:4" ht="18" customHeight="1" x14ac:dyDescent="0.15">
      <c r="A56" s="5">
        <v>42</v>
      </c>
      <c r="B56" s="22">
        <v>39</v>
      </c>
      <c r="C56" s="14">
        <v>33</v>
      </c>
      <c r="D56" s="18">
        <v>72</v>
      </c>
    </row>
    <row r="57" spans="1:4" ht="18" customHeight="1" x14ac:dyDescent="0.15">
      <c r="A57" s="5">
        <v>43</v>
      </c>
      <c r="B57" s="22">
        <v>35</v>
      </c>
      <c r="C57" s="14">
        <v>25</v>
      </c>
      <c r="D57" s="18">
        <v>60</v>
      </c>
    </row>
    <row r="58" spans="1:4" ht="18" customHeight="1" x14ac:dyDescent="0.15">
      <c r="A58" s="5">
        <v>44</v>
      </c>
      <c r="B58" s="22">
        <v>32</v>
      </c>
      <c r="C58" s="14">
        <v>37</v>
      </c>
      <c r="D58" s="18">
        <v>69</v>
      </c>
    </row>
    <row r="59" spans="1:4" ht="18" customHeight="1" x14ac:dyDescent="0.15">
      <c r="A59" s="5" t="s">
        <v>21</v>
      </c>
      <c r="B59" s="22">
        <v>172</v>
      </c>
      <c r="C59" s="14">
        <v>150</v>
      </c>
      <c r="D59" s="18">
        <v>322</v>
      </c>
    </row>
    <row r="60" spans="1:4" ht="18" customHeight="1" x14ac:dyDescent="0.15">
      <c r="A60" s="5">
        <v>45</v>
      </c>
      <c r="B60" s="22">
        <v>30</v>
      </c>
      <c r="C60" s="14">
        <v>34</v>
      </c>
      <c r="D60" s="18">
        <v>64</v>
      </c>
    </row>
    <row r="61" spans="1:4" ht="18" customHeight="1" x14ac:dyDescent="0.15">
      <c r="A61" s="5">
        <v>46</v>
      </c>
      <c r="B61" s="22">
        <v>35</v>
      </c>
      <c r="C61" s="14">
        <v>33</v>
      </c>
      <c r="D61" s="18">
        <v>68</v>
      </c>
    </row>
    <row r="62" spans="1:4" ht="18" customHeight="1" x14ac:dyDescent="0.15">
      <c r="A62" s="5">
        <v>47</v>
      </c>
      <c r="B62" s="22">
        <v>34</v>
      </c>
      <c r="C62" s="14">
        <v>37</v>
      </c>
      <c r="D62" s="18">
        <v>71</v>
      </c>
    </row>
    <row r="63" spans="1:4" ht="18" customHeight="1" x14ac:dyDescent="0.15">
      <c r="A63" s="5">
        <v>48</v>
      </c>
      <c r="B63" s="22">
        <v>48</v>
      </c>
      <c r="C63" s="14">
        <v>31</v>
      </c>
      <c r="D63" s="18">
        <v>79</v>
      </c>
    </row>
    <row r="64" spans="1:4" ht="18" customHeight="1" x14ac:dyDescent="0.15">
      <c r="A64" s="5">
        <v>49</v>
      </c>
      <c r="B64" s="22">
        <v>43</v>
      </c>
      <c r="C64" s="14">
        <v>42</v>
      </c>
      <c r="D64" s="18">
        <v>85</v>
      </c>
    </row>
    <row r="65" spans="1:4" ht="18" customHeight="1" x14ac:dyDescent="0.15">
      <c r="A65" s="5" t="s">
        <v>17</v>
      </c>
      <c r="B65" s="22">
        <v>190</v>
      </c>
      <c r="C65" s="14">
        <v>177</v>
      </c>
      <c r="D65" s="18">
        <v>367</v>
      </c>
    </row>
    <row r="66" spans="1:4" ht="18" customHeight="1" x14ac:dyDescent="0.15">
      <c r="A66" s="5">
        <v>50</v>
      </c>
      <c r="B66" s="22">
        <v>49</v>
      </c>
      <c r="C66" s="14">
        <v>38</v>
      </c>
      <c r="D66" s="18">
        <v>87</v>
      </c>
    </row>
    <row r="67" spans="1:4" ht="18" customHeight="1" x14ac:dyDescent="0.15">
      <c r="A67" s="5">
        <v>51</v>
      </c>
      <c r="B67" s="22">
        <v>38</v>
      </c>
      <c r="C67" s="14">
        <v>47</v>
      </c>
      <c r="D67" s="18">
        <v>85</v>
      </c>
    </row>
    <row r="68" spans="1:4" ht="18" customHeight="1" x14ac:dyDescent="0.15">
      <c r="A68" s="5">
        <v>52</v>
      </c>
      <c r="B68" s="22">
        <v>47</v>
      </c>
      <c r="C68" s="14">
        <v>49</v>
      </c>
      <c r="D68" s="18">
        <v>96</v>
      </c>
    </row>
    <row r="69" spans="1:4" ht="18" customHeight="1" x14ac:dyDescent="0.15">
      <c r="A69" s="5">
        <v>53</v>
      </c>
      <c r="B69" s="22">
        <v>48</v>
      </c>
      <c r="C69" s="14">
        <v>44</v>
      </c>
      <c r="D69" s="18">
        <v>92</v>
      </c>
    </row>
    <row r="70" spans="1:4" ht="18" customHeight="1" x14ac:dyDescent="0.15">
      <c r="A70" s="5">
        <v>54</v>
      </c>
      <c r="B70" s="22">
        <v>40</v>
      </c>
      <c r="C70" s="14">
        <v>42</v>
      </c>
      <c r="D70" s="18">
        <v>82</v>
      </c>
    </row>
    <row r="71" spans="1:4" ht="18" customHeight="1" x14ac:dyDescent="0.15">
      <c r="A71" s="5" t="s">
        <v>22</v>
      </c>
      <c r="B71" s="22">
        <v>222</v>
      </c>
      <c r="C71" s="14">
        <v>220</v>
      </c>
      <c r="D71" s="18">
        <v>442</v>
      </c>
    </row>
    <row r="72" spans="1:4" ht="18" customHeight="1" x14ac:dyDescent="0.15">
      <c r="A72" s="5">
        <v>55</v>
      </c>
      <c r="B72" s="22">
        <v>53</v>
      </c>
      <c r="C72" s="14">
        <v>42</v>
      </c>
      <c r="D72" s="18">
        <v>95</v>
      </c>
    </row>
    <row r="73" spans="1:4" ht="18" customHeight="1" x14ac:dyDescent="0.15">
      <c r="A73" s="5">
        <v>56</v>
      </c>
      <c r="B73" s="22">
        <v>52</v>
      </c>
      <c r="C73" s="14">
        <v>31</v>
      </c>
      <c r="D73" s="18">
        <v>83</v>
      </c>
    </row>
    <row r="74" spans="1:4" ht="18" customHeight="1" x14ac:dyDescent="0.15">
      <c r="A74" s="5">
        <v>57</v>
      </c>
      <c r="B74" s="22">
        <v>44</v>
      </c>
      <c r="C74" s="14">
        <v>44</v>
      </c>
      <c r="D74" s="18">
        <v>88</v>
      </c>
    </row>
    <row r="75" spans="1:4" ht="18" customHeight="1" x14ac:dyDescent="0.15">
      <c r="A75" s="5">
        <v>58</v>
      </c>
      <c r="B75" s="22">
        <v>31</v>
      </c>
      <c r="C75" s="14">
        <v>42</v>
      </c>
      <c r="D75" s="18">
        <v>73</v>
      </c>
    </row>
    <row r="76" spans="1:4" ht="18" customHeight="1" x14ac:dyDescent="0.15">
      <c r="A76" s="5">
        <v>59</v>
      </c>
      <c r="B76" s="22">
        <v>38</v>
      </c>
      <c r="C76" s="14">
        <v>36</v>
      </c>
      <c r="D76" s="18">
        <v>74</v>
      </c>
    </row>
    <row r="77" spans="1:4" ht="18" customHeight="1" x14ac:dyDescent="0.15">
      <c r="A77" s="5" t="s">
        <v>27</v>
      </c>
      <c r="B77" s="22">
        <v>218</v>
      </c>
      <c r="C77" s="14">
        <v>195</v>
      </c>
      <c r="D77" s="18">
        <v>413</v>
      </c>
    </row>
    <row r="78" spans="1:4" ht="18" customHeight="1" x14ac:dyDescent="0.15">
      <c r="A78" s="5">
        <v>60</v>
      </c>
      <c r="B78" s="22">
        <v>35</v>
      </c>
      <c r="C78" s="14">
        <v>24</v>
      </c>
      <c r="D78" s="18">
        <v>59</v>
      </c>
    </row>
    <row r="79" spans="1:4" ht="18" customHeight="1" x14ac:dyDescent="0.15">
      <c r="A79" s="5">
        <v>61</v>
      </c>
      <c r="B79" s="22">
        <v>40</v>
      </c>
      <c r="C79" s="14">
        <v>35</v>
      </c>
      <c r="D79" s="18">
        <v>75</v>
      </c>
    </row>
    <row r="80" spans="1:4" ht="18" customHeight="1" x14ac:dyDescent="0.15">
      <c r="A80" s="5">
        <v>62</v>
      </c>
      <c r="B80" s="22">
        <v>43</v>
      </c>
      <c r="C80" s="14">
        <v>40</v>
      </c>
      <c r="D80" s="18">
        <v>83</v>
      </c>
    </row>
    <row r="81" spans="1:4" ht="18" customHeight="1" x14ac:dyDescent="0.15">
      <c r="A81" s="5">
        <v>63</v>
      </c>
      <c r="B81" s="22">
        <v>28</v>
      </c>
      <c r="C81" s="14">
        <v>31</v>
      </c>
      <c r="D81" s="18">
        <v>59</v>
      </c>
    </row>
    <row r="82" spans="1:4" ht="18" customHeight="1" x14ac:dyDescent="0.15">
      <c r="A82" s="5">
        <v>64</v>
      </c>
      <c r="B82" s="22">
        <v>32</v>
      </c>
      <c r="C82" s="14">
        <v>32</v>
      </c>
      <c r="D82" s="18">
        <v>64</v>
      </c>
    </row>
    <row r="83" spans="1:4" ht="18" customHeight="1" x14ac:dyDescent="0.15">
      <c r="A83" s="5" t="s">
        <v>28</v>
      </c>
      <c r="B83" s="22">
        <v>178</v>
      </c>
      <c r="C83" s="14">
        <v>162</v>
      </c>
      <c r="D83" s="18">
        <v>340</v>
      </c>
    </row>
    <row r="84" spans="1:4" ht="18" customHeight="1" x14ac:dyDescent="0.15">
      <c r="A84" s="5" t="s">
        <v>31</v>
      </c>
      <c r="B84" s="22">
        <v>1688</v>
      </c>
      <c r="C84" s="14">
        <v>1539</v>
      </c>
      <c r="D84" s="18">
        <v>3227</v>
      </c>
    </row>
    <row r="85" spans="1:4" ht="18" customHeight="1" x14ac:dyDescent="0.15">
      <c r="A85" s="5">
        <v>65</v>
      </c>
      <c r="B85" s="22">
        <v>28</v>
      </c>
      <c r="C85" s="14">
        <v>30</v>
      </c>
      <c r="D85" s="18">
        <v>58</v>
      </c>
    </row>
    <row r="86" spans="1:4" ht="18" customHeight="1" x14ac:dyDescent="0.15">
      <c r="A86" s="5">
        <v>66</v>
      </c>
      <c r="B86" s="22">
        <v>33</v>
      </c>
      <c r="C86" s="14">
        <v>40</v>
      </c>
      <c r="D86" s="18">
        <v>73</v>
      </c>
    </row>
    <row r="87" spans="1:4" ht="18" customHeight="1" x14ac:dyDescent="0.15">
      <c r="A87" s="5">
        <v>67</v>
      </c>
      <c r="B87" s="22">
        <v>23</v>
      </c>
      <c r="C87" s="14">
        <v>30</v>
      </c>
      <c r="D87" s="18">
        <v>53</v>
      </c>
    </row>
    <row r="88" spans="1:4" ht="18" customHeight="1" x14ac:dyDescent="0.15">
      <c r="A88" s="5">
        <v>68</v>
      </c>
      <c r="B88" s="22">
        <v>32</v>
      </c>
      <c r="C88" s="14">
        <v>28</v>
      </c>
      <c r="D88" s="18">
        <v>60</v>
      </c>
    </row>
    <row r="89" spans="1:4" ht="18" customHeight="1" x14ac:dyDescent="0.15">
      <c r="A89" s="5">
        <v>69</v>
      </c>
      <c r="B89" s="22">
        <v>19</v>
      </c>
      <c r="C89" s="14">
        <v>37</v>
      </c>
      <c r="D89" s="18">
        <v>56</v>
      </c>
    </row>
    <row r="90" spans="1:4" ht="18" customHeight="1" x14ac:dyDescent="0.15">
      <c r="A90" s="5" t="s">
        <v>20</v>
      </c>
      <c r="B90" s="22">
        <v>135</v>
      </c>
      <c r="C90" s="14">
        <v>165</v>
      </c>
      <c r="D90" s="18">
        <v>300</v>
      </c>
    </row>
    <row r="91" spans="1:4" ht="18" customHeight="1" x14ac:dyDescent="0.15">
      <c r="A91" s="5">
        <v>70</v>
      </c>
      <c r="B91" s="22">
        <v>45</v>
      </c>
      <c r="C91" s="14">
        <v>46</v>
      </c>
      <c r="D91" s="18">
        <v>91</v>
      </c>
    </row>
    <row r="92" spans="1:4" ht="18" customHeight="1" x14ac:dyDescent="0.15">
      <c r="A92" s="5">
        <v>71</v>
      </c>
      <c r="B92" s="22">
        <v>39</v>
      </c>
      <c r="C92" s="14">
        <v>30</v>
      </c>
      <c r="D92" s="18">
        <v>69</v>
      </c>
    </row>
    <row r="93" spans="1:4" ht="18" customHeight="1" x14ac:dyDescent="0.15">
      <c r="A93" s="5">
        <v>72</v>
      </c>
      <c r="B93" s="22">
        <v>41</v>
      </c>
      <c r="C93" s="14">
        <v>44</v>
      </c>
      <c r="D93" s="18">
        <v>85</v>
      </c>
    </row>
    <row r="94" spans="1:4" ht="18" customHeight="1" x14ac:dyDescent="0.15">
      <c r="A94" s="5">
        <v>73</v>
      </c>
      <c r="B94" s="22">
        <v>38</v>
      </c>
      <c r="C94" s="14">
        <v>30</v>
      </c>
      <c r="D94" s="18">
        <v>68</v>
      </c>
    </row>
    <row r="95" spans="1:4" ht="18" customHeight="1" x14ac:dyDescent="0.15">
      <c r="A95" s="5">
        <v>74</v>
      </c>
      <c r="B95" s="22">
        <v>41</v>
      </c>
      <c r="C95" s="14">
        <v>54</v>
      </c>
      <c r="D95" s="18">
        <v>95</v>
      </c>
    </row>
    <row r="96" spans="1:4" ht="18" customHeight="1" x14ac:dyDescent="0.15">
      <c r="A96" s="5" t="s">
        <v>33</v>
      </c>
      <c r="B96" s="22">
        <v>204</v>
      </c>
      <c r="C96" s="14">
        <v>204</v>
      </c>
      <c r="D96" s="18">
        <v>408</v>
      </c>
    </row>
    <row r="97" spans="1:4" ht="18" customHeight="1" x14ac:dyDescent="0.15">
      <c r="A97" s="5">
        <v>75</v>
      </c>
      <c r="B97" s="22">
        <v>39</v>
      </c>
      <c r="C97" s="14">
        <v>44</v>
      </c>
      <c r="D97" s="18">
        <v>83</v>
      </c>
    </row>
    <row r="98" spans="1:4" ht="18" customHeight="1" x14ac:dyDescent="0.15">
      <c r="A98" s="5">
        <v>76</v>
      </c>
      <c r="B98" s="22">
        <v>50</v>
      </c>
      <c r="C98" s="14">
        <v>53</v>
      </c>
      <c r="D98" s="18">
        <v>103</v>
      </c>
    </row>
    <row r="99" spans="1:4" ht="18" customHeight="1" x14ac:dyDescent="0.15">
      <c r="A99" s="5">
        <v>77</v>
      </c>
      <c r="B99" s="22">
        <v>42</v>
      </c>
      <c r="C99" s="14">
        <v>54</v>
      </c>
      <c r="D99" s="18">
        <v>96</v>
      </c>
    </row>
    <row r="100" spans="1:4" ht="18" customHeight="1" x14ac:dyDescent="0.15">
      <c r="A100" s="5">
        <v>78</v>
      </c>
      <c r="B100" s="22">
        <v>37</v>
      </c>
      <c r="C100" s="14">
        <v>63</v>
      </c>
      <c r="D100" s="18">
        <v>100</v>
      </c>
    </row>
    <row r="101" spans="1:4" ht="18" customHeight="1" x14ac:dyDescent="0.15">
      <c r="A101" s="5">
        <v>79</v>
      </c>
      <c r="B101" s="22">
        <v>25</v>
      </c>
      <c r="C101" s="14">
        <v>46</v>
      </c>
      <c r="D101" s="18">
        <v>71</v>
      </c>
    </row>
    <row r="102" spans="1:4" ht="18" customHeight="1" x14ac:dyDescent="0.15">
      <c r="A102" s="5" t="s">
        <v>0</v>
      </c>
      <c r="B102" s="22">
        <v>193</v>
      </c>
      <c r="C102" s="14">
        <v>260</v>
      </c>
      <c r="D102" s="18">
        <v>453</v>
      </c>
    </row>
    <row r="103" spans="1:4" ht="18" customHeight="1" x14ac:dyDescent="0.15">
      <c r="A103" s="5">
        <v>80</v>
      </c>
      <c r="B103" s="22">
        <v>21</v>
      </c>
      <c r="C103" s="14">
        <v>23</v>
      </c>
      <c r="D103" s="18">
        <v>44</v>
      </c>
    </row>
    <row r="104" spans="1:4" ht="18" customHeight="1" x14ac:dyDescent="0.15">
      <c r="A104" s="5">
        <v>81</v>
      </c>
      <c r="B104" s="22">
        <v>27</v>
      </c>
      <c r="C104" s="14">
        <v>38</v>
      </c>
      <c r="D104" s="18">
        <v>65</v>
      </c>
    </row>
    <row r="105" spans="1:4" ht="18" customHeight="1" x14ac:dyDescent="0.15">
      <c r="A105" s="5">
        <v>82</v>
      </c>
      <c r="B105" s="22">
        <v>35</v>
      </c>
      <c r="C105" s="14">
        <v>40</v>
      </c>
      <c r="D105" s="18">
        <v>75</v>
      </c>
    </row>
    <row r="106" spans="1:4" ht="18" customHeight="1" x14ac:dyDescent="0.15">
      <c r="A106" s="5">
        <v>83</v>
      </c>
      <c r="B106" s="22">
        <v>35</v>
      </c>
      <c r="C106" s="14">
        <v>34</v>
      </c>
      <c r="D106" s="18">
        <v>69</v>
      </c>
    </row>
    <row r="107" spans="1:4" ht="18" customHeight="1" x14ac:dyDescent="0.15">
      <c r="A107" s="5">
        <v>84</v>
      </c>
      <c r="B107" s="22">
        <v>22</v>
      </c>
      <c r="C107" s="14">
        <v>39</v>
      </c>
      <c r="D107" s="18">
        <v>61</v>
      </c>
    </row>
    <row r="108" spans="1:4" ht="18" customHeight="1" x14ac:dyDescent="0.15">
      <c r="A108" s="5" t="s">
        <v>35</v>
      </c>
      <c r="B108" s="22">
        <v>140</v>
      </c>
      <c r="C108" s="14">
        <v>174</v>
      </c>
      <c r="D108" s="18">
        <v>314</v>
      </c>
    </row>
    <row r="109" spans="1:4" ht="18" customHeight="1" x14ac:dyDescent="0.15">
      <c r="A109" s="5">
        <v>85</v>
      </c>
      <c r="B109" s="22">
        <v>19</v>
      </c>
      <c r="C109" s="14">
        <v>31</v>
      </c>
      <c r="D109" s="18">
        <v>50</v>
      </c>
    </row>
    <row r="110" spans="1:4" ht="18" customHeight="1" x14ac:dyDescent="0.15">
      <c r="A110" s="5">
        <v>86</v>
      </c>
      <c r="B110" s="22">
        <v>12</v>
      </c>
      <c r="C110" s="14">
        <v>24</v>
      </c>
      <c r="D110" s="18">
        <v>36</v>
      </c>
    </row>
    <row r="111" spans="1:4" ht="18" customHeight="1" x14ac:dyDescent="0.15">
      <c r="A111" s="5">
        <v>87</v>
      </c>
      <c r="B111" s="22">
        <v>13</v>
      </c>
      <c r="C111" s="14">
        <v>22</v>
      </c>
      <c r="D111" s="18">
        <v>35</v>
      </c>
    </row>
    <row r="112" spans="1:4" ht="18" customHeight="1" x14ac:dyDescent="0.15">
      <c r="A112" s="5">
        <v>88</v>
      </c>
      <c r="B112" s="22">
        <v>9</v>
      </c>
      <c r="C112" s="14">
        <v>17</v>
      </c>
      <c r="D112" s="18">
        <v>26</v>
      </c>
    </row>
    <row r="113" spans="1:4" ht="18" customHeight="1" x14ac:dyDescent="0.15">
      <c r="A113" s="5">
        <v>89</v>
      </c>
      <c r="B113" s="22">
        <v>13</v>
      </c>
      <c r="C113" s="14">
        <v>15</v>
      </c>
      <c r="D113" s="18">
        <v>28</v>
      </c>
    </row>
    <row r="114" spans="1:4" ht="18" customHeight="1" x14ac:dyDescent="0.15">
      <c r="A114" s="5" t="s">
        <v>37</v>
      </c>
      <c r="B114" s="22">
        <v>66</v>
      </c>
      <c r="C114" s="14">
        <v>109</v>
      </c>
      <c r="D114" s="18">
        <v>175</v>
      </c>
    </row>
    <row r="115" spans="1:4" ht="18" customHeight="1" x14ac:dyDescent="0.15">
      <c r="A115" s="5">
        <v>90</v>
      </c>
      <c r="B115" s="22">
        <v>9</v>
      </c>
      <c r="C115" s="14">
        <v>29</v>
      </c>
      <c r="D115" s="18">
        <v>38</v>
      </c>
    </row>
    <row r="116" spans="1:4" ht="18" customHeight="1" x14ac:dyDescent="0.15">
      <c r="A116" s="5">
        <v>91</v>
      </c>
      <c r="B116" s="22">
        <v>3</v>
      </c>
      <c r="C116" s="14">
        <v>18</v>
      </c>
      <c r="D116" s="18">
        <v>21</v>
      </c>
    </row>
    <row r="117" spans="1:4" ht="18" customHeight="1" x14ac:dyDescent="0.15">
      <c r="A117" s="5">
        <v>92</v>
      </c>
      <c r="B117" s="22">
        <v>4</v>
      </c>
      <c r="C117" s="14">
        <v>13</v>
      </c>
      <c r="D117" s="18">
        <v>17</v>
      </c>
    </row>
    <row r="118" spans="1:4" ht="18" customHeight="1" x14ac:dyDescent="0.15">
      <c r="A118" s="5">
        <v>93</v>
      </c>
      <c r="B118" s="22">
        <v>7</v>
      </c>
      <c r="C118" s="14">
        <v>18</v>
      </c>
      <c r="D118" s="18">
        <v>25</v>
      </c>
    </row>
    <row r="119" spans="1:4" ht="18" customHeight="1" x14ac:dyDescent="0.15">
      <c r="A119" s="5">
        <v>94</v>
      </c>
      <c r="B119" s="22">
        <v>8</v>
      </c>
      <c r="C119" s="14">
        <v>10</v>
      </c>
      <c r="D119" s="18">
        <v>18</v>
      </c>
    </row>
    <row r="120" spans="1:4" ht="18" customHeight="1" x14ac:dyDescent="0.15">
      <c r="A120" s="5" t="s">
        <v>39</v>
      </c>
      <c r="B120" s="22">
        <v>31</v>
      </c>
      <c r="C120" s="14">
        <v>88</v>
      </c>
      <c r="D120" s="18">
        <v>119</v>
      </c>
    </row>
    <row r="121" spans="1:4" ht="18" customHeight="1" x14ac:dyDescent="0.15">
      <c r="A121" s="5">
        <v>95</v>
      </c>
      <c r="B121" s="22">
        <v>0</v>
      </c>
      <c r="C121" s="14">
        <v>13</v>
      </c>
      <c r="D121" s="18">
        <v>13</v>
      </c>
    </row>
    <row r="122" spans="1:4" ht="18" customHeight="1" x14ac:dyDescent="0.15">
      <c r="A122" s="5">
        <v>96</v>
      </c>
      <c r="B122" s="22">
        <v>3</v>
      </c>
      <c r="C122" s="14">
        <v>5</v>
      </c>
      <c r="D122" s="18">
        <v>8</v>
      </c>
    </row>
    <row r="123" spans="1:4" ht="18" customHeight="1" x14ac:dyDescent="0.15">
      <c r="A123" s="5">
        <v>97</v>
      </c>
      <c r="B123" s="22">
        <v>1</v>
      </c>
      <c r="C123" s="14">
        <v>10</v>
      </c>
      <c r="D123" s="18">
        <v>11</v>
      </c>
    </row>
    <row r="124" spans="1:4" ht="18" customHeight="1" x14ac:dyDescent="0.15">
      <c r="A124" s="5">
        <v>98</v>
      </c>
      <c r="B124" s="22">
        <v>1</v>
      </c>
      <c r="C124" s="14">
        <v>7</v>
      </c>
      <c r="D124" s="18">
        <v>8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5</v>
      </c>
      <c r="C126" s="14">
        <v>37</v>
      </c>
      <c r="D126" s="18">
        <v>42</v>
      </c>
    </row>
    <row r="127" spans="1:4" ht="18" customHeight="1" x14ac:dyDescent="0.15">
      <c r="A127" s="5">
        <v>100</v>
      </c>
      <c r="B127" s="22">
        <v>1</v>
      </c>
      <c r="C127" s="14">
        <v>5</v>
      </c>
      <c r="D127" s="18">
        <v>6</v>
      </c>
    </row>
    <row r="128" spans="1:4" ht="18" customHeight="1" x14ac:dyDescent="0.15">
      <c r="A128" s="6" t="s">
        <v>43</v>
      </c>
      <c r="B128" s="22">
        <v>1</v>
      </c>
      <c r="C128" s="14">
        <v>3</v>
      </c>
      <c r="D128" s="18">
        <v>4</v>
      </c>
    </row>
    <row r="129" spans="1:4" ht="18" customHeight="1" x14ac:dyDescent="0.15">
      <c r="A129" s="5" t="s">
        <v>44</v>
      </c>
      <c r="B129" s="22">
        <v>2</v>
      </c>
      <c r="C129" s="14">
        <v>8</v>
      </c>
      <c r="D129" s="18">
        <v>10</v>
      </c>
    </row>
    <row r="130" spans="1:4" ht="18" customHeight="1" x14ac:dyDescent="0.15">
      <c r="A130" s="5" t="s">
        <v>46</v>
      </c>
      <c r="B130" s="22">
        <v>776</v>
      </c>
      <c r="C130" s="14">
        <v>1045</v>
      </c>
      <c r="D130" s="18">
        <v>1821</v>
      </c>
    </row>
    <row r="131" spans="1:4" ht="18" customHeight="1" x14ac:dyDescent="0.15">
      <c r="A131" s="7" t="s">
        <v>45</v>
      </c>
      <c r="B131" s="23">
        <v>2769</v>
      </c>
      <c r="C131" s="15">
        <v>2886</v>
      </c>
      <c r="D131" s="19">
        <v>565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300-000000000000}">
  <sheetPr codeName="Sheet3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3</v>
      </c>
      <c r="C5" s="13">
        <v>20</v>
      </c>
      <c r="D5" s="17">
        <v>33</v>
      </c>
    </row>
    <row r="6" spans="1:4" ht="18" customHeight="1" x14ac:dyDescent="0.15">
      <c r="A6" s="5">
        <v>1</v>
      </c>
      <c r="B6" s="22">
        <v>19</v>
      </c>
      <c r="C6" s="14">
        <v>25</v>
      </c>
      <c r="D6" s="18">
        <v>44</v>
      </c>
    </row>
    <row r="7" spans="1:4" ht="18" customHeight="1" x14ac:dyDescent="0.15">
      <c r="A7" s="5">
        <v>2</v>
      </c>
      <c r="B7" s="22">
        <v>18</v>
      </c>
      <c r="C7" s="14">
        <v>20</v>
      </c>
      <c r="D7" s="18">
        <v>38</v>
      </c>
    </row>
    <row r="8" spans="1:4" ht="18" customHeight="1" x14ac:dyDescent="0.15">
      <c r="A8" s="5">
        <v>3</v>
      </c>
      <c r="B8" s="22">
        <v>29</v>
      </c>
      <c r="C8" s="14">
        <v>20</v>
      </c>
      <c r="D8" s="18">
        <v>49</v>
      </c>
    </row>
    <row r="9" spans="1:4" ht="18" customHeight="1" x14ac:dyDescent="0.15">
      <c r="A9" s="5">
        <v>4</v>
      </c>
      <c r="B9" s="22">
        <v>31</v>
      </c>
      <c r="C9" s="14">
        <v>22</v>
      </c>
      <c r="D9" s="18">
        <v>53</v>
      </c>
    </row>
    <row r="10" spans="1:4" ht="18" customHeight="1" x14ac:dyDescent="0.15">
      <c r="A10" s="5" t="s">
        <v>7</v>
      </c>
      <c r="B10" s="22">
        <v>110</v>
      </c>
      <c r="C10" s="14">
        <v>107</v>
      </c>
      <c r="D10" s="18">
        <v>217</v>
      </c>
    </row>
    <row r="11" spans="1:4" ht="18" customHeight="1" x14ac:dyDescent="0.15">
      <c r="A11" s="5">
        <v>5</v>
      </c>
      <c r="B11" s="22">
        <v>20</v>
      </c>
      <c r="C11" s="14">
        <v>22</v>
      </c>
      <c r="D11" s="18">
        <v>42</v>
      </c>
    </row>
    <row r="12" spans="1:4" ht="18" customHeight="1" x14ac:dyDescent="0.15">
      <c r="A12" s="5">
        <v>6</v>
      </c>
      <c r="B12" s="22">
        <v>23</v>
      </c>
      <c r="C12" s="14">
        <v>19</v>
      </c>
      <c r="D12" s="18">
        <v>42</v>
      </c>
    </row>
    <row r="13" spans="1:4" ht="18" customHeight="1" x14ac:dyDescent="0.15">
      <c r="A13" s="5">
        <v>7</v>
      </c>
      <c r="B13" s="22">
        <v>27</v>
      </c>
      <c r="C13" s="14">
        <v>23</v>
      </c>
      <c r="D13" s="18">
        <v>50</v>
      </c>
    </row>
    <row r="14" spans="1:4" ht="18" customHeight="1" x14ac:dyDescent="0.15">
      <c r="A14" s="5">
        <v>8</v>
      </c>
      <c r="B14" s="22">
        <v>21</v>
      </c>
      <c r="C14" s="14">
        <v>19</v>
      </c>
      <c r="D14" s="18">
        <v>40</v>
      </c>
    </row>
    <row r="15" spans="1:4" ht="18" customHeight="1" x14ac:dyDescent="0.15">
      <c r="A15" s="5">
        <v>9</v>
      </c>
      <c r="B15" s="22">
        <v>28</v>
      </c>
      <c r="C15" s="14">
        <v>28</v>
      </c>
      <c r="D15" s="18">
        <v>56</v>
      </c>
    </row>
    <row r="16" spans="1:4" ht="18" customHeight="1" x14ac:dyDescent="0.15">
      <c r="A16" s="5" t="s">
        <v>11</v>
      </c>
      <c r="B16" s="22">
        <v>119</v>
      </c>
      <c r="C16" s="14">
        <v>111</v>
      </c>
      <c r="D16" s="18">
        <v>230</v>
      </c>
    </row>
    <row r="17" spans="1:4" ht="18" customHeight="1" x14ac:dyDescent="0.15">
      <c r="A17" s="5">
        <v>10</v>
      </c>
      <c r="B17" s="22">
        <v>23</v>
      </c>
      <c r="C17" s="14">
        <v>32</v>
      </c>
      <c r="D17" s="18">
        <v>55</v>
      </c>
    </row>
    <row r="18" spans="1:4" ht="18" customHeight="1" x14ac:dyDescent="0.15">
      <c r="A18" s="5">
        <v>11</v>
      </c>
      <c r="B18" s="22">
        <v>30</v>
      </c>
      <c r="C18" s="14">
        <v>25</v>
      </c>
      <c r="D18" s="18">
        <v>55</v>
      </c>
    </row>
    <row r="19" spans="1:4" ht="18" customHeight="1" x14ac:dyDescent="0.15">
      <c r="A19" s="5">
        <v>12</v>
      </c>
      <c r="B19" s="22">
        <v>29</v>
      </c>
      <c r="C19" s="14">
        <v>30</v>
      </c>
      <c r="D19" s="18">
        <v>59</v>
      </c>
    </row>
    <row r="20" spans="1:4" ht="18" customHeight="1" x14ac:dyDescent="0.15">
      <c r="A20" s="5">
        <v>13</v>
      </c>
      <c r="B20" s="22">
        <v>31</v>
      </c>
      <c r="C20" s="14">
        <v>33</v>
      </c>
      <c r="D20" s="18">
        <v>64</v>
      </c>
    </row>
    <row r="21" spans="1:4" ht="18" customHeight="1" x14ac:dyDescent="0.15">
      <c r="A21" s="5">
        <v>14</v>
      </c>
      <c r="B21" s="22">
        <v>37</v>
      </c>
      <c r="C21" s="14">
        <v>29</v>
      </c>
      <c r="D21" s="18">
        <v>66</v>
      </c>
    </row>
    <row r="22" spans="1:4" ht="18" customHeight="1" x14ac:dyDescent="0.15">
      <c r="A22" s="5" t="s">
        <v>12</v>
      </c>
      <c r="B22" s="22">
        <v>150</v>
      </c>
      <c r="C22" s="14">
        <v>149</v>
      </c>
      <c r="D22" s="18">
        <v>299</v>
      </c>
    </row>
    <row r="23" spans="1:4" ht="18" customHeight="1" x14ac:dyDescent="0.15">
      <c r="A23" s="5" t="s">
        <v>6</v>
      </c>
      <c r="B23" s="22">
        <v>379</v>
      </c>
      <c r="C23" s="14">
        <v>367</v>
      </c>
      <c r="D23" s="18">
        <v>746</v>
      </c>
    </row>
    <row r="24" spans="1:4" ht="18" customHeight="1" x14ac:dyDescent="0.15">
      <c r="A24" s="5">
        <v>15</v>
      </c>
      <c r="B24" s="22">
        <v>32</v>
      </c>
      <c r="C24" s="14">
        <v>22</v>
      </c>
      <c r="D24" s="18">
        <v>54</v>
      </c>
    </row>
    <row r="25" spans="1:4" ht="18" customHeight="1" x14ac:dyDescent="0.15">
      <c r="A25" s="5">
        <v>16</v>
      </c>
      <c r="B25" s="22">
        <v>36</v>
      </c>
      <c r="C25" s="14">
        <v>28</v>
      </c>
      <c r="D25" s="18">
        <v>64</v>
      </c>
    </row>
    <row r="26" spans="1:4" ht="18" customHeight="1" x14ac:dyDescent="0.15">
      <c r="A26" s="5">
        <v>17</v>
      </c>
      <c r="B26" s="22">
        <v>29</v>
      </c>
      <c r="C26" s="14">
        <v>28</v>
      </c>
      <c r="D26" s="18">
        <v>57</v>
      </c>
    </row>
    <row r="27" spans="1:4" ht="18" customHeight="1" x14ac:dyDescent="0.15">
      <c r="A27" s="5">
        <v>18</v>
      </c>
      <c r="B27" s="22">
        <v>36</v>
      </c>
      <c r="C27" s="14">
        <v>34</v>
      </c>
      <c r="D27" s="18">
        <v>70</v>
      </c>
    </row>
    <row r="28" spans="1:4" ht="18" customHeight="1" x14ac:dyDescent="0.15">
      <c r="A28" s="5">
        <v>19</v>
      </c>
      <c r="B28" s="22">
        <v>31</v>
      </c>
      <c r="C28" s="14">
        <v>34</v>
      </c>
      <c r="D28" s="18">
        <v>65</v>
      </c>
    </row>
    <row r="29" spans="1:4" ht="18" customHeight="1" x14ac:dyDescent="0.15">
      <c r="A29" s="5" t="s">
        <v>14</v>
      </c>
      <c r="B29" s="22">
        <v>164</v>
      </c>
      <c r="C29" s="14">
        <v>146</v>
      </c>
      <c r="D29" s="18">
        <v>310</v>
      </c>
    </row>
    <row r="30" spans="1:4" ht="18" customHeight="1" x14ac:dyDescent="0.15">
      <c r="A30" s="5">
        <v>20</v>
      </c>
      <c r="B30" s="22">
        <v>43</v>
      </c>
      <c r="C30" s="14">
        <v>32</v>
      </c>
      <c r="D30" s="18">
        <v>75</v>
      </c>
    </row>
    <row r="31" spans="1:4" ht="18" customHeight="1" x14ac:dyDescent="0.15">
      <c r="A31" s="5">
        <v>21</v>
      </c>
      <c r="B31" s="22">
        <v>42</v>
      </c>
      <c r="C31" s="14">
        <v>40</v>
      </c>
      <c r="D31" s="18">
        <v>82</v>
      </c>
    </row>
    <row r="32" spans="1:4" ht="18" customHeight="1" x14ac:dyDescent="0.15">
      <c r="A32" s="5">
        <v>22</v>
      </c>
      <c r="B32" s="22">
        <v>46</v>
      </c>
      <c r="C32" s="14">
        <v>36</v>
      </c>
      <c r="D32" s="18">
        <v>82</v>
      </c>
    </row>
    <row r="33" spans="1:4" ht="18" customHeight="1" x14ac:dyDescent="0.15">
      <c r="A33" s="5">
        <v>23</v>
      </c>
      <c r="B33" s="22">
        <v>52</v>
      </c>
      <c r="C33" s="14">
        <v>45</v>
      </c>
      <c r="D33" s="18">
        <v>97</v>
      </c>
    </row>
    <row r="34" spans="1:4" ht="18" customHeight="1" x14ac:dyDescent="0.15">
      <c r="A34" s="5">
        <v>24</v>
      </c>
      <c r="B34" s="22">
        <v>29</v>
      </c>
      <c r="C34" s="14">
        <v>25</v>
      </c>
      <c r="D34" s="18">
        <v>54</v>
      </c>
    </row>
    <row r="35" spans="1:4" ht="18" customHeight="1" x14ac:dyDescent="0.15">
      <c r="A35" s="5" t="s">
        <v>9</v>
      </c>
      <c r="B35" s="22">
        <v>212</v>
      </c>
      <c r="C35" s="14">
        <v>178</v>
      </c>
      <c r="D35" s="18">
        <v>390</v>
      </c>
    </row>
    <row r="36" spans="1:4" ht="18" customHeight="1" x14ac:dyDescent="0.15">
      <c r="A36" s="5">
        <v>25</v>
      </c>
      <c r="B36" s="22">
        <v>40</v>
      </c>
      <c r="C36" s="14">
        <v>27</v>
      </c>
      <c r="D36" s="18">
        <v>67</v>
      </c>
    </row>
    <row r="37" spans="1:4" ht="18" customHeight="1" x14ac:dyDescent="0.15">
      <c r="A37" s="5">
        <v>26</v>
      </c>
      <c r="B37" s="22">
        <v>32</v>
      </c>
      <c r="C37" s="14">
        <v>37</v>
      </c>
      <c r="D37" s="18">
        <v>69</v>
      </c>
    </row>
    <row r="38" spans="1:4" ht="18" customHeight="1" x14ac:dyDescent="0.15">
      <c r="A38" s="5">
        <v>27</v>
      </c>
      <c r="B38" s="22">
        <v>41</v>
      </c>
      <c r="C38" s="14">
        <v>36</v>
      </c>
      <c r="D38" s="18">
        <v>77</v>
      </c>
    </row>
    <row r="39" spans="1:4" ht="18" customHeight="1" x14ac:dyDescent="0.15">
      <c r="A39" s="5">
        <v>28</v>
      </c>
      <c r="B39" s="22">
        <v>30</v>
      </c>
      <c r="C39" s="14">
        <v>31</v>
      </c>
      <c r="D39" s="18">
        <v>61</v>
      </c>
    </row>
    <row r="40" spans="1:4" ht="18" customHeight="1" x14ac:dyDescent="0.15">
      <c r="A40" s="5">
        <v>29</v>
      </c>
      <c r="B40" s="22">
        <v>43</v>
      </c>
      <c r="C40" s="14">
        <v>31</v>
      </c>
      <c r="D40" s="18">
        <v>74</v>
      </c>
    </row>
    <row r="41" spans="1:4" ht="18" customHeight="1" x14ac:dyDescent="0.15">
      <c r="A41" s="5" t="s">
        <v>2</v>
      </c>
      <c r="B41" s="22">
        <v>186</v>
      </c>
      <c r="C41" s="14">
        <v>162</v>
      </c>
      <c r="D41" s="18">
        <v>348</v>
      </c>
    </row>
    <row r="42" spans="1:4" ht="18" customHeight="1" x14ac:dyDescent="0.15">
      <c r="A42" s="5">
        <v>30</v>
      </c>
      <c r="B42" s="22">
        <v>49</v>
      </c>
      <c r="C42" s="14">
        <v>29</v>
      </c>
      <c r="D42" s="18">
        <v>78</v>
      </c>
    </row>
    <row r="43" spans="1:4" ht="18" customHeight="1" x14ac:dyDescent="0.15">
      <c r="A43" s="5">
        <v>31</v>
      </c>
      <c r="B43" s="22">
        <v>37</v>
      </c>
      <c r="C43" s="14">
        <v>25</v>
      </c>
      <c r="D43" s="18">
        <v>62</v>
      </c>
    </row>
    <row r="44" spans="1:4" ht="18" customHeight="1" x14ac:dyDescent="0.15">
      <c r="A44" s="5">
        <v>32</v>
      </c>
      <c r="B44" s="22">
        <v>25</v>
      </c>
      <c r="C44" s="14">
        <v>29</v>
      </c>
      <c r="D44" s="18">
        <v>54</v>
      </c>
    </row>
    <row r="45" spans="1:4" ht="18" customHeight="1" x14ac:dyDescent="0.15">
      <c r="A45" s="5">
        <v>33</v>
      </c>
      <c r="B45" s="22">
        <v>35</v>
      </c>
      <c r="C45" s="14">
        <v>14</v>
      </c>
      <c r="D45" s="18">
        <v>49</v>
      </c>
    </row>
    <row r="46" spans="1:4" ht="18" customHeight="1" x14ac:dyDescent="0.15">
      <c r="A46" s="5">
        <v>34</v>
      </c>
      <c r="B46" s="22">
        <v>34</v>
      </c>
      <c r="C46" s="14">
        <v>17</v>
      </c>
      <c r="D46" s="18">
        <v>51</v>
      </c>
    </row>
    <row r="47" spans="1:4" ht="18" customHeight="1" x14ac:dyDescent="0.15">
      <c r="A47" s="5" t="s">
        <v>15</v>
      </c>
      <c r="B47" s="22">
        <v>180</v>
      </c>
      <c r="C47" s="14">
        <v>114</v>
      </c>
      <c r="D47" s="18">
        <v>294</v>
      </c>
    </row>
    <row r="48" spans="1:4" ht="18" customHeight="1" x14ac:dyDescent="0.15">
      <c r="A48" s="5">
        <v>35</v>
      </c>
      <c r="B48" s="22">
        <v>38</v>
      </c>
      <c r="C48" s="14">
        <v>30</v>
      </c>
      <c r="D48" s="18">
        <v>68</v>
      </c>
    </row>
    <row r="49" spans="1:4" ht="18" customHeight="1" x14ac:dyDescent="0.15">
      <c r="A49" s="5">
        <v>36</v>
      </c>
      <c r="B49" s="22">
        <v>37</v>
      </c>
      <c r="C49" s="14">
        <v>25</v>
      </c>
      <c r="D49" s="18">
        <v>62</v>
      </c>
    </row>
    <row r="50" spans="1:4" ht="18" customHeight="1" x14ac:dyDescent="0.15">
      <c r="A50" s="5">
        <v>37</v>
      </c>
      <c r="B50" s="22">
        <v>32</v>
      </c>
      <c r="C50" s="14">
        <v>36</v>
      </c>
      <c r="D50" s="18">
        <v>68</v>
      </c>
    </row>
    <row r="51" spans="1:4" ht="18" customHeight="1" x14ac:dyDescent="0.15">
      <c r="A51" s="5">
        <v>38</v>
      </c>
      <c r="B51" s="22">
        <v>31</v>
      </c>
      <c r="C51" s="14">
        <v>44</v>
      </c>
      <c r="D51" s="18">
        <v>75</v>
      </c>
    </row>
    <row r="52" spans="1:4" ht="18" customHeight="1" x14ac:dyDescent="0.15">
      <c r="A52" s="5">
        <v>39</v>
      </c>
      <c r="B52" s="22">
        <v>30</v>
      </c>
      <c r="C52" s="14">
        <v>33</v>
      </c>
      <c r="D52" s="18">
        <v>63</v>
      </c>
    </row>
    <row r="53" spans="1:4" ht="18" customHeight="1" x14ac:dyDescent="0.15">
      <c r="A53" s="5" t="s">
        <v>18</v>
      </c>
      <c r="B53" s="22">
        <v>168</v>
      </c>
      <c r="C53" s="14">
        <v>168</v>
      </c>
      <c r="D53" s="18">
        <v>336</v>
      </c>
    </row>
    <row r="54" spans="1:4" ht="18" customHeight="1" x14ac:dyDescent="0.15">
      <c r="A54" s="5">
        <v>40</v>
      </c>
      <c r="B54" s="22">
        <v>46</v>
      </c>
      <c r="C54" s="14">
        <v>41</v>
      </c>
      <c r="D54" s="18">
        <v>87</v>
      </c>
    </row>
    <row r="55" spans="1:4" ht="18" customHeight="1" x14ac:dyDescent="0.15">
      <c r="A55" s="5">
        <v>41</v>
      </c>
      <c r="B55" s="22">
        <v>51</v>
      </c>
      <c r="C55" s="14">
        <v>46</v>
      </c>
      <c r="D55" s="18">
        <v>97</v>
      </c>
    </row>
    <row r="56" spans="1:4" ht="18" customHeight="1" x14ac:dyDescent="0.15">
      <c r="A56" s="5">
        <v>42</v>
      </c>
      <c r="B56" s="22">
        <v>38</v>
      </c>
      <c r="C56" s="14">
        <v>28</v>
      </c>
      <c r="D56" s="18">
        <v>66</v>
      </c>
    </row>
    <row r="57" spans="1:4" ht="18" customHeight="1" x14ac:dyDescent="0.15">
      <c r="A57" s="5">
        <v>43</v>
      </c>
      <c r="B57" s="22">
        <v>43</v>
      </c>
      <c r="C57" s="14">
        <v>43</v>
      </c>
      <c r="D57" s="18">
        <v>86</v>
      </c>
    </row>
    <row r="58" spans="1:4" ht="18" customHeight="1" x14ac:dyDescent="0.15">
      <c r="A58" s="5">
        <v>44</v>
      </c>
      <c r="B58" s="22">
        <v>49</v>
      </c>
      <c r="C58" s="14">
        <v>52</v>
      </c>
      <c r="D58" s="18">
        <v>101</v>
      </c>
    </row>
    <row r="59" spans="1:4" ht="18" customHeight="1" x14ac:dyDescent="0.15">
      <c r="A59" s="5" t="s">
        <v>21</v>
      </c>
      <c r="B59" s="22">
        <v>227</v>
      </c>
      <c r="C59" s="14">
        <v>210</v>
      </c>
      <c r="D59" s="18">
        <v>437</v>
      </c>
    </row>
    <row r="60" spans="1:4" ht="18" customHeight="1" x14ac:dyDescent="0.15">
      <c r="A60" s="5">
        <v>45</v>
      </c>
      <c r="B60" s="22">
        <v>40</v>
      </c>
      <c r="C60" s="14">
        <v>36</v>
      </c>
      <c r="D60" s="18">
        <v>76</v>
      </c>
    </row>
    <row r="61" spans="1:4" ht="18" customHeight="1" x14ac:dyDescent="0.15">
      <c r="A61" s="5">
        <v>46</v>
      </c>
      <c r="B61" s="22">
        <v>46</v>
      </c>
      <c r="C61" s="14">
        <v>35</v>
      </c>
      <c r="D61" s="18">
        <v>81</v>
      </c>
    </row>
    <row r="62" spans="1:4" ht="18" customHeight="1" x14ac:dyDescent="0.15">
      <c r="A62" s="5">
        <v>47</v>
      </c>
      <c r="B62" s="22">
        <v>46</v>
      </c>
      <c r="C62" s="14">
        <v>41</v>
      </c>
      <c r="D62" s="18">
        <v>87</v>
      </c>
    </row>
    <row r="63" spans="1:4" ht="18" customHeight="1" x14ac:dyDescent="0.15">
      <c r="A63" s="5">
        <v>48</v>
      </c>
      <c r="B63" s="22">
        <v>37</v>
      </c>
      <c r="C63" s="14">
        <v>39</v>
      </c>
      <c r="D63" s="18">
        <v>76</v>
      </c>
    </row>
    <row r="64" spans="1:4" ht="18" customHeight="1" x14ac:dyDescent="0.15">
      <c r="A64" s="5">
        <v>49</v>
      </c>
      <c r="B64" s="22">
        <v>61</v>
      </c>
      <c r="C64" s="14">
        <v>62</v>
      </c>
      <c r="D64" s="18">
        <v>123</v>
      </c>
    </row>
    <row r="65" spans="1:4" ht="18" customHeight="1" x14ac:dyDescent="0.15">
      <c r="A65" s="5" t="s">
        <v>17</v>
      </c>
      <c r="B65" s="22">
        <v>230</v>
      </c>
      <c r="C65" s="14">
        <v>213</v>
      </c>
      <c r="D65" s="18">
        <v>443</v>
      </c>
    </row>
    <row r="66" spans="1:4" ht="18" customHeight="1" x14ac:dyDescent="0.15">
      <c r="A66" s="5">
        <v>50</v>
      </c>
      <c r="B66" s="22">
        <v>57</v>
      </c>
      <c r="C66" s="14">
        <v>59</v>
      </c>
      <c r="D66" s="18">
        <v>116</v>
      </c>
    </row>
    <row r="67" spans="1:4" ht="18" customHeight="1" x14ac:dyDescent="0.15">
      <c r="A67" s="5">
        <v>51</v>
      </c>
      <c r="B67" s="22">
        <v>66</v>
      </c>
      <c r="C67" s="14">
        <v>57</v>
      </c>
      <c r="D67" s="18">
        <v>123</v>
      </c>
    </row>
    <row r="68" spans="1:4" ht="18" customHeight="1" x14ac:dyDescent="0.15">
      <c r="A68" s="5">
        <v>52</v>
      </c>
      <c r="B68" s="22">
        <v>61</v>
      </c>
      <c r="C68" s="14">
        <v>72</v>
      </c>
      <c r="D68" s="18">
        <v>133</v>
      </c>
    </row>
    <row r="69" spans="1:4" ht="18" customHeight="1" x14ac:dyDescent="0.15">
      <c r="A69" s="5">
        <v>53</v>
      </c>
      <c r="B69" s="22">
        <v>69</v>
      </c>
      <c r="C69" s="14">
        <v>72</v>
      </c>
      <c r="D69" s="18">
        <v>141</v>
      </c>
    </row>
    <row r="70" spans="1:4" ht="18" customHeight="1" x14ac:dyDescent="0.15">
      <c r="A70" s="5">
        <v>54</v>
      </c>
      <c r="B70" s="22">
        <v>69</v>
      </c>
      <c r="C70" s="14">
        <v>59</v>
      </c>
      <c r="D70" s="18">
        <v>128</v>
      </c>
    </row>
    <row r="71" spans="1:4" ht="18" customHeight="1" x14ac:dyDescent="0.15">
      <c r="A71" s="5" t="s">
        <v>22</v>
      </c>
      <c r="B71" s="22">
        <v>322</v>
      </c>
      <c r="C71" s="14">
        <v>319</v>
      </c>
      <c r="D71" s="18">
        <v>641</v>
      </c>
    </row>
    <row r="72" spans="1:4" ht="18" customHeight="1" x14ac:dyDescent="0.15">
      <c r="A72" s="5">
        <v>55</v>
      </c>
      <c r="B72" s="22">
        <v>84</v>
      </c>
      <c r="C72" s="14">
        <v>65</v>
      </c>
      <c r="D72" s="18">
        <v>149</v>
      </c>
    </row>
    <row r="73" spans="1:4" ht="18" customHeight="1" x14ac:dyDescent="0.15">
      <c r="A73" s="5">
        <v>56</v>
      </c>
      <c r="B73" s="22">
        <v>55</v>
      </c>
      <c r="C73" s="14">
        <v>59</v>
      </c>
      <c r="D73" s="18">
        <v>114</v>
      </c>
    </row>
    <row r="74" spans="1:4" ht="18" customHeight="1" x14ac:dyDescent="0.15">
      <c r="A74" s="5">
        <v>57</v>
      </c>
      <c r="B74" s="22">
        <v>55</v>
      </c>
      <c r="C74" s="14">
        <v>65</v>
      </c>
      <c r="D74" s="18">
        <v>120</v>
      </c>
    </row>
    <row r="75" spans="1:4" ht="18" customHeight="1" x14ac:dyDescent="0.15">
      <c r="A75" s="5">
        <v>58</v>
      </c>
      <c r="B75" s="22">
        <v>67</v>
      </c>
      <c r="C75" s="14">
        <v>69</v>
      </c>
      <c r="D75" s="18">
        <v>136</v>
      </c>
    </row>
    <row r="76" spans="1:4" ht="18" customHeight="1" x14ac:dyDescent="0.15">
      <c r="A76" s="5">
        <v>59</v>
      </c>
      <c r="B76" s="22">
        <v>50</v>
      </c>
      <c r="C76" s="14">
        <v>47</v>
      </c>
      <c r="D76" s="18">
        <v>97</v>
      </c>
    </row>
    <row r="77" spans="1:4" ht="18" customHeight="1" x14ac:dyDescent="0.15">
      <c r="A77" s="5" t="s">
        <v>27</v>
      </c>
      <c r="B77" s="22">
        <v>311</v>
      </c>
      <c r="C77" s="14">
        <v>305</v>
      </c>
      <c r="D77" s="18">
        <v>616</v>
      </c>
    </row>
    <row r="78" spans="1:4" ht="18" customHeight="1" x14ac:dyDescent="0.15">
      <c r="A78" s="5">
        <v>60</v>
      </c>
      <c r="B78" s="22">
        <v>47</v>
      </c>
      <c r="C78" s="14">
        <v>57</v>
      </c>
      <c r="D78" s="18">
        <v>104</v>
      </c>
    </row>
    <row r="79" spans="1:4" ht="18" customHeight="1" x14ac:dyDescent="0.15">
      <c r="A79" s="5">
        <v>61</v>
      </c>
      <c r="B79" s="22">
        <v>39</v>
      </c>
      <c r="C79" s="14">
        <v>49</v>
      </c>
      <c r="D79" s="18">
        <v>88</v>
      </c>
    </row>
    <row r="80" spans="1:4" ht="18" customHeight="1" x14ac:dyDescent="0.15">
      <c r="A80" s="5">
        <v>62</v>
      </c>
      <c r="B80" s="22">
        <v>45</v>
      </c>
      <c r="C80" s="14">
        <v>44</v>
      </c>
      <c r="D80" s="18">
        <v>89</v>
      </c>
    </row>
    <row r="81" spans="1:4" ht="18" customHeight="1" x14ac:dyDescent="0.15">
      <c r="A81" s="5">
        <v>63</v>
      </c>
      <c r="B81" s="22">
        <v>43</v>
      </c>
      <c r="C81" s="14">
        <v>40</v>
      </c>
      <c r="D81" s="18">
        <v>83</v>
      </c>
    </row>
    <row r="82" spans="1:4" ht="18" customHeight="1" x14ac:dyDescent="0.15">
      <c r="A82" s="5">
        <v>64</v>
      </c>
      <c r="B82" s="22">
        <v>39</v>
      </c>
      <c r="C82" s="14">
        <v>42</v>
      </c>
      <c r="D82" s="18">
        <v>81</v>
      </c>
    </row>
    <row r="83" spans="1:4" ht="18" customHeight="1" x14ac:dyDescent="0.15">
      <c r="A83" s="5" t="s">
        <v>28</v>
      </c>
      <c r="B83" s="22">
        <v>213</v>
      </c>
      <c r="C83" s="14">
        <v>232</v>
      </c>
      <c r="D83" s="18">
        <v>445</v>
      </c>
    </row>
    <row r="84" spans="1:4" ht="18" customHeight="1" x14ac:dyDescent="0.15">
      <c r="A84" s="5" t="s">
        <v>31</v>
      </c>
      <c r="B84" s="22">
        <v>2213</v>
      </c>
      <c r="C84" s="14">
        <v>2047</v>
      </c>
      <c r="D84" s="18">
        <v>4260</v>
      </c>
    </row>
    <row r="85" spans="1:4" ht="18" customHeight="1" x14ac:dyDescent="0.15">
      <c r="A85" s="5">
        <v>65</v>
      </c>
      <c r="B85" s="22">
        <v>51</v>
      </c>
      <c r="C85" s="14">
        <v>39</v>
      </c>
      <c r="D85" s="18">
        <v>90</v>
      </c>
    </row>
    <row r="86" spans="1:4" ht="18" customHeight="1" x14ac:dyDescent="0.15">
      <c r="A86" s="5">
        <v>66</v>
      </c>
      <c r="B86" s="22">
        <v>45</v>
      </c>
      <c r="C86" s="14">
        <v>45</v>
      </c>
      <c r="D86" s="18">
        <v>90</v>
      </c>
    </row>
    <row r="87" spans="1:4" ht="18" customHeight="1" x14ac:dyDescent="0.15">
      <c r="A87" s="5">
        <v>67</v>
      </c>
      <c r="B87" s="22">
        <v>42</v>
      </c>
      <c r="C87" s="14">
        <v>52</v>
      </c>
      <c r="D87" s="18">
        <v>94</v>
      </c>
    </row>
    <row r="88" spans="1:4" ht="18" customHeight="1" x14ac:dyDescent="0.15">
      <c r="A88" s="5">
        <v>68</v>
      </c>
      <c r="B88" s="22">
        <v>40</v>
      </c>
      <c r="C88" s="14">
        <v>44</v>
      </c>
      <c r="D88" s="18">
        <v>84</v>
      </c>
    </row>
    <row r="89" spans="1:4" ht="18" customHeight="1" x14ac:dyDescent="0.15">
      <c r="A89" s="5">
        <v>69</v>
      </c>
      <c r="B89" s="22">
        <v>47</v>
      </c>
      <c r="C89" s="14">
        <v>43</v>
      </c>
      <c r="D89" s="18">
        <v>90</v>
      </c>
    </row>
    <row r="90" spans="1:4" ht="18" customHeight="1" x14ac:dyDescent="0.15">
      <c r="A90" s="5" t="s">
        <v>20</v>
      </c>
      <c r="B90" s="22">
        <v>225</v>
      </c>
      <c r="C90" s="14">
        <v>223</v>
      </c>
      <c r="D90" s="18">
        <v>448</v>
      </c>
    </row>
    <row r="91" spans="1:4" ht="18" customHeight="1" x14ac:dyDescent="0.15">
      <c r="A91" s="5">
        <v>70</v>
      </c>
      <c r="B91" s="22">
        <v>44</v>
      </c>
      <c r="C91" s="14">
        <v>42</v>
      </c>
      <c r="D91" s="18">
        <v>86</v>
      </c>
    </row>
    <row r="92" spans="1:4" ht="18" customHeight="1" x14ac:dyDescent="0.15">
      <c r="A92" s="5">
        <v>71</v>
      </c>
      <c r="B92" s="22">
        <v>33</v>
      </c>
      <c r="C92" s="14">
        <v>61</v>
      </c>
      <c r="D92" s="18">
        <v>94</v>
      </c>
    </row>
    <row r="93" spans="1:4" ht="18" customHeight="1" x14ac:dyDescent="0.15">
      <c r="A93" s="5">
        <v>72</v>
      </c>
      <c r="B93" s="22">
        <v>52</v>
      </c>
      <c r="C93" s="14">
        <v>56</v>
      </c>
      <c r="D93" s="18">
        <v>108</v>
      </c>
    </row>
    <row r="94" spans="1:4" ht="18" customHeight="1" x14ac:dyDescent="0.15">
      <c r="A94" s="5">
        <v>73</v>
      </c>
      <c r="B94" s="22">
        <v>48</v>
      </c>
      <c r="C94" s="14">
        <v>55</v>
      </c>
      <c r="D94" s="18">
        <v>103</v>
      </c>
    </row>
    <row r="95" spans="1:4" ht="18" customHeight="1" x14ac:dyDescent="0.15">
      <c r="A95" s="5">
        <v>74</v>
      </c>
      <c r="B95" s="22">
        <v>60</v>
      </c>
      <c r="C95" s="14">
        <v>55</v>
      </c>
      <c r="D95" s="18">
        <v>115</v>
      </c>
    </row>
    <row r="96" spans="1:4" ht="18" customHeight="1" x14ac:dyDescent="0.15">
      <c r="A96" s="5" t="s">
        <v>33</v>
      </c>
      <c r="B96" s="22">
        <v>237</v>
      </c>
      <c r="C96" s="14">
        <v>269</v>
      </c>
      <c r="D96" s="18">
        <v>506</v>
      </c>
    </row>
    <row r="97" spans="1:4" ht="18" customHeight="1" x14ac:dyDescent="0.15">
      <c r="A97" s="5">
        <v>75</v>
      </c>
      <c r="B97" s="22">
        <v>42</v>
      </c>
      <c r="C97" s="14">
        <v>67</v>
      </c>
      <c r="D97" s="18">
        <v>109</v>
      </c>
    </row>
    <row r="98" spans="1:4" ht="18" customHeight="1" x14ac:dyDescent="0.15">
      <c r="A98" s="5">
        <v>76</v>
      </c>
      <c r="B98" s="22">
        <v>60</v>
      </c>
      <c r="C98" s="14">
        <v>80</v>
      </c>
      <c r="D98" s="18">
        <v>140</v>
      </c>
    </row>
    <row r="99" spans="1:4" ht="18" customHeight="1" x14ac:dyDescent="0.15">
      <c r="A99" s="5">
        <v>77</v>
      </c>
      <c r="B99" s="22">
        <v>75</v>
      </c>
      <c r="C99" s="14">
        <v>82</v>
      </c>
      <c r="D99" s="18">
        <v>157</v>
      </c>
    </row>
    <row r="100" spans="1:4" ht="18" customHeight="1" x14ac:dyDescent="0.15">
      <c r="A100" s="5">
        <v>78</v>
      </c>
      <c r="B100" s="22">
        <v>71</v>
      </c>
      <c r="C100" s="14">
        <v>78</v>
      </c>
      <c r="D100" s="18">
        <v>149</v>
      </c>
    </row>
    <row r="101" spans="1:4" ht="18" customHeight="1" x14ac:dyDescent="0.15">
      <c r="A101" s="5">
        <v>79</v>
      </c>
      <c r="B101" s="22">
        <v>51</v>
      </c>
      <c r="C101" s="14">
        <v>46</v>
      </c>
      <c r="D101" s="18">
        <v>97</v>
      </c>
    </row>
    <row r="102" spans="1:4" ht="18" customHeight="1" x14ac:dyDescent="0.15">
      <c r="A102" s="5" t="s">
        <v>0</v>
      </c>
      <c r="B102" s="22">
        <v>299</v>
      </c>
      <c r="C102" s="14">
        <v>353</v>
      </c>
      <c r="D102" s="18">
        <v>652</v>
      </c>
    </row>
    <row r="103" spans="1:4" ht="18" customHeight="1" x14ac:dyDescent="0.15">
      <c r="A103" s="5">
        <v>80</v>
      </c>
      <c r="B103" s="22">
        <v>32</v>
      </c>
      <c r="C103" s="14">
        <v>34</v>
      </c>
      <c r="D103" s="18">
        <v>66</v>
      </c>
    </row>
    <row r="104" spans="1:4" ht="18" customHeight="1" x14ac:dyDescent="0.15">
      <c r="A104" s="5">
        <v>81</v>
      </c>
      <c r="B104" s="22">
        <v>51</v>
      </c>
      <c r="C104" s="14">
        <v>64</v>
      </c>
      <c r="D104" s="18">
        <v>115</v>
      </c>
    </row>
    <row r="105" spans="1:4" ht="18" customHeight="1" x14ac:dyDescent="0.15">
      <c r="A105" s="5">
        <v>82</v>
      </c>
      <c r="B105" s="22">
        <v>21</v>
      </c>
      <c r="C105" s="14">
        <v>40</v>
      </c>
      <c r="D105" s="18">
        <v>61</v>
      </c>
    </row>
    <row r="106" spans="1:4" ht="18" customHeight="1" x14ac:dyDescent="0.15">
      <c r="A106" s="5">
        <v>83</v>
      </c>
      <c r="B106" s="22">
        <v>42</v>
      </c>
      <c r="C106" s="14">
        <v>53</v>
      </c>
      <c r="D106" s="18">
        <v>95</v>
      </c>
    </row>
    <row r="107" spans="1:4" ht="18" customHeight="1" x14ac:dyDescent="0.15">
      <c r="A107" s="5">
        <v>84</v>
      </c>
      <c r="B107" s="22">
        <v>43</v>
      </c>
      <c r="C107" s="14">
        <v>46</v>
      </c>
      <c r="D107" s="18">
        <v>89</v>
      </c>
    </row>
    <row r="108" spans="1:4" ht="18" customHeight="1" x14ac:dyDescent="0.15">
      <c r="A108" s="5" t="s">
        <v>35</v>
      </c>
      <c r="B108" s="22">
        <v>189</v>
      </c>
      <c r="C108" s="14">
        <v>237</v>
      </c>
      <c r="D108" s="18">
        <v>426</v>
      </c>
    </row>
    <row r="109" spans="1:4" ht="18" customHeight="1" x14ac:dyDescent="0.15">
      <c r="A109" s="5">
        <v>85</v>
      </c>
      <c r="B109" s="22">
        <v>25</v>
      </c>
      <c r="C109" s="14">
        <v>45</v>
      </c>
      <c r="D109" s="18">
        <v>70</v>
      </c>
    </row>
    <row r="110" spans="1:4" ht="18" customHeight="1" x14ac:dyDescent="0.15">
      <c r="A110" s="5">
        <v>86</v>
      </c>
      <c r="B110" s="22">
        <v>10</v>
      </c>
      <c r="C110" s="14">
        <v>28</v>
      </c>
      <c r="D110" s="18">
        <v>38</v>
      </c>
    </row>
    <row r="111" spans="1:4" ht="18" customHeight="1" x14ac:dyDescent="0.15">
      <c r="A111" s="5">
        <v>87</v>
      </c>
      <c r="B111" s="22">
        <v>15</v>
      </c>
      <c r="C111" s="14">
        <v>23</v>
      </c>
      <c r="D111" s="18">
        <v>38</v>
      </c>
    </row>
    <row r="112" spans="1:4" ht="18" customHeight="1" x14ac:dyDescent="0.15">
      <c r="A112" s="5">
        <v>88</v>
      </c>
      <c r="B112" s="22">
        <v>20</v>
      </c>
      <c r="C112" s="14">
        <v>29</v>
      </c>
      <c r="D112" s="18">
        <v>49</v>
      </c>
    </row>
    <row r="113" spans="1:4" ht="18" customHeight="1" x14ac:dyDescent="0.15">
      <c r="A113" s="5">
        <v>89</v>
      </c>
      <c r="B113" s="22">
        <v>17</v>
      </c>
      <c r="C113" s="14">
        <v>23</v>
      </c>
      <c r="D113" s="18">
        <v>40</v>
      </c>
    </row>
    <row r="114" spans="1:4" ht="18" customHeight="1" x14ac:dyDescent="0.15">
      <c r="A114" s="5" t="s">
        <v>37</v>
      </c>
      <c r="B114" s="22">
        <v>87</v>
      </c>
      <c r="C114" s="14">
        <v>148</v>
      </c>
      <c r="D114" s="18">
        <v>235</v>
      </c>
    </row>
    <row r="115" spans="1:4" ht="18" customHeight="1" x14ac:dyDescent="0.15">
      <c r="A115" s="5">
        <v>90</v>
      </c>
      <c r="B115" s="22">
        <v>11</v>
      </c>
      <c r="C115" s="14">
        <v>34</v>
      </c>
      <c r="D115" s="18">
        <v>45</v>
      </c>
    </row>
    <row r="116" spans="1:4" ht="18" customHeight="1" x14ac:dyDescent="0.15">
      <c r="A116" s="5">
        <v>91</v>
      </c>
      <c r="B116" s="22">
        <v>5</v>
      </c>
      <c r="C116" s="14">
        <v>15</v>
      </c>
      <c r="D116" s="18">
        <v>20</v>
      </c>
    </row>
    <row r="117" spans="1:4" ht="18" customHeight="1" x14ac:dyDescent="0.15">
      <c r="A117" s="5">
        <v>92</v>
      </c>
      <c r="B117" s="22">
        <v>2</v>
      </c>
      <c r="C117" s="14">
        <v>15</v>
      </c>
      <c r="D117" s="18">
        <v>17</v>
      </c>
    </row>
    <row r="118" spans="1:4" ht="18" customHeight="1" x14ac:dyDescent="0.15">
      <c r="A118" s="5">
        <v>93</v>
      </c>
      <c r="B118" s="22">
        <v>6</v>
      </c>
      <c r="C118" s="14">
        <v>17</v>
      </c>
      <c r="D118" s="18">
        <v>23</v>
      </c>
    </row>
    <row r="119" spans="1:4" ht="18" customHeight="1" x14ac:dyDescent="0.15">
      <c r="A119" s="5">
        <v>94</v>
      </c>
      <c r="B119" s="22">
        <v>7</v>
      </c>
      <c r="C119" s="14">
        <v>14</v>
      </c>
      <c r="D119" s="18">
        <v>21</v>
      </c>
    </row>
    <row r="120" spans="1:4" ht="18" customHeight="1" x14ac:dyDescent="0.15">
      <c r="A120" s="5" t="s">
        <v>39</v>
      </c>
      <c r="B120" s="22">
        <v>31</v>
      </c>
      <c r="C120" s="14">
        <v>95</v>
      </c>
      <c r="D120" s="18">
        <v>126</v>
      </c>
    </row>
    <row r="121" spans="1:4" ht="18" customHeight="1" x14ac:dyDescent="0.15">
      <c r="A121" s="5">
        <v>95</v>
      </c>
      <c r="B121" s="22">
        <v>2</v>
      </c>
      <c r="C121" s="14">
        <v>1</v>
      </c>
      <c r="D121" s="18">
        <v>3</v>
      </c>
    </row>
    <row r="122" spans="1:4" ht="18" customHeight="1" x14ac:dyDescent="0.15">
      <c r="A122" s="5">
        <v>96</v>
      </c>
      <c r="B122" s="22">
        <v>1</v>
      </c>
      <c r="C122" s="14">
        <v>7</v>
      </c>
      <c r="D122" s="18">
        <v>8</v>
      </c>
    </row>
    <row r="123" spans="1:4" ht="18" customHeight="1" x14ac:dyDescent="0.15">
      <c r="A123" s="5">
        <v>97</v>
      </c>
      <c r="B123" s="22">
        <v>1</v>
      </c>
      <c r="C123" s="14">
        <v>5</v>
      </c>
      <c r="D123" s="18">
        <v>6</v>
      </c>
    </row>
    <row r="124" spans="1:4" ht="18" customHeight="1" x14ac:dyDescent="0.15">
      <c r="A124" s="5">
        <v>98</v>
      </c>
      <c r="B124" s="22">
        <v>0</v>
      </c>
      <c r="C124" s="14">
        <v>6</v>
      </c>
      <c r="D124" s="18">
        <v>6</v>
      </c>
    </row>
    <row r="125" spans="1:4" ht="18" customHeight="1" x14ac:dyDescent="0.15">
      <c r="A125" s="5">
        <v>99</v>
      </c>
      <c r="B125" s="22">
        <v>1</v>
      </c>
      <c r="C125" s="14">
        <v>6</v>
      </c>
      <c r="D125" s="18">
        <v>7</v>
      </c>
    </row>
    <row r="126" spans="1:4" ht="18" customHeight="1" x14ac:dyDescent="0.15">
      <c r="A126" s="5" t="s">
        <v>40</v>
      </c>
      <c r="B126" s="22">
        <v>5</v>
      </c>
      <c r="C126" s="14">
        <v>25</v>
      </c>
      <c r="D126" s="18">
        <v>30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1073</v>
      </c>
      <c r="C130" s="14">
        <v>1354</v>
      </c>
      <c r="D130" s="18">
        <v>2427</v>
      </c>
    </row>
    <row r="131" spans="1:4" ht="18" customHeight="1" x14ac:dyDescent="0.15">
      <c r="A131" s="7" t="s">
        <v>45</v>
      </c>
      <c r="B131" s="23">
        <v>3665</v>
      </c>
      <c r="C131" s="15">
        <v>3768</v>
      </c>
      <c r="D131" s="19">
        <v>743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400-000000000000}">
  <sheetPr codeName="Sheet3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5</v>
      </c>
      <c r="C5" s="13">
        <v>2</v>
      </c>
      <c r="D5" s="17">
        <v>7</v>
      </c>
    </row>
    <row r="6" spans="1:4" ht="18" customHeight="1" x14ac:dyDescent="0.15">
      <c r="A6" s="5">
        <v>1</v>
      </c>
      <c r="B6" s="22">
        <v>7</v>
      </c>
      <c r="C6" s="14">
        <v>7</v>
      </c>
      <c r="D6" s="18">
        <v>14</v>
      </c>
    </row>
    <row r="7" spans="1:4" ht="18" customHeight="1" x14ac:dyDescent="0.15">
      <c r="A7" s="5">
        <v>2</v>
      </c>
      <c r="B7" s="22">
        <v>7</v>
      </c>
      <c r="C7" s="14">
        <v>4</v>
      </c>
      <c r="D7" s="18">
        <v>11</v>
      </c>
    </row>
    <row r="8" spans="1:4" ht="18" customHeight="1" x14ac:dyDescent="0.15">
      <c r="A8" s="5">
        <v>3</v>
      </c>
      <c r="B8" s="22">
        <v>5</v>
      </c>
      <c r="C8" s="14">
        <v>4</v>
      </c>
      <c r="D8" s="18">
        <v>9</v>
      </c>
    </row>
    <row r="9" spans="1:4" ht="18" customHeight="1" x14ac:dyDescent="0.15">
      <c r="A9" s="5">
        <v>4</v>
      </c>
      <c r="B9" s="22">
        <v>5</v>
      </c>
      <c r="C9" s="14">
        <v>3</v>
      </c>
      <c r="D9" s="18">
        <v>8</v>
      </c>
    </row>
    <row r="10" spans="1:4" ht="18" customHeight="1" x14ac:dyDescent="0.15">
      <c r="A10" s="5" t="s">
        <v>7</v>
      </c>
      <c r="B10" s="22">
        <v>29</v>
      </c>
      <c r="C10" s="14">
        <v>20</v>
      </c>
      <c r="D10" s="18">
        <v>49</v>
      </c>
    </row>
    <row r="11" spans="1:4" ht="18" customHeight="1" x14ac:dyDescent="0.15">
      <c r="A11" s="5">
        <v>5</v>
      </c>
      <c r="B11" s="22">
        <v>6</v>
      </c>
      <c r="C11" s="14">
        <v>1</v>
      </c>
      <c r="D11" s="18">
        <v>7</v>
      </c>
    </row>
    <row r="12" spans="1:4" ht="18" customHeight="1" x14ac:dyDescent="0.15">
      <c r="A12" s="5">
        <v>6</v>
      </c>
      <c r="B12" s="22">
        <v>7</v>
      </c>
      <c r="C12" s="14">
        <v>5</v>
      </c>
      <c r="D12" s="18">
        <v>12</v>
      </c>
    </row>
    <row r="13" spans="1:4" ht="18" customHeight="1" x14ac:dyDescent="0.15">
      <c r="A13" s="5">
        <v>7</v>
      </c>
      <c r="B13" s="22">
        <v>4</v>
      </c>
      <c r="C13" s="14">
        <v>5</v>
      </c>
      <c r="D13" s="18">
        <v>9</v>
      </c>
    </row>
    <row r="14" spans="1:4" ht="18" customHeight="1" x14ac:dyDescent="0.15">
      <c r="A14" s="5">
        <v>8</v>
      </c>
      <c r="B14" s="22">
        <v>8</v>
      </c>
      <c r="C14" s="14">
        <v>5</v>
      </c>
      <c r="D14" s="18">
        <v>13</v>
      </c>
    </row>
    <row r="15" spans="1:4" ht="18" customHeight="1" x14ac:dyDescent="0.15">
      <c r="A15" s="5">
        <v>9</v>
      </c>
      <c r="B15" s="22">
        <v>2</v>
      </c>
      <c r="C15" s="14">
        <v>2</v>
      </c>
      <c r="D15" s="18">
        <v>4</v>
      </c>
    </row>
    <row r="16" spans="1:4" ht="18" customHeight="1" x14ac:dyDescent="0.15">
      <c r="A16" s="5" t="s">
        <v>11</v>
      </c>
      <c r="B16" s="22">
        <v>27</v>
      </c>
      <c r="C16" s="14">
        <v>18</v>
      </c>
      <c r="D16" s="18">
        <v>45</v>
      </c>
    </row>
    <row r="17" spans="1:4" ht="18" customHeight="1" x14ac:dyDescent="0.15">
      <c r="A17" s="5">
        <v>10</v>
      </c>
      <c r="B17" s="22">
        <v>11</v>
      </c>
      <c r="C17" s="14">
        <v>6</v>
      </c>
      <c r="D17" s="18">
        <v>17</v>
      </c>
    </row>
    <row r="18" spans="1:4" ht="18" customHeight="1" x14ac:dyDescent="0.15">
      <c r="A18" s="5">
        <v>11</v>
      </c>
      <c r="B18" s="22">
        <v>4</v>
      </c>
      <c r="C18" s="14">
        <v>8</v>
      </c>
      <c r="D18" s="18">
        <v>12</v>
      </c>
    </row>
    <row r="19" spans="1:4" ht="18" customHeight="1" x14ac:dyDescent="0.15">
      <c r="A19" s="5">
        <v>12</v>
      </c>
      <c r="B19" s="22">
        <v>6</v>
      </c>
      <c r="C19" s="14">
        <v>7</v>
      </c>
      <c r="D19" s="18">
        <v>13</v>
      </c>
    </row>
    <row r="20" spans="1:4" ht="18" customHeight="1" x14ac:dyDescent="0.15">
      <c r="A20" s="5">
        <v>13</v>
      </c>
      <c r="B20" s="22">
        <v>11</v>
      </c>
      <c r="C20" s="14">
        <v>11</v>
      </c>
      <c r="D20" s="18">
        <v>22</v>
      </c>
    </row>
    <row r="21" spans="1:4" ht="18" customHeight="1" x14ac:dyDescent="0.15">
      <c r="A21" s="5">
        <v>14</v>
      </c>
      <c r="B21" s="22">
        <v>5</v>
      </c>
      <c r="C21" s="14">
        <v>9</v>
      </c>
      <c r="D21" s="18">
        <v>14</v>
      </c>
    </row>
    <row r="22" spans="1:4" ht="18" customHeight="1" x14ac:dyDescent="0.15">
      <c r="A22" s="5" t="s">
        <v>12</v>
      </c>
      <c r="B22" s="22">
        <v>37</v>
      </c>
      <c r="C22" s="14">
        <v>41</v>
      </c>
      <c r="D22" s="18">
        <v>78</v>
      </c>
    </row>
    <row r="23" spans="1:4" ht="18" customHeight="1" x14ac:dyDescent="0.15">
      <c r="A23" s="5" t="s">
        <v>6</v>
      </c>
      <c r="B23" s="22">
        <v>93</v>
      </c>
      <c r="C23" s="14">
        <v>79</v>
      </c>
      <c r="D23" s="18">
        <v>172</v>
      </c>
    </row>
    <row r="24" spans="1:4" ht="18" customHeight="1" x14ac:dyDescent="0.15">
      <c r="A24" s="5">
        <v>15</v>
      </c>
      <c r="B24" s="22">
        <v>11</v>
      </c>
      <c r="C24" s="14">
        <v>7</v>
      </c>
      <c r="D24" s="18">
        <v>18</v>
      </c>
    </row>
    <row r="25" spans="1:4" ht="18" customHeight="1" x14ac:dyDescent="0.15">
      <c r="A25" s="5">
        <v>16</v>
      </c>
      <c r="B25" s="22">
        <v>4</v>
      </c>
      <c r="C25" s="14">
        <v>11</v>
      </c>
      <c r="D25" s="18">
        <v>15</v>
      </c>
    </row>
    <row r="26" spans="1:4" ht="18" customHeight="1" x14ac:dyDescent="0.15">
      <c r="A26" s="5">
        <v>17</v>
      </c>
      <c r="B26" s="22">
        <v>10</v>
      </c>
      <c r="C26" s="14">
        <v>9</v>
      </c>
      <c r="D26" s="18">
        <v>19</v>
      </c>
    </row>
    <row r="27" spans="1:4" ht="18" customHeight="1" x14ac:dyDescent="0.15">
      <c r="A27" s="5">
        <v>18</v>
      </c>
      <c r="B27" s="22">
        <v>6</v>
      </c>
      <c r="C27" s="14">
        <v>7</v>
      </c>
      <c r="D27" s="18">
        <v>13</v>
      </c>
    </row>
    <row r="28" spans="1:4" ht="18" customHeight="1" x14ac:dyDescent="0.15">
      <c r="A28" s="5">
        <v>19</v>
      </c>
      <c r="B28" s="22">
        <v>7</v>
      </c>
      <c r="C28" s="14">
        <v>7</v>
      </c>
      <c r="D28" s="18">
        <v>14</v>
      </c>
    </row>
    <row r="29" spans="1:4" ht="18" customHeight="1" x14ac:dyDescent="0.15">
      <c r="A29" s="5" t="s">
        <v>14</v>
      </c>
      <c r="B29" s="22">
        <v>38</v>
      </c>
      <c r="C29" s="14">
        <v>41</v>
      </c>
      <c r="D29" s="18">
        <v>79</v>
      </c>
    </row>
    <row r="30" spans="1:4" ht="18" customHeight="1" x14ac:dyDescent="0.15">
      <c r="A30" s="5">
        <v>20</v>
      </c>
      <c r="B30" s="22">
        <v>13</v>
      </c>
      <c r="C30" s="14">
        <v>18</v>
      </c>
      <c r="D30" s="18">
        <v>31</v>
      </c>
    </row>
    <row r="31" spans="1:4" ht="18" customHeight="1" x14ac:dyDescent="0.15">
      <c r="A31" s="5">
        <v>21</v>
      </c>
      <c r="B31" s="22">
        <v>13</v>
      </c>
      <c r="C31" s="14">
        <v>6</v>
      </c>
      <c r="D31" s="18">
        <v>19</v>
      </c>
    </row>
    <row r="32" spans="1:4" ht="18" customHeight="1" x14ac:dyDescent="0.15">
      <c r="A32" s="5">
        <v>22</v>
      </c>
      <c r="B32" s="22">
        <v>15</v>
      </c>
      <c r="C32" s="14">
        <v>5</v>
      </c>
      <c r="D32" s="18">
        <v>20</v>
      </c>
    </row>
    <row r="33" spans="1:4" ht="18" customHeight="1" x14ac:dyDescent="0.15">
      <c r="A33" s="5">
        <v>23</v>
      </c>
      <c r="B33" s="22">
        <v>6</v>
      </c>
      <c r="C33" s="14">
        <v>10</v>
      </c>
      <c r="D33" s="18">
        <v>16</v>
      </c>
    </row>
    <row r="34" spans="1:4" ht="18" customHeight="1" x14ac:dyDescent="0.15">
      <c r="A34" s="5">
        <v>24</v>
      </c>
      <c r="B34" s="22">
        <v>10</v>
      </c>
      <c r="C34" s="14">
        <v>5</v>
      </c>
      <c r="D34" s="18">
        <v>15</v>
      </c>
    </row>
    <row r="35" spans="1:4" ht="18" customHeight="1" x14ac:dyDescent="0.15">
      <c r="A35" s="5" t="s">
        <v>9</v>
      </c>
      <c r="B35" s="22">
        <v>57</v>
      </c>
      <c r="C35" s="14">
        <v>44</v>
      </c>
      <c r="D35" s="18">
        <v>101</v>
      </c>
    </row>
    <row r="36" spans="1:4" ht="18" customHeight="1" x14ac:dyDescent="0.15">
      <c r="A36" s="5">
        <v>25</v>
      </c>
      <c r="B36" s="22">
        <v>5</v>
      </c>
      <c r="C36" s="14">
        <v>10</v>
      </c>
      <c r="D36" s="18">
        <v>15</v>
      </c>
    </row>
    <row r="37" spans="1:4" ht="18" customHeight="1" x14ac:dyDescent="0.15">
      <c r="A37" s="5">
        <v>26</v>
      </c>
      <c r="B37" s="22">
        <v>9</v>
      </c>
      <c r="C37" s="14">
        <v>9</v>
      </c>
      <c r="D37" s="18">
        <v>18</v>
      </c>
    </row>
    <row r="38" spans="1:4" ht="18" customHeight="1" x14ac:dyDescent="0.15">
      <c r="A38" s="5">
        <v>27</v>
      </c>
      <c r="B38" s="22">
        <v>5</v>
      </c>
      <c r="C38" s="14">
        <v>1</v>
      </c>
      <c r="D38" s="18">
        <v>6</v>
      </c>
    </row>
    <row r="39" spans="1:4" ht="18" customHeight="1" x14ac:dyDescent="0.15">
      <c r="A39" s="5">
        <v>28</v>
      </c>
      <c r="B39" s="22">
        <v>7</v>
      </c>
      <c r="C39" s="14">
        <v>10</v>
      </c>
      <c r="D39" s="18">
        <v>17</v>
      </c>
    </row>
    <row r="40" spans="1:4" ht="18" customHeight="1" x14ac:dyDescent="0.15">
      <c r="A40" s="5">
        <v>29</v>
      </c>
      <c r="B40" s="22">
        <v>6</v>
      </c>
      <c r="C40" s="14">
        <v>5</v>
      </c>
      <c r="D40" s="18">
        <v>11</v>
      </c>
    </row>
    <row r="41" spans="1:4" ht="18" customHeight="1" x14ac:dyDescent="0.15">
      <c r="A41" s="5" t="s">
        <v>2</v>
      </c>
      <c r="B41" s="22">
        <v>32</v>
      </c>
      <c r="C41" s="14">
        <v>35</v>
      </c>
      <c r="D41" s="18">
        <v>67</v>
      </c>
    </row>
    <row r="42" spans="1:4" ht="18" customHeight="1" x14ac:dyDescent="0.15">
      <c r="A42" s="5">
        <v>30</v>
      </c>
      <c r="B42" s="22">
        <v>7</v>
      </c>
      <c r="C42" s="14">
        <v>5</v>
      </c>
      <c r="D42" s="18">
        <v>12</v>
      </c>
    </row>
    <row r="43" spans="1:4" ht="18" customHeight="1" x14ac:dyDescent="0.15">
      <c r="A43" s="5">
        <v>31</v>
      </c>
      <c r="B43" s="22">
        <v>4</v>
      </c>
      <c r="C43" s="14">
        <v>7</v>
      </c>
      <c r="D43" s="18">
        <v>11</v>
      </c>
    </row>
    <row r="44" spans="1:4" ht="18" customHeight="1" x14ac:dyDescent="0.15">
      <c r="A44" s="5">
        <v>32</v>
      </c>
      <c r="B44" s="22">
        <v>6</v>
      </c>
      <c r="C44" s="14">
        <v>6</v>
      </c>
      <c r="D44" s="18">
        <v>12</v>
      </c>
    </row>
    <row r="45" spans="1:4" ht="18" customHeight="1" x14ac:dyDescent="0.15">
      <c r="A45" s="5">
        <v>33</v>
      </c>
      <c r="B45" s="22">
        <v>7</v>
      </c>
      <c r="C45" s="14">
        <v>10</v>
      </c>
      <c r="D45" s="18">
        <v>17</v>
      </c>
    </row>
    <row r="46" spans="1:4" ht="18" customHeight="1" x14ac:dyDescent="0.15">
      <c r="A46" s="5">
        <v>34</v>
      </c>
      <c r="B46" s="22">
        <v>8</v>
      </c>
      <c r="C46" s="14">
        <v>7</v>
      </c>
      <c r="D46" s="18">
        <v>15</v>
      </c>
    </row>
    <row r="47" spans="1:4" ht="18" customHeight="1" x14ac:dyDescent="0.15">
      <c r="A47" s="5" t="s">
        <v>15</v>
      </c>
      <c r="B47" s="22">
        <v>32</v>
      </c>
      <c r="C47" s="14">
        <v>35</v>
      </c>
      <c r="D47" s="18">
        <v>67</v>
      </c>
    </row>
    <row r="48" spans="1:4" ht="18" customHeight="1" x14ac:dyDescent="0.15">
      <c r="A48" s="5">
        <v>35</v>
      </c>
      <c r="B48" s="22">
        <v>10</v>
      </c>
      <c r="C48" s="14">
        <v>12</v>
      </c>
      <c r="D48" s="18">
        <v>22</v>
      </c>
    </row>
    <row r="49" spans="1:4" ht="18" customHeight="1" x14ac:dyDescent="0.15">
      <c r="A49" s="5">
        <v>36</v>
      </c>
      <c r="B49" s="22">
        <v>5</v>
      </c>
      <c r="C49" s="14">
        <v>7</v>
      </c>
      <c r="D49" s="18">
        <v>12</v>
      </c>
    </row>
    <row r="50" spans="1:4" ht="18" customHeight="1" x14ac:dyDescent="0.15">
      <c r="A50" s="5">
        <v>37</v>
      </c>
      <c r="B50" s="22">
        <v>4</v>
      </c>
      <c r="C50" s="14">
        <v>6</v>
      </c>
      <c r="D50" s="18">
        <v>10</v>
      </c>
    </row>
    <row r="51" spans="1:4" ht="18" customHeight="1" x14ac:dyDescent="0.15">
      <c r="A51" s="5">
        <v>38</v>
      </c>
      <c r="B51" s="22">
        <v>7</v>
      </c>
      <c r="C51" s="14">
        <v>9</v>
      </c>
      <c r="D51" s="18">
        <v>16</v>
      </c>
    </row>
    <row r="52" spans="1:4" ht="18" customHeight="1" x14ac:dyDescent="0.15">
      <c r="A52" s="5">
        <v>39</v>
      </c>
      <c r="B52" s="22">
        <v>9</v>
      </c>
      <c r="C52" s="14">
        <v>5</v>
      </c>
      <c r="D52" s="18">
        <v>14</v>
      </c>
    </row>
    <row r="53" spans="1:4" ht="18" customHeight="1" x14ac:dyDescent="0.15">
      <c r="A53" s="5" t="s">
        <v>18</v>
      </c>
      <c r="B53" s="22">
        <v>35</v>
      </c>
      <c r="C53" s="14">
        <v>39</v>
      </c>
      <c r="D53" s="18">
        <v>74</v>
      </c>
    </row>
    <row r="54" spans="1:4" ht="18" customHeight="1" x14ac:dyDescent="0.15">
      <c r="A54" s="5">
        <v>40</v>
      </c>
      <c r="B54" s="22">
        <v>7</v>
      </c>
      <c r="C54" s="14">
        <v>8</v>
      </c>
      <c r="D54" s="18">
        <v>15</v>
      </c>
    </row>
    <row r="55" spans="1:4" ht="18" customHeight="1" x14ac:dyDescent="0.15">
      <c r="A55" s="5">
        <v>41</v>
      </c>
      <c r="B55" s="22">
        <v>13</v>
      </c>
      <c r="C55" s="14">
        <v>6</v>
      </c>
      <c r="D55" s="18">
        <v>19</v>
      </c>
    </row>
    <row r="56" spans="1:4" ht="18" customHeight="1" x14ac:dyDescent="0.15">
      <c r="A56" s="5">
        <v>42</v>
      </c>
      <c r="B56" s="22">
        <v>10</v>
      </c>
      <c r="C56" s="14">
        <v>10</v>
      </c>
      <c r="D56" s="18">
        <v>20</v>
      </c>
    </row>
    <row r="57" spans="1:4" ht="18" customHeight="1" x14ac:dyDescent="0.15">
      <c r="A57" s="5">
        <v>43</v>
      </c>
      <c r="B57" s="22">
        <v>13</v>
      </c>
      <c r="C57" s="14">
        <v>15</v>
      </c>
      <c r="D57" s="18">
        <v>28</v>
      </c>
    </row>
    <row r="58" spans="1:4" ht="18" customHeight="1" x14ac:dyDescent="0.15">
      <c r="A58" s="5">
        <v>44</v>
      </c>
      <c r="B58" s="22">
        <v>5</v>
      </c>
      <c r="C58" s="14">
        <v>10</v>
      </c>
      <c r="D58" s="18">
        <v>15</v>
      </c>
    </row>
    <row r="59" spans="1:4" ht="18" customHeight="1" x14ac:dyDescent="0.15">
      <c r="A59" s="5" t="s">
        <v>21</v>
      </c>
      <c r="B59" s="22">
        <v>48</v>
      </c>
      <c r="C59" s="14">
        <v>49</v>
      </c>
      <c r="D59" s="18">
        <v>97</v>
      </c>
    </row>
    <row r="60" spans="1:4" ht="18" customHeight="1" x14ac:dyDescent="0.15">
      <c r="A60" s="5">
        <v>45</v>
      </c>
      <c r="B60" s="22">
        <v>14</v>
      </c>
      <c r="C60" s="14">
        <v>13</v>
      </c>
      <c r="D60" s="18">
        <v>27</v>
      </c>
    </row>
    <row r="61" spans="1:4" ht="18" customHeight="1" x14ac:dyDescent="0.15">
      <c r="A61" s="5">
        <v>46</v>
      </c>
      <c r="B61" s="22">
        <v>20</v>
      </c>
      <c r="C61" s="14">
        <v>17</v>
      </c>
      <c r="D61" s="18">
        <v>37</v>
      </c>
    </row>
    <row r="62" spans="1:4" ht="18" customHeight="1" x14ac:dyDescent="0.15">
      <c r="A62" s="5">
        <v>47</v>
      </c>
      <c r="B62" s="22">
        <v>20</v>
      </c>
      <c r="C62" s="14">
        <v>11</v>
      </c>
      <c r="D62" s="18">
        <v>31</v>
      </c>
    </row>
    <row r="63" spans="1:4" ht="18" customHeight="1" x14ac:dyDescent="0.15">
      <c r="A63" s="5">
        <v>48</v>
      </c>
      <c r="B63" s="22">
        <v>14</v>
      </c>
      <c r="C63" s="14">
        <v>17</v>
      </c>
      <c r="D63" s="18">
        <v>31</v>
      </c>
    </row>
    <row r="64" spans="1:4" ht="18" customHeight="1" x14ac:dyDescent="0.15">
      <c r="A64" s="5">
        <v>49</v>
      </c>
      <c r="B64" s="22">
        <v>13</v>
      </c>
      <c r="C64" s="14">
        <v>14</v>
      </c>
      <c r="D64" s="18">
        <v>27</v>
      </c>
    </row>
    <row r="65" spans="1:4" ht="18" customHeight="1" x14ac:dyDescent="0.15">
      <c r="A65" s="5" t="s">
        <v>17</v>
      </c>
      <c r="B65" s="22">
        <v>81</v>
      </c>
      <c r="C65" s="14">
        <v>72</v>
      </c>
      <c r="D65" s="18">
        <v>153</v>
      </c>
    </row>
    <row r="66" spans="1:4" ht="18" customHeight="1" x14ac:dyDescent="0.15">
      <c r="A66" s="5">
        <v>50</v>
      </c>
      <c r="B66" s="22">
        <v>18</v>
      </c>
      <c r="C66" s="14">
        <v>8</v>
      </c>
      <c r="D66" s="18">
        <v>26</v>
      </c>
    </row>
    <row r="67" spans="1:4" ht="18" customHeight="1" x14ac:dyDescent="0.15">
      <c r="A67" s="5">
        <v>51</v>
      </c>
      <c r="B67" s="22">
        <v>21</v>
      </c>
      <c r="C67" s="14">
        <v>22</v>
      </c>
      <c r="D67" s="18">
        <v>43</v>
      </c>
    </row>
    <row r="68" spans="1:4" ht="18" customHeight="1" x14ac:dyDescent="0.15">
      <c r="A68" s="5">
        <v>52</v>
      </c>
      <c r="B68" s="22">
        <v>15</v>
      </c>
      <c r="C68" s="14">
        <v>22</v>
      </c>
      <c r="D68" s="18">
        <v>37</v>
      </c>
    </row>
    <row r="69" spans="1:4" ht="18" customHeight="1" x14ac:dyDescent="0.15">
      <c r="A69" s="5">
        <v>53</v>
      </c>
      <c r="B69" s="22">
        <v>17</v>
      </c>
      <c r="C69" s="14">
        <v>19</v>
      </c>
      <c r="D69" s="18">
        <v>36</v>
      </c>
    </row>
    <row r="70" spans="1:4" ht="18" customHeight="1" x14ac:dyDescent="0.15">
      <c r="A70" s="5">
        <v>54</v>
      </c>
      <c r="B70" s="22">
        <v>27</v>
      </c>
      <c r="C70" s="14">
        <v>23</v>
      </c>
      <c r="D70" s="18">
        <v>50</v>
      </c>
    </row>
    <row r="71" spans="1:4" ht="18" customHeight="1" x14ac:dyDescent="0.15">
      <c r="A71" s="5" t="s">
        <v>22</v>
      </c>
      <c r="B71" s="22">
        <v>98</v>
      </c>
      <c r="C71" s="14">
        <v>94</v>
      </c>
      <c r="D71" s="18">
        <v>192</v>
      </c>
    </row>
    <row r="72" spans="1:4" ht="18" customHeight="1" x14ac:dyDescent="0.15">
      <c r="A72" s="5">
        <v>55</v>
      </c>
      <c r="B72" s="22">
        <v>22</v>
      </c>
      <c r="C72" s="14">
        <v>15</v>
      </c>
      <c r="D72" s="18">
        <v>37</v>
      </c>
    </row>
    <row r="73" spans="1:4" ht="18" customHeight="1" x14ac:dyDescent="0.15">
      <c r="A73" s="5">
        <v>56</v>
      </c>
      <c r="B73" s="22">
        <v>8</v>
      </c>
      <c r="C73" s="14">
        <v>13</v>
      </c>
      <c r="D73" s="18">
        <v>21</v>
      </c>
    </row>
    <row r="74" spans="1:4" ht="18" customHeight="1" x14ac:dyDescent="0.15">
      <c r="A74" s="5">
        <v>57</v>
      </c>
      <c r="B74" s="22">
        <v>18</v>
      </c>
      <c r="C74" s="14">
        <v>16</v>
      </c>
      <c r="D74" s="18">
        <v>34</v>
      </c>
    </row>
    <row r="75" spans="1:4" ht="18" customHeight="1" x14ac:dyDescent="0.15">
      <c r="A75" s="5">
        <v>58</v>
      </c>
      <c r="B75" s="22">
        <v>17</v>
      </c>
      <c r="C75" s="14">
        <v>16</v>
      </c>
      <c r="D75" s="18">
        <v>33</v>
      </c>
    </row>
    <row r="76" spans="1:4" ht="18" customHeight="1" x14ac:dyDescent="0.15">
      <c r="A76" s="5">
        <v>59</v>
      </c>
      <c r="B76" s="22">
        <v>11</v>
      </c>
      <c r="C76" s="14">
        <v>13</v>
      </c>
      <c r="D76" s="18">
        <v>24</v>
      </c>
    </row>
    <row r="77" spans="1:4" ht="18" customHeight="1" x14ac:dyDescent="0.15">
      <c r="A77" s="5" t="s">
        <v>27</v>
      </c>
      <c r="B77" s="22">
        <v>76</v>
      </c>
      <c r="C77" s="14">
        <v>73</v>
      </c>
      <c r="D77" s="18">
        <v>149</v>
      </c>
    </row>
    <row r="78" spans="1:4" ht="18" customHeight="1" x14ac:dyDescent="0.15">
      <c r="A78" s="5">
        <v>60</v>
      </c>
      <c r="B78" s="22">
        <v>17</v>
      </c>
      <c r="C78" s="14">
        <v>17</v>
      </c>
      <c r="D78" s="18">
        <v>34</v>
      </c>
    </row>
    <row r="79" spans="1:4" ht="18" customHeight="1" x14ac:dyDescent="0.15">
      <c r="A79" s="5">
        <v>61</v>
      </c>
      <c r="B79" s="22">
        <v>19</v>
      </c>
      <c r="C79" s="14">
        <v>15</v>
      </c>
      <c r="D79" s="18">
        <v>34</v>
      </c>
    </row>
    <row r="80" spans="1:4" ht="18" customHeight="1" x14ac:dyDescent="0.15">
      <c r="A80" s="5">
        <v>62</v>
      </c>
      <c r="B80" s="22">
        <v>17</v>
      </c>
      <c r="C80" s="14">
        <v>5</v>
      </c>
      <c r="D80" s="18">
        <v>22</v>
      </c>
    </row>
    <row r="81" spans="1:4" ht="18" customHeight="1" x14ac:dyDescent="0.15">
      <c r="A81" s="5">
        <v>63</v>
      </c>
      <c r="B81" s="22">
        <v>12</v>
      </c>
      <c r="C81" s="14">
        <v>10</v>
      </c>
      <c r="D81" s="18">
        <v>22</v>
      </c>
    </row>
    <row r="82" spans="1:4" ht="18" customHeight="1" x14ac:dyDescent="0.15">
      <c r="A82" s="5">
        <v>64</v>
      </c>
      <c r="B82" s="22">
        <v>9</v>
      </c>
      <c r="C82" s="14">
        <v>13</v>
      </c>
      <c r="D82" s="18">
        <v>22</v>
      </c>
    </row>
    <row r="83" spans="1:4" ht="18" customHeight="1" x14ac:dyDescent="0.15">
      <c r="A83" s="5" t="s">
        <v>28</v>
      </c>
      <c r="B83" s="22">
        <v>74</v>
      </c>
      <c r="C83" s="14">
        <v>60</v>
      </c>
      <c r="D83" s="18">
        <v>134</v>
      </c>
    </row>
    <row r="84" spans="1:4" ht="18" customHeight="1" x14ac:dyDescent="0.15">
      <c r="A84" s="5" t="s">
        <v>31</v>
      </c>
      <c r="B84" s="22">
        <v>571</v>
      </c>
      <c r="C84" s="14">
        <v>542</v>
      </c>
      <c r="D84" s="18">
        <v>1113</v>
      </c>
    </row>
    <row r="85" spans="1:4" ht="18" customHeight="1" x14ac:dyDescent="0.15">
      <c r="A85" s="5">
        <v>65</v>
      </c>
      <c r="B85" s="22">
        <v>17</v>
      </c>
      <c r="C85" s="14">
        <v>9</v>
      </c>
      <c r="D85" s="18">
        <v>26</v>
      </c>
    </row>
    <row r="86" spans="1:4" ht="18" customHeight="1" x14ac:dyDescent="0.15">
      <c r="A86" s="5">
        <v>66</v>
      </c>
      <c r="B86" s="22">
        <v>12</v>
      </c>
      <c r="C86" s="14">
        <v>12</v>
      </c>
      <c r="D86" s="18">
        <v>24</v>
      </c>
    </row>
    <row r="87" spans="1:4" ht="18" customHeight="1" x14ac:dyDescent="0.15">
      <c r="A87" s="5">
        <v>67</v>
      </c>
      <c r="B87" s="22">
        <v>15</v>
      </c>
      <c r="C87" s="14">
        <v>15</v>
      </c>
      <c r="D87" s="18">
        <v>30</v>
      </c>
    </row>
    <row r="88" spans="1:4" ht="18" customHeight="1" x14ac:dyDescent="0.15">
      <c r="A88" s="5">
        <v>68</v>
      </c>
      <c r="B88" s="22">
        <v>10</v>
      </c>
      <c r="C88" s="14">
        <v>13</v>
      </c>
      <c r="D88" s="18">
        <v>23</v>
      </c>
    </row>
    <row r="89" spans="1:4" ht="18" customHeight="1" x14ac:dyDescent="0.15">
      <c r="A89" s="5">
        <v>69</v>
      </c>
      <c r="B89" s="22">
        <v>7</v>
      </c>
      <c r="C89" s="14">
        <v>20</v>
      </c>
      <c r="D89" s="18">
        <v>27</v>
      </c>
    </row>
    <row r="90" spans="1:4" ht="18" customHeight="1" x14ac:dyDescent="0.15">
      <c r="A90" s="5" t="s">
        <v>20</v>
      </c>
      <c r="B90" s="22">
        <v>61</v>
      </c>
      <c r="C90" s="14">
        <v>69</v>
      </c>
      <c r="D90" s="18">
        <v>130</v>
      </c>
    </row>
    <row r="91" spans="1:4" ht="18" customHeight="1" x14ac:dyDescent="0.15">
      <c r="A91" s="5">
        <v>70</v>
      </c>
      <c r="B91" s="22">
        <v>14</v>
      </c>
      <c r="C91" s="14">
        <v>19</v>
      </c>
      <c r="D91" s="18">
        <v>33</v>
      </c>
    </row>
    <row r="92" spans="1:4" ht="18" customHeight="1" x14ac:dyDescent="0.15">
      <c r="A92" s="5">
        <v>71</v>
      </c>
      <c r="B92" s="22">
        <v>13</v>
      </c>
      <c r="C92" s="14">
        <v>22</v>
      </c>
      <c r="D92" s="18">
        <v>35</v>
      </c>
    </row>
    <row r="93" spans="1:4" ht="18" customHeight="1" x14ac:dyDescent="0.15">
      <c r="A93" s="5">
        <v>72</v>
      </c>
      <c r="B93" s="22">
        <v>12</v>
      </c>
      <c r="C93" s="14">
        <v>33</v>
      </c>
      <c r="D93" s="18">
        <v>45</v>
      </c>
    </row>
    <row r="94" spans="1:4" ht="18" customHeight="1" x14ac:dyDescent="0.15">
      <c r="A94" s="5">
        <v>73</v>
      </c>
      <c r="B94" s="22">
        <v>20</v>
      </c>
      <c r="C94" s="14">
        <v>17</v>
      </c>
      <c r="D94" s="18">
        <v>37</v>
      </c>
    </row>
    <row r="95" spans="1:4" ht="18" customHeight="1" x14ac:dyDescent="0.15">
      <c r="A95" s="5">
        <v>74</v>
      </c>
      <c r="B95" s="22">
        <v>30</v>
      </c>
      <c r="C95" s="14">
        <v>22</v>
      </c>
      <c r="D95" s="18">
        <v>52</v>
      </c>
    </row>
    <row r="96" spans="1:4" ht="18" customHeight="1" x14ac:dyDescent="0.15">
      <c r="A96" s="5" t="s">
        <v>33</v>
      </c>
      <c r="B96" s="22">
        <v>89</v>
      </c>
      <c r="C96" s="14">
        <v>113</v>
      </c>
      <c r="D96" s="18">
        <v>202</v>
      </c>
    </row>
    <row r="97" spans="1:4" ht="18" customHeight="1" x14ac:dyDescent="0.15">
      <c r="A97" s="5">
        <v>75</v>
      </c>
      <c r="B97" s="22">
        <v>27</v>
      </c>
      <c r="C97" s="14">
        <v>22</v>
      </c>
      <c r="D97" s="18">
        <v>49</v>
      </c>
    </row>
    <row r="98" spans="1:4" ht="18" customHeight="1" x14ac:dyDescent="0.15">
      <c r="A98" s="5">
        <v>76</v>
      </c>
      <c r="B98" s="22">
        <v>28</v>
      </c>
      <c r="C98" s="14">
        <v>35</v>
      </c>
      <c r="D98" s="18">
        <v>63</v>
      </c>
    </row>
    <row r="99" spans="1:4" ht="18" customHeight="1" x14ac:dyDescent="0.15">
      <c r="A99" s="5">
        <v>77</v>
      </c>
      <c r="B99" s="22">
        <v>30</v>
      </c>
      <c r="C99" s="14">
        <v>28</v>
      </c>
      <c r="D99" s="18">
        <v>58</v>
      </c>
    </row>
    <row r="100" spans="1:4" ht="18" customHeight="1" x14ac:dyDescent="0.15">
      <c r="A100" s="5">
        <v>78</v>
      </c>
      <c r="B100" s="22">
        <v>23</v>
      </c>
      <c r="C100" s="14">
        <v>25</v>
      </c>
      <c r="D100" s="18">
        <v>48</v>
      </c>
    </row>
    <row r="101" spans="1:4" ht="18" customHeight="1" x14ac:dyDescent="0.15">
      <c r="A101" s="5">
        <v>79</v>
      </c>
      <c r="B101" s="22">
        <v>21</v>
      </c>
      <c r="C101" s="14">
        <v>40</v>
      </c>
      <c r="D101" s="18">
        <v>61</v>
      </c>
    </row>
    <row r="102" spans="1:4" ht="18" customHeight="1" x14ac:dyDescent="0.15">
      <c r="A102" s="5" t="s">
        <v>0</v>
      </c>
      <c r="B102" s="22">
        <v>129</v>
      </c>
      <c r="C102" s="14">
        <v>150</v>
      </c>
      <c r="D102" s="18">
        <v>279</v>
      </c>
    </row>
    <row r="103" spans="1:4" ht="18" customHeight="1" x14ac:dyDescent="0.15">
      <c r="A103" s="5">
        <v>80</v>
      </c>
      <c r="B103" s="22">
        <v>11</v>
      </c>
      <c r="C103" s="14">
        <v>20</v>
      </c>
      <c r="D103" s="18">
        <v>31</v>
      </c>
    </row>
    <row r="104" spans="1:4" ht="18" customHeight="1" x14ac:dyDescent="0.15">
      <c r="A104" s="5">
        <v>81</v>
      </c>
      <c r="B104" s="22">
        <v>16</v>
      </c>
      <c r="C104" s="14">
        <v>32</v>
      </c>
      <c r="D104" s="18">
        <v>48</v>
      </c>
    </row>
    <row r="105" spans="1:4" ht="18" customHeight="1" x14ac:dyDescent="0.15">
      <c r="A105" s="5">
        <v>82</v>
      </c>
      <c r="B105" s="22">
        <v>15</v>
      </c>
      <c r="C105" s="14">
        <v>19</v>
      </c>
      <c r="D105" s="18">
        <v>34</v>
      </c>
    </row>
    <row r="106" spans="1:4" ht="18" customHeight="1" x14ac:dyDescent="0.15">
      <c r="A106" s="5">
        <v>83</v>
      </c>
      <c r="B106" s="22">
        <v>12</v>
      </c>
      <c r="C106" s="14">
        <v>22</v>
      </c>
      <c r="D106" s="18">
        <v>34</v>
      </c>
    </row>
    <row r="107" spans="1:4" ht="18" customHeight="1" x14ac:dyDescent="0.15">
      <c r="A107" s="5">
        <v>84</v>
      </c>
      <c r="B107" s="22">
        <v>12</v>
      </c>
      <c r="C107" s="14">
        <v>27</v>
      </c>
      <c r="D107" s="18">
        <v>39</v>
      </c>
    </row>
    <row r="108" spans="1:4" ht="18" customHeight="1" x14ac:dyDescent="0.15">
      <c r="A108" s="5" t="s">
        <v>35</v>
      </c>
      <c r="B108" s="22">
        <v>66</v>
      </c>
      <c r="C108" s="14">
        <v>120</v>
      </c>
      <c r="D108" s="18">
        <v>186</v>
      </c>
    </row>
    <row r="109" spans="1:4" ht="18" customHeight="1" x14ac:dyDescent="0.15">
      <c r="A109" s="5">
        <v>85</v>
      </c>
      <c r="B109" s="22">
        <v>10</v>
      </c>
      <c r="C109" s="14">
        <v>13</v>
      </c>
      <c r="D109" s="18">
        <v>23</v>
      </c>
    </row>
    <row r="110" spans="1:4" ht="18" customHeight="1" x14ac:dyDescent="0.15">
      <c r="A110" s="5">
        <v>86</v>
      </c>
      <c r="B110" s="22">
        <v>11</v>
      </c>
      <c r="C110" s="14">
        <v>13</v>
      </c>
      <c r="D110" s="18">
        <v>24</v>
      </c>
    </row>
    <row r="111" spans="1:4" ht="18" customHeight="1" x14ac:dyDescent="0.15">
      <c r="A111" s="5">
        <v>87</v>
      </c>
      <c r="B111" s="22">
        <v>9</v>
      </c>
      <c r="C111" s="14">
        <v>11</v>
      </c>
      <c r="D111" s="18">
        <v>20</v>
      </c>
    </row>
    <row r="112" spans="1:4" ht="18" customHeight="1" x14ac:dyDescent="0.15">
      <c r="A112" s="5">
        <v>88</v>
      </c>
      <c r="B112" s="22">
        <v>9</v>
      </c>
      <c r="C112" s="14">
        <v>16</v>
      </c>
      <c r="D112" s="18">
        <v>25</v>
      </c>
    </row>
    <row r="113" spans="1:4" ht="18" customHeight="1" x14ac:dyDescent="0.15">
      <c r="A113" s="5">
        <v>89</v>
      </c>
      <c r="B113" s="22">
        <v>7</v>
      </c>
      <c r="C113" s="14">
        <v>12</v>
      </c>
      <c r="D113" s="18">
        <v>19</v>
      </c>
    </row>
    <row r="114" spans="1:4" ht="18" customHeight="1" x14ac:dyDescent="0.15">
      <c r="A114" s="5" t="s">
        <v>37</v>
      </c>
      <c r="B114" s="22">
        <v>46</v>
      </c>
      <c r="C114" s="14">
        <v>65</v>
      </c>
      <c r="D114" s="18">
        <v>111</v>
      </c>
    </row>
    <row r="115" spans="1:4" ht="18" customHeight="1" x14ac:dyDescent="0.15">
      <c r="A115" s="5">
        <v>90</v>
      </c>
      <c r="B115" s="22">
        <v>5</v>
      </c>
      <c r="C115" s="14">
        <v>13</v>
      </c>
      <c r="D115" s="18">
        <v>18</v>
      </c>
    </row>
    <row r="116" spans="1:4" ht="18" customHeight="1" x14ac:dyDescent="0.15">
      <c r="A116" s="5">
        <v>91</v>
      </c>
      <c r="B116" s="22">
        <v>1</v>
      </c>
      <c r="C116" s="14">
        <v>8</v>
      </c>
      <c r="D116" s="18">
        <v>9</v>
      </c>
    </row>
    <row r="117" spans="1:4" ht="18" customHeight="1" x14ac:dyDescent="0.15">
      <c r="A117" s="5">
        <v>92</v>
      </c>
      <c r="B117" s="22">
        <v>2</v>
      </c>
      <c r="C117" s="14">
        <v>11</v>
      </c>
      <c r="D117" s="18">
        <v>13</v>
      </c>
    </row>
    <row r="118" spans="1:4" ht="18" customHeight="1" x14ac:dyDescent="0.15">
      <c r="A118" s="5">
        <v>93</v>
      </c>
      <c r="B118" s="22">
        <v>1</v>
      </c>
      <c r="C118" s="14">
        <v>4</v>
      </c>
      <c r="D118" s="18">
        <v>5</v>
      </c>
    </row>
    <row r="119" spans="1:4" ht="18" customHeight="1" x14ac:dyDescent="0.15">
      <c r="A119" s="5">
        <v>94</v>
      </c>
      <c r="B119" s="22">
        <v>4</v>
      </c>
      <c r="C119" s="14">
        <v>5</v>
      </c>
      <c r="D119" s="18">
        <v>9</v>
      </c>
    </row>
    <row r="120" spans="1:4" ht="18" customHeight="1" x14ac:dyDescent="0.15">
      <c r="A120" s="5" t="s">
        <v>39</v>
      </c>
      <c r="B120" s="22">
        <v>13</v>
      </c>
      <c r="C120" s="14">
        <v>41</v>
      </c>
      <c r="D120" s="18">
        <v>54</v>
      </c>
    </row>
    <row r="121" spans="1:4" ht="18" customHeight="1" x14ac:dyDescent="0.15">
      <c r="A121" s="5">
        <v>95</v>
      </c>
      <c r="B121" s="22">
        <v>1</v>
      </c>
      <c r="C121" s="14">
        <v>10</v>
      </c>
      <c r="D121" s="18">
        <v>11</v>
      </c>
    </row>
    <row r="122" spans="1:4" ht="18" customHeight="1" x14ac:dyDescent="0.15">
      <c r="A122" s="5">
        <v>96</v>
      </c>
      <c r="B122" s="22">
        <v>1</v>
      </c>
      <c r="C122" s="14">
        <v>4</v>
      </c>
      <c r="D122" s="18">
        <v>5</v>
      </c>
    </row>
    <row r="123" spans="1:4" ht="18" customHeight="1" x14ac:dyDescent="0.15">
      <c r="A123" s="5">
        <v>97</v>
      </c>
      <c r="B123" s="22">
        <v>3</v>
      </c>
      <c r="C123" s="14">
        <v>3</v>
      </c>
      <c r="D123" s="18">
        <v>6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5</v>
      </c>
      <c r="C126" s="14">
        <v>20</v>
      </c>
      <c r="D126" s="18">
        <v>25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409</v>
      </c>
      <c r="C130" s="14">
        <v>582</v>
      </c>
      <c r="D130" s="18">
        <v>991</v>
      </c>
    </row>
    <row r="131" spans="1:4" ht="18" customHeight="1" x14ac:dyDescent="0.15">
      <c r="A131" s="7" t="s">
        <v>45</v>
      </c>
      <c r="B131" s="23">
        <v>1073</v>
      </c>
      <c r="C131" s="15">
        <v>1203</v>
      </c>
      <c r="D131" s="19">
        <v>227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500-000000000000}">
  <sheetPr codeName="Sheet3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2</v>
      </c>
      <c r="C5" s="13">
        <v>12</v>
      </c>
      <c r="D5" s="17">
        <v>24</v>
      </c>
    </row>
    <row r="6" spans="1:4" ht="18" customHeight="1" x14ac:dyDescent="0.15">
      <c r="A6" s="5">
        <v>1</v>
      </c>
      <c r="B6" s="22">
        <v>5</v>
      </c>
      <c r="C6" s="14">
        <v>11</v>
      </c>
      <c r="D6" s="18">
        <v>16</v>
      </c>
    </row>
    <row r="7" spans="1:4" ht="18" customHeight="1" x14ac:dyDescent="0.15">
      <c r="A7" s="5">
        <v>2</v>
      </c>
      <c r="B7" s="22">
        <v>9</v>
      </c>
      <c r="C7" s="14">
        <v>6</v>
      </c>
      <c r="D7" s="18">
        <v>15</v>
      </c>
    </row>
    <row r="8" spans="1:4" ht="18" customHeight="1" x14ac:dyDescent="0.15">
      <c r="A8" s="5">
        <v>3</v>
      </c>
      <c r="B8" s="22">
        <v>9</v>
      </c>
      <c r="C8" s="14">
        <v>16</v>
      </c>
      <c r="D8" s="18">
        <v>25</v>
      </c>
    </row>
    <row r="9" spans="1:4" ht="18" customHeight="1" x14ac:dyDescent="0.15">
      <c r="A9" s="5">
        <v>4</v>
      </c>
      <c r="B9" s="22">
        <v>10</v>
      </c>
      <c r="C9" s="14">
        <v>9</v>
      </c>
      <c r="D9" s="18">
        <v>19</v>
      </c>
    </row>
    <row r="10" spans="1:4" ht="18" customHeight="1" x14ac:dyDescent="0.15">
      <c r="A10" s="5" t="s">
        <v>7</v>
      </c>
      <c r="B10" s="22">
        <v>45</v>
      </c>
      <c r="C10" s="14">
        <v>54</v>
      </c>
      <c r="D10" s="18">
        <v>99</v>
      </c>
    </row>
    <row r="11" spans="1:4" ht="18" customHeight="1" x14ac:dyDescent="0.15">
      <c r="A11" s="5">
        <v>5</v>
      </c>
      <c r="B11" s="22">
        <v>9</v>
      </c>
      <c r="C11" s="14">
        <v>5</v>
      </c>
      <c r="D11" s="18">
        <v>14</v>
      </c>
    </row>
    <row r="12" spans="1:4" ht="18" customHeight="1" x14ac:dyDescent="0.15">
      <c r="A12" s="5">
        <v>6</v>
      </c>
      <c r="B12" s="22">
        <v>10</v>
      </c>
      <c r="C12" s="14">
        <v>5</v>
      </c>
      <c r="D12" s="18">
        <v>15</v>
      </c>
    </row>
    <row r="13" spans="1:4" ht="18" customHeight="1" x14ac:dyDescent="0.15">
      <c r="A13" s="5">
        <v>7</v>
      </c>
      <c r="B13" s="22">
        <v>12</v>
      </c>
      <c r="C13" s="14">
        <v>12</v>
      </c>
      <c r="D13" s="18">
        <v>24</v>
      </c>
    </row>
    <row r="14" spans="1:4" ht="18" customHeight="1" x14ac:dyDescent="0.15">
      <c r="A14" s="5">
        <v>8</v>
      </c>
      <c r="B14" s="22">
        <v>14</v>
      </c>
      <c r="C14" s="14">
        <v>16</v>
      </c>
      <c r="D14" s="18">
        <v>30</v>
      </c>
    </row>
    <row r="15" spans="1:4" ht="18" customHeight="1" x14ac:dyDescent="0.15">
      <c r="A15" s="5">
        <v>9</v>
      </c>
      <c r="B15" s="22">
        <v>10</v>
      </c>
      <c r="C15" s="14">
        <v>14</v>
      </c>
      <c r="D15" s="18">
        <v>24</v>
      </c>
    </row>
    <row r="16" spans="1:4" ht="18" customHeight="1" x14ac:dyDescent="0.15">
      <c r="A16" s="5" t="s">
        <v>11</v>
      </c>
      <c r="B16" s="22">
        <v>55</v>
      </c>
      <c r="C16" s="14">
        <v>52</v>
      </c>
      <c r="D16" s="18">
        <v>107</v>
      </c>
    </row>
    <row r="17" spans="1:4" ht="18" customHeight="1" x14ac:dyDescent="0.15">
      <c r="A17" s="5">
        <v>10</v>
      </c>
      <c r="B17" s="22">
        <v>15</v>
      </c>
      <c r="C17" s="14">
        <v>8</v>
      </c>
      <c r="D17" s="18">
        <v>23</v>
      </c>
    </row>
    <row r="18" spans="1:4" ht="18" customHeight="1" x14ac:dyDescent="0.15">
      <c r="A18" s="5">
        <v>11</v>
      </c>
      <c r="B18" s="22">
        <v>12</v>
      </c>
      <c r="C18" s="14">
        <v>8</v>
      </c>
      <c r="D18" s="18">
        <v>20</v>
      </c>
    </row>
    <row r="19" spans="1:4" ht="18" customHeight="1" x14ac:dyDescent="0.15">
      <c r="A19" s="5">
        <v>12</v>
      </c>
      <c r="B19" s="22">
        <v>8</v>
      </c>
      <c r="C19" s="14">
        <v>14</v>
      </c>
      <c r="D19" s="18">
        <v>22</v>
      </c>
    </row>
    <row r="20" spans="1:4" ht="18" customHeight="1" x14ac:dyDescent="0.15">
      <c r="A20" s="5">
        <v>13</v>
      </c>
      <c r="B20" s="22">
        <v>10</v>
      </c>
      <c r="C20" s="14">
        <v>11</v>
      </c>
      <c r="D20" s="18">
        <v>21</v>
      </c>
    </row>
    <row r="21" spans="1:4" ht="18" customHeight="1" x14ac:dyDescent="0.15">
      <c r="A21" s="5">
        <v>14</v>
      </c>
      <c r="B21" s="22">
        <v>11</v>
      </c>
      <c r="C21" s="14">
        <v>11</v>
      </c>
      <c r="D21" s="18">
        <v>22</v>
      </c>
    </row>
    <row r="22" spans="1:4" ht="18" customHeight="1" x14ac:dyDescent="0.15">
      <c r="A22" s="5" t="s">
        <v>12</v>
      </c>
      <c r="B22" s="22">
        <v>56</v>
      </c>
      <c r="C22" s="14">
        <v>52</v>
      </c>
      <c r="D22" s="18">
        <v>108</v>
      </c>
    </row>
    <row r="23" spans="1:4" ht="18" customHeight="1" x14ac:dyDescent="0.15">
      <c r="A23" s="5" t="s">
        <v>6</v>
      </c>
      <c r="B23" s="22">
        <v>156</v>
      </c>
      <c r="C23" s="14">
        <v>158</v>
      </c>
      <c r="D23" s="18">
        <v>314</v>
      </c>
    </row>
    <row r="24" spans="1:4" ht="18" customHeight="1" x14ac:dyDescent="0.15">
      <c r="A24" s="5">
        <v>15</v>
      </c>
      <c r="B24" s="22">
        <v>13</v>
      </c>
      <c r="C24" s="14">
        <v>11</v>
      </c>
      <c r="D24" s="18">
        <v>24</v>
      </c>
    </row>
    <row r="25" spans="1:4" ht="18" customHeight="1" x14ac:dyDescent="0.15">
      <c r="A25" s="5">
        <v>16</v>
      </c>
      <c r="B25" s="22">
        <v>14</v>
      </c>
      <c r="C25" s="14">
        <v>16</v>
      </c>
      <c r="D25" s="18">
        <v>30</v>
      </c>
    </row>
    <row r="26" spans="1:4" ht="18" customHeight="1" x14ac:dyDescent="0.15">
      <c r="A26" s="5">
        <v>17</v>
      </c>
      <c r="B26" s="22">
        <v>8</v>
      </c>
      <c r="C26" s="14">
        <v>19</v>
      </c>
      <c r="D26" s="18">
        <v>27</v>
      </c>
    </row>
    <row r="27" spans="1:4" ht="18" customHeight="1" x14ac:dyDescent="0.15">
      <c r="A27" s="5">
        <v>18</v>
      </c>
      <c r="B27" s="22">
        <v>21</v>
      </c>
      <c r="C27" s="14">
        <v>12</v>
      </c>
      <c r="D27" s="18">
        <v>33</v>
      </c>
    </row>
    <row r="28" spans="1:4" ht="18" customHeight="1" x14ac:dyDescent="0.15">
      <c r="A28" s="5">
        <v>19</v>
      </c>
      <c r="B28" s="22">
        <v>20</v>
      </c>
      <c r="C28" s="14">
        <v>23</v>
      </c>
      <c r="D28" s="18">
        <v>43</v>
      </c>
    </row>
    <row r="29" spans="1:4" ht="18" customHeight="1" x14ac:dyDescent="0.15">
      <c r="A29" s="5" t="s">
        <v>14</v>
      </c>
      <c r="B29" s="22">
        <v>76</v>
      </c>
      <c r="C29" s="14">
        <v>81</v>
      </c>
      <c r="D29" s="18">
        <v>157</v>
      </c>
    </row>
    <row r="30" spans="1:4" ht="18" customHeight="1" x14ac:dyDescent="0.15">
      <c r="A30" s="5">
        <v>20</v>
      </c>
      <c r="B30" s="22">
        <v>16</v>
      </c>
      <c r="C30" s="14">
        <v>18</v>
      </c>
      <c r="D30" s="18">
        <v>34</v>
      </c>
    </row>
    <row r="31" spans="1:4" ht="18" customHeight="1" x14ac:dyDescent="0.15">
      <c r="A31" s="5">
        <v>21</v>
      </c>
      <c r="B31" s="22">
        <v>26</v>
      </c>
      <c r="C31" s="14">
        <v>21</v>
      </c>
      <c r="D31" s="18">
        <v>47</v>
      </c>
    </row>
    <row r="32" spans="1:4" ht="18" customHeight="1" x14ac:dyDescent="0.15">
      <c r="A32" s="5">
        <v>22</v>
      </c>
      <c r="B32" s="22">
        <v>27</v>
      </c>
      <c r="C32" s="14">
        <v>21</v>
      </c>
      <c r="D32" s="18">
        <v>48</v>
      </c>
    </row>
    <row r="33" spans="1:4" ht="18" customHeight="1" x14ac:dyDescent="0.15">
      <c r="A33" s="5">
        <v>23</v>
      </c>
      <c r="B33" s="22">
        <v>22</v>
      </c>
      <c r="C33" s="14">
        <v>14</v>
      </c>
      <c r="D33" s="18">
        <v>36</v>
      </c>
    </row>
    <row r="34" spans="1:4" ht="18" customHeight="1" x14ac:dyDescent="0.15">
      <c r="A34" s="5">
        <v>24</v>
      </c>
      <c r="B34" s="22">
        <v>28</v>
      </c>
      <c r="C34" s="14">
        <v>22</v>
      </c>
      <c r="D34" s="18">
        <v>50</v>
      </c>
    </row>
    <row r="35" spans="1:4" ht="18" customHeight="1" x14ac:dyDescent="0.15">
      <c r="A35" s="5" t="s">
        <v>9</v>
      </c>
      <c r="B35" s="22">
        <v>119</v>
      </c>
      <c r="C35" s="14">
        <v>96</v>
      </c>
      <c r="D35" s="18">
        <v>215</v>
      </c>
    </row>
    <row r="36" spans="1:4" ht="18" customHeight="1" x14ac:dyDescent="0.15">
      <c r="A36" s="5">
        <v>25</v>
      </c>
      <c r="B36" s="22">
        <v>28</v>
      </c>
      <c r="C36" s="14">
        <v>18</v>
      </c>
      <c r="D36" s="18">
        <v>46</v>
      </c>
    </row>
    <row r="37" spans="1:4" ht="18" customHeight="1" x14ac:dyDescent="0.15">
      <c r="A37" s="5">
        <v>26</v>
      </c>
      <c r="B37" s="22">
        <v>18</v>
      </c>
      <c r="C37" s="14">
        <v>29</v>
      </c>
      <c r="D37" s="18">
        <v>47</v>
      </c>
    </row>
    <row r="38" spans="1:4" ht="18" customHeight="1" x14ac:dyDescent="0.15">
      <c r="A38" s="5">
        <v>27</v>
      </c>
      <c r="B38" s="22">
        <v>19</v>
      </c>
      <c r="C38" s="14">
        <v>15</v>
      </c>
      <c r="D38" s="18">
        <v>34</v>
      </c>
    </row>
    <row r="39" spans="1:4" ht="18" customHeight="1" x14ac:dyDescent="0.15">
      <c r="A39" s="5">
        <v>28</v>
      </c>
      <c r="B39" s="22">
        <v>18</v>
      </c>
      <c r="C39" s="14">
        <v>10</v>
      </c>
      <c r="D39" s="18">
        <v>28</v>
      </c>
    </row>
    <row r="40" spans="1:4" ht="18" customHeight="1" x14ac:dyDescent="0.15">
      <c r="A40" s="5">
        <v>29</v>
      </c>
      <c r="B40" s="22">
        <v>25</v>
      </c>
      <c r="C40" s="14">
        <v>13</v>
      </c>
      <c r="D40" s="18">
        <v>38</v>
      </c>
    </row>
    <row r="41" spans="1:4" ht="18" customHeight="1" x14ac:dyDescent="0.15">
      <c r="A41" s="5" t="s">
        <v>2</v>
      </c>
      <c r="B41" s="22">
        <v>108</v>
      </c>
      <c r="C41" s="14">
        <v>85</v>
      </c>
      <c r="D41" s="18">
        <v>193</v>
      </c>
    </row>
    <row r="42" spans="1:4" ht="18" customHeight="1" x14ac:dyDescent="0.15">
      <c r="A42" s="5">
        <v>30</v>
      </c>
      <c r="B42" s="22">
        <v>26</v>
      </c>
      <c r="C42" s="14">
        <v>19</v>
      </c>
      <c r="D42" s="18">
        <v>45</v>
      </c>
    </row>
    <row r="43" spans="1:4" ht="18" customHeight="1" x14ac:dyDescent="0.15">
      <c r="A43" s="5">
        <v>31</v>
      </c>
      <c r="B43" s="22">
        <v>21</v>
      </c>
      <c r="C43" s="14">
        <v>17</v>
      </c>
      <c r="D43" s="18">
        <v>38</v>
      </c>
    </row>
    <row r="44" spans="1:4" ht="18" customHeight="1" x14ac:dyDescent="0.15">
      <c r="A44" s="5">
        <v>32</v>
      </c>
      <c r="B44" s="22">
        <v>21</v>
      </c>
      <c r="C44" s="14">
        <v>18</v>
      </c>
      <c r="D44" s="18">
        <v>39</v>
      </c>
    </row>
    <row r="45" spans="1:4" ht="18" customHeight="1" x14ac:dyDescent="0.15">
      <c r="A45" s="5">
        <v>33</v>
      </c>
      <c r="B45" s="22">
        <v>10</v>
      </c>
      <c r="C45" s="14">
        <v>10</v>
      </c>
      <c r="D45" s="18">
        <v>20</v>
      </c>
    </row>
    <row r="46" spans="1:4" ht="18" customHeight="1" x14ac:dyDescent="0.15">
      <c r="A46" s="5">
        <v>34</v>
      </c>
      <c r="B46" s="22">
        <v>17</v>
      </c>
      <c r="C46" s="14">
        <v>10</v>
      </c>
      <c r="D46" s="18">
        <v>27</v>
      </c>
    </row>
    <row r="47" spans="1:4" ht="18" customHeight="1" x14ac:dyDescent="0.15">
      <c r="A47" s="5" t="s">
        <v>15</v>
      </c>
      <c r="B47" s="22">
        <v>95</v>
      </c>
      <c r="C47" s="14">
        <v>74</v>
      </c>
      <c r="D47" s="18">
        <v>169</v>
      </c>
    </row>
    <row r="48" spans="1:4" ht="18" customHeight="1" x14ac:dyDescent="0.15">
      <c r="A48" s="5">
        <v>35</v>
      </c>
      <c r="B48" s="22">
        <v>18</v>
      </c>
      <c r="C48" s="14">
        <v>15</v>
      </c>
      <c r="D48" s="18">
        <v>33</v>
      </c>
    </row>
    <row r="49" spans="1:4" ht="18" customHeight="1" x14ac:dyDescent="0.15">
      <c r="A49" s="5">
        <v>36</v>
      </c>
      <c r="B49" s="22">
        <v>18</v>
      </c>
      <c r="C49" s="14">
        <v>9</v>
      </c>
      <c r="D49" s="18">
        <v>27</v>
      </c>
    </row>
    <row r="50" spans="1:4" ht="18" customHeight="1" x14ac:dyDescent="0.15">
      <c r="A50" s="5">
        <v>37</v>
      </c>
      <c r="B50" s="22">
        <v>17</v>
      </c>
      <c r="C50" s="14">
        <v>12</v>
      </c>
      <c r="D50" s="18">
        <v>29</v>
      </c>
    </row>
    <row r="51" spans="1:4" ht="18" customHeight="1" x14ac:dyDescent="0.15">
      <c r="A51" s="5">
        <v>38</v>
      </c>
      <c r="B51" s="22">
        <v>20</v>
      </c>
      <c r="C51" s="14">
        <v>15</v>
      </c>
      <c r="D51" s="18">
        <v>35</v>
      </c>
    </row>
    <row r="52" spans="1:4" ht="18" customHeight="1" x14ac:dyDescent="0.15">
      <c r="A52" s="5">
        <v>39</v>
      </c>
      <c r="B52" s="22">
        <v>16</v>
      </c>
      <c r="C52" s="14">
        <v>18</v>
      </c>
      <c r="D52" s="18">
        <v>34</v>
      </c>
    </row>
    <row r="53" spans="1:4" ht="18" customHeight="1" x14ac:dyDescent="0.15">
      <c r="A53" s="5" t="s">
        <v>18</v>
      </c>
      <c r="B53" s="22">
        <v>89</v>
      </c>
      <c r="C53" s="14">
        <v>69</v>
      </c>
      <c r="D53" s="18">
        <v>158</v>
      </c>
    </row>
    <row r="54" spans="1:4" ht="18" customHeight="1" x14ac:dyDescent="0.15">
      <c r="A54" s="5">
        <v>40</v>
      </c>
      <c r="B54" s="22">
        <v>20</v>
      </c>
      <c r="C54" s="14">
        <v>18</v>
      </c>
      <c r="D54" s="18">
        <v>38</v>
      </c>
    </row>
    <row r="55" spans="1:4" ht="18" customHeight="1" x14ac:dyDescent="0.15">
      <c r="A55" s="5">
        <v>41</v>
      </c>
      <c r="B55" s="22">
        <v>21</v>
      </c>
      <c r="C55" s="14">
        <v>21</v>
      </c>
      <c r="D55" s="18">
        <v>42</v>
      </c>
    </row>
    <row r="56" spans="1:4" ht="18" customHeight="1" x14ac:dyDescent="0.15">
      <c r="A56" s="5">
        <v>42</v>
      </c>
      <c r="B56" s="22">
        <v>12</v>
      </c>
      <c r="C56" s="14">
        <v>17</v>
      </c>
      <c r="D56" s="18">
        <v>29</v>
      </c>
    </row>
    <row r="57" spans="1:4" ht="18" customHeight="1" x14ac:dyDescent="0.15">
      <c r="A57" s="5">
        <v>43</v>
      </c>
      <c r="B57" s="22">
        <v>19</v>
      </c>
      <c r="C57" s="14">
        <v>19</v>
      </c>
      <c r="D57" s="18">
        <v>38</v>
      </c>
    </row>
    <row r="58" spans="1:4" ht="18" customHeight="1" x14ac:dyDescent="0.15">
      <c r="A58" s="5">
        <v>44</v>
      </c>
      <c r="B58" s="22">
        <v>11</v>
      </c>
      <c r="C58" s="14">
        <v>21</v>
      </c>
      <c r="D58" s="18">
        <v>32</v>
      </c>
    </row>
    <row r="59" spans="1:4" ht="18" customHeight="1" x14ac:dyDescent="0.15">
      <c r="A59" s="5" t="s">
        <v>21</v>
      </c>
      <c r="B59" s="22">
        <v>83</v>
      </c>
      <c r="C59" s="14">
        <v>96</v>
      </c>
      <c r="D59" s="18">
        <v>179</v>
      </c>
    </row>
    <row r="60" spans="1:4" ht="18" customHeight="1" x14ac:dyDescent="0.15">
      <c r="A60" s="5">
        <v>45</v>
      </c>
      <c r="B60" s="22">
        <v>18</v>
      </c>
      <c r="C60" s="14">
        <v>17</v>
      </c>
      <c r="D60" s="18">
        <v>35</v>
      </c>
    </row>
    <row r="61" spans="1:4" ht="18" customHeight="1" x14ac:dyDescent="0.15">
      <c r="A61" s="5">
        <v>46</v>
      </c>
      <c r="B61" s="22">
        <v>19</v>
      </c>
      <c r="C61" s="14">
        <v>24</v>
      </c>
      <c r="D61" s="18">
        <v>43</v>
      </c>
    </row>
    <row r="62" spans="1:4" ht="18" customHeight="1" x14ac:dyDescent="0.15">
      <c r="A62" s="5">
        <v>47</v>
      </c>
      <c r="B62" s="22">
        <v>29</v>
      </c>
      <c r="C62" s="14">
        <v>28</v>
      </c>
      <c r="D62" s="18">
        <v>57</v>
      </c>
    </row>
    <row r="63" spans="1:4" ht="18" customHeight="1" x14ac:dyDescent="0.15">
      <c r="A63" s="5">
        <v>48</v>
      </c>
      <c r="B63" s="22">
        <v>28</v>
      </c>
      <c r="C63" s="14">
        <v>20</v>
      </c>
      <c r="D63" s="18">
        <v>48</v>
      </c>
    </row>
    <row r="64" spans="1:4" ht="18" customHeight="1" x14ac:dyDescent="0.15">
      <c r="A64" s="5">
        <v>49</v>
      </c>
      <c r="B64" s="22">
        <v>29</v>
      </c>
      <c r="C64" s="14">
        <v>23</v>
      </c>
      <c r="D64" s="18">
        <v>52</v>
      </c>
    </row>
    <row r="65" spans="1:4" ht="18" customHeight="1" x14ac:dyDescent="0.15">
      <c r="A65" s="5" t="s">
        <v>17</v>
      </c>
      <c r="B65" s="22">
        <v>123</v>
      </c>
      <c r="C65" s="14">
        <v>112</v>
      </c>
      <c r="D65" s="18">
        <v>235</v>
      </c>
    </row>
    <row r="66" spans="1:4" ht="18" customHeight="1" x14ac:dyDescent="0.15">
      <c r="A66" s="5">
        <v>50</v>
      </c>
      <c r="B66" s="22">
        <v>35</v>
      </c>
      <c r="C66" s="14">
        <v>36</v>
      </c>
      <c r="D66" s="18">
        <v>71</v>
      </c>
    </row>
    <row r="67" spans="1:4" ht="18" customHeight="1" x14ac:dyDescent="0.15">
      <c r="A67" s="5">
        <v>51</v>
      </c>
      <c r="B67" s="22">
        <v>39</v>
      </c>
      <c r="C67" s="14">
        <v>38</v>
      </c>
      <c r="D67" s="18">
        <v>77</v>
      </c>
    </row>
    <row r="68" spans="1:4" ht="18" customHeight="1" x14ac:dyDescent="0.15">
      <c r="A68" s="5">
        <v>52</v>
      </c>
      <c r="B68" s="22">
        <v>37</v>
      </c>
      <c r="C68" s="14">
        <v>36</v>
      </c>
      <c r="D68" s="18">
        <v>73</v>
      </c>
    </row>
    <row r="69" spans="1:4" ht="18" customHeight="1" x14ac:dyDescent="0.15">
      <c r="A69" s="5">
        <v>53</v>
      </c>
      <c r="B69" s="22">
        <v>26</v>
      </c>
      <c r="C69" s="14">
        <v>42</v>
      </c>
      <c r="D69" s="18">
        <v>68</v>
      </c>
    </row>
    <row r="70" spans="1:4" ht="18" customHeight="1" x14ac:dyDescent="0.15">
      <c r="A70" s="5">
        <v>54</v>
      </c>
      <c r="B70" s="22">
        <v>39</v>
      </c>
      <c r="C70" s="14">
        <v>44</v>
      </c>
      <c r="D70" s="18">
        <v>83</v>
      </c>
    </row>
    <row r="71" spans="1:4" ht="18" customHeight="1" x14ac:dyDescent="0.15">
      <c r="A71" s="5" t="s">
        <v>22</v>
      </c>
      <c r="B71" s="22">
        <v>176</v>
      </c>
      <c r="C71" s="14">
        <v>196</v>
      </c>
      <c r="D71" s="18">
        <v>372</v>
      </c>
    </row>
    <row r="72" spans="1:4" ht="18" customHeight="1" x14ac:dyDescent="0.15">
      <c r="A72" s="5">
        <v>55</v>
      </c>
      <c r="B72" s="22">
        <v>39</v>
      </c>
      <c r="C72" s="14">
        <v>20</v>
      </c>
      <c r="D72" s="18">
        <v>59</v>
      </c>
    </row>
    <row r="73" spans="1:4" ht="18" customHeight="1" x14ac:dyDescent="0.15">
      <c r="A73" s="5">
        <v>56</v>
      </c>
      <c r="B73" s="22">
        <v>32</v>
      </c>
      <c r="C73" s="14">
        <v>31</v>
      </c>
      <c r="D73" s="18">
        <v>63</v>
      </c>
    </row>
    <row r="74" spans="1:4" ht="18" customHeight="1" x14ac:dyDescent="0.15">
      <c r="A74" s="5">
        <v>57</v>
      </c>
      <c r="B74" s="22">
        <v>35</v>
      </c>
      <c r="C74" s="14">
        <v>37</v>
      </c>
      <c r="D74" s="18">
        <v>72</v>
      </c>
    </row>
    <row r="75" spans="1:4" ht="18" customHeight="1" x14ac:dyDescent="0.15">
      <c r="A75" s="5">
        <v>58</v>
      </c>
      <c r="B75" s="22">
        <v>28</v>
      </c>
      <c r="C75" s="14">
        <v>36</v>
      </c>
      <c r="D75" s="18">
        <v>64</v>
      </c>
    </row>
    <row r="76" spans="1:4" ht="18" customHeight="1" x14ac:dyDescent="0.15">
      <c r="A76" s="5">
        <v>59</v>
      </c>
      <c r="B76" s="22">
        <v>29</v>
      </c>
      <c r="C76" s="14">
        <v>31</v>
      </c>
      <c r="D76" s="18">
        <v>60</v>
      </c>
    </row>
    <row r="77" spans="1:4" ht="18" customHeight="1" x14ac:dyDescent="0.15">
      <c r="A77" s="5" t="s">
        <v>27</v>
      </c>
      <c r="B77" s="22">
        <v>163</v>
      </c>
      <c r="C77" s="14">
        <v>155</v>
      </c>
      <c r="D77" s="18">
        <v>318</v>
      </c>
    </row>
    <row r="78" spans="1:4" ht="18" customHeight="1" x14ac:dyDescent="0.15">
      <c r="A78" s="5">
        <v>60</v>
      </c>
      <c r="B78" s="22">
        <v>25</v>
      </c>
      <c r="C78" s="14">
        <v>28</v>
      </c>
      <c r="D78" s="18">
        <v>53</v>
      </c>
    </row>
    <row r="79" spans="1:4" ht="18" customHeight="1" x14ac:dyDescent="0.15">
      <c r="A79" s="5">
        <v>61</v>
      </c>
      <c r="B79" s="22">
        <v>26</v>
      </c>
      <c r="C79" s="14">
        <v>30</v>
      </c>
      <c r="D79" s="18">
        <v>56</v>
      </c>
    </row>
    <row r="80" spans="1:4" ht="18" customHeight="1" x14ac:dyDescent="0.15">
      <c r="A80" s="5">
        <v>62</v>
      </c>
      <c r="B80" s="22">
        <v>19</v>
      </c>
      <c r="C80" s="14">
        <v>20</v>
      </c>
      <c r="D80" s="18">
        <v>39</v>
      </c>
    </row>
    <row r="81" spans="1:4" ht="18" customHeight="1" x14ac:dyDescent="0.15">
      <c r="A81" s="5">
        <v>63</v>
      </c>
      <c r="B81" s="22">
        <v>25</v>
      </c>
      <c r="C81" s="14">
        <v>27</v>
      </c>
      <c r="D81" s="18">
        <v>52</v>
      </c>
    </row>
    <row r="82" spans="1:4" ht="18" customHeight="1" x14ac:dyDescent="0.15">
      <c r="A82" s="5">
        <v>64</v>
      </c>
      <c r="B82" s="22">
        <v>26</v>
      </c>
      <c r="C82" s="14">
        <v>24</v>
      </c>
      <c r="D82" s="18">
        <v>50</v>
      </c>
    </row>
    <row r="83" spans="1:4" ht="18" customHeight="1" x14ac:dyDescent="0.15">
      <c r="A83" s="5" t="s">
        <v>28</v>
      </c>
      <c r="B83" s="22">
        <v>121</v>
      </c>
      <c r="C83" s="14">
        <v>129</v>
      </c>
      <c r="D83" s="18">
        <v>250</v>
      </c>
    </row>
    <row r="84" spans="1:4" ht="18" customHeight="1" x14ac:dyDescent="0.15">
      <c r="A84" s="5" t="s">
        <v>31</v>
      </c>
      <c r="B84" s="22">
        <v>1153</v>
      </c>
      <c r="C84" s="14">
        <v>1093</v>
      </c>
      <c r="D84" s="18">
        <v>2246</v>
      </c>
    </row>
    <row r="85" spans="1:4" ht="18" customHeight="1" x14ac:dyDescent="0.15">
      <c r="A85" s="5">
        <v>65</v>
      </c>
      <c r="B85" s="22">
        <v>29</v>
      </c>
      <c r="C85" s="14">
        <v>20</v>
      </c>
      <c r="D85" s="18">
        <v>49</v>
      </c>
    </row>
    <row r="86" spans="1:4" ht="18" customHeight="1" x14ac:dyDescent="0.15">
      <c r="A86" s="5">
        <v>66</v>
      </c>
      <c r="B86" s="22">
        <v>24</v>
      </c>
      <c r="C86" s="14">
        <v>17</v>
      </c>
      <c r="D86" s="18">
        <v>41</v>
      </c>
    </row>
    <row r="87" spans="1:4" ht="18" customHeight="1" x14ac:dyDescent="0.15">
      <c r="A87" s="5">
        <v>67</v>
      </c>
      <c r="B87" s="22">
        <v>22</v>
      </c>
      <c r="C87" s="14">
        <v>22</v>
      </c>
      <c r="D87" s="18">
        <v>44</v>
      </c>
    </row>
    <row r="88" spans="1:4" ht="18" customHeight="1" x14ac:dyDescent="0.15">
      <c r="A88" s="5">
        <v>68</v>
      </c>
      <c r="B88" s="22">
        <v>20</v>
      </c>
      <c r="C88" s="14">
        <v>18</v>
      </c>
      <c r="D88" s="18">
        <v>38</v>
      </c>
    </row>
    <row r="89" spans="1:4" ht="18" customHeight="1" x14ac:dyDescent="0.15">
      <c r="A89" s="5">
        <v>69</v>
      </c>
      <c r="B89" s="22">
        <v>12</v>
      </c>
      <c r="C89" s="14">
        <v>29</v>
      </c>
      <c r="D89" s="18">
        <v>41</v>
      </c>
    </row>
    <row r="90" spans="1:4" ht="18" customHeight="1" x14ac:dyDescent="0.15">
      <c r="A90" s="5" t="s">
        <v>20</v>
      </c>
      <c r="B90" s="22">
        <v>107</v>
      </c>
      <c r="C90" s="14">
        <v>106</v>
      </c>
      <c r="D90" s="18">
        <v>213</v>
      </c>
    </row>
    <row r="91" spans="1:4" ht="18" customHeight="1" x14ac:dyDescent="0.15">
      <c r="A91" s="5">
        <v>70</v>
      </c>
      <c r="B91" s="22">
        <v>21</v>
      </c>
      <c r="C91" s="14">
        <v>19</v>
      </c>
      <c r="D91" s="18">
        <v>40</v>
      </c>
    </row>
    <row r="92" spans="1:4" ht="18" customHeight="1" x14ac:dyDescent="0.15">
      <c r="A92" s="5">
        <v>71</v>
      </c>
      <c r="B92" s="22">
        <v>22</v>
      </c>
      <c r="C92" s="14">
        <v>19</v>
      </c>
      <c r="D92" s="18">
        <v>41</v>
      </c>
    </row>
    <row r="93" spans="1:4" ht="18" customHeight="1" x14ac:dyDescent="0.15">
      <c r="A93" s="5">
        <v>72</v>
      </c>
      <c r="B93" s="22">
        <v>33</v>
      </c>
      <c r="C93" s="14">
        <v>24</v>
      </c>
      <c r="D93" s="18">
        <v>57</v>
      </c>
    </row>
    <row r="94" spans="1:4" ht="18" customHeight="1" x14ac:dyDescent="0.15">
      <c r="A94" s="5">
        <v>73</v>
      </c>
      <c r="B94" s="22">
        <v>25</v>
      </c>
      <c r="C94" s="14">
        <v>31</v>
      </c>
      <c r="D94" s="18">
        <v>56</v>
      </c>
    </row>
    <row r="95" spans="1:4" ht="18" customHeight="1" x14ac:dyDescent="0.15">
      <c r="A95" s="5">
        <v>74</v>
      </c>
      <c r="B95" s="22">
        <v>20</v>
      </c>
      <c r="C95" s="14">
        <v>27</v>
      </c>
      <c r="D95" s="18">
        <v>47</v>
      </c>
    </row>
    <row r="96" spans="1:4" ht="18" customHeight="1" x14ac:dyDescent="0.15">
      <c r="A96" s="5" t="s">
        <v>33</v>
      </c>
      <c r="B96" s="22">
        <v>121</v>
      </c>
      <c r="C96" s="14">
        <v>120</v>
      </c>
      <c r="D96" s="18">
        <v>241</v>
      </c>
    </row>
    <row r="97" spans="1:4" ht="18" customHeight="1" x14ac:dyDescent="0.15">
      <c r="A97" s="5">
        <v>75</v>
      </c>
      <c r="B97" s="22">
        <v>24</v>
      </c>
      <c r="C97" s="14">
        <v>31</v>
      </c>
      <c r="D97" s="18">
        <v>55</v>
      </c>
    </row>
    <row r="98" spans="1:4" ht="18" customHeight="1" x14ac:dyDescent="0.15">
      <c r="A98" s="5">
        <v>76</v>
      </c>
      <c r="B98" s="22">
        <v>31</v>
      </c>
      <c r="C98" s="14">
        <v>50</v>
      </c>
      <c r="D98" s="18">
        <v>81</v>
      </c>
    </row>
    <row r="99" spans="1:4" ht="18" customHeight="1" x14ac:dyDescent="0.15">
      <c r="A99" s="5">
        <v>77</v>
      </c>
      <c r="B99" s="22">
        <v>37</v>
      </c>
      <c r="C99" s="14">
        <v>46</v>
      </c>
      <c r="D99" s="18">
        <v>83</v>
      </c>
    </row>
    <row r="100" spans="1:4" ht="18" customHeight="1" x14ac:dyDescent="0.15">
      <c r="A100" s="5">
        <v>78</v>
      </c>
      <c r="B100" s="22">
        <v>30</v>
      </c>
      <c r="C100" s="14">
        <v>35</v>
      </c>
      <c r="D100" s="18">
        <v>65</v>
      </c>
    </row>
    <row r="101" spans="1:4" ht="18" customHeight="1" x14ac:dyDescent="0.15">
      <c r="A101" s="5">
        <v>79</v>
      </c>
      <c r="B101" s="22">
        <v>24</v>
      </c>
      <c r="C101" s="14">
        <v>27</v>
      </c>
      <c r="D101" s="18">
        <v>51</v>
      </c>
    </row>
    <row r="102" spans="1:4" ht="18" customHeight="1" x14ac:dyDescent="0.15">
      <c r="A102" s="5" t="s">
        <v>0</v>
      </c>
      <c r="B102" s="22">
        <v>146</v>
      </c>
      <c r="C102" s="14">
        <v>189</v>
      </c>
      <c r="D102" s="18">
        <v>335</v>
      </c>
    </row>
    <row r="103" spans="1:4" ht="18" customHeight="1" x14ac:dyDescent="0.15">
      <c r="A103" s="5">
        <v>80</v>
      </c>
      <c r="B103" s="22">
        <v>18</v>
      </c>
      <c r="C103" s="14">
        <v>18</v>
      </c>
      <c r="D103" s="18">
        <v>36</v>
      </c>
    </row>
    <row r="104" spans="1:4" ht="18" customHeight="1" x14ac:dyDescent="0.15">
      <c r="A104" s="5">
        <v>81</v>
      </c>
      <c r="B104" s="22">
        <v>29</v>
      </c>
      <c r="C104" s="14">
        <v>27</v>
      </c>
      <c r="D104" s="18">
        <v>56</v>
      </c>
    </row>
    <row r="105" spans="1:4" ht="18" customHeight="1" x14ac:dyDescent="0.15">
      <c r="A105" s="5">
        <v>82</v>
      </c>
      <c r="B105" s="22">
        <v>12</v>
      </c>
      <c r="C105" s="14">
        <v>36</v>
      </c>
      <c r="D105" s="18">
        <v>48</v>
      </c>
    </row>
    <row r="106" spans="1:4" ht="18" customHeight="1" x14ac:dyDescent="0.15">
      <c r="A106" s="5">
        <v>83</v>
      </c>
      <c r="B106" s="22">
        <v>15</v>
      </c>
      <c r="C106" s="14">
        <v>34</v>
      </c>
      <c r="D106" s="18">
        <v>49</v>
      </c>
    </row>
    <row r="107" spans="1:4" ht="18" customHeight="1" x14ac:dyDescent="0.15">
      <c r="A107" s="5">
        <v>84</v>
      </c>
      <c r="B107" s="22">
        <v>22</v>
      </c>
      <c r="C107" s="14">
        <v>39</v>
      </c>
      <c r="D107" s="18">
        <v>61</v>
      </c>
    </row>
    <row r="108" spans="1:4" ht="18" customHeight="1" x14ac:dyDescent="0.15">
      <c r="A108" s="5" t="s">
        <v>35</v>
      </c>
      <c r="B108" s="22">
        <v>96</v>
      </c>
      <c r="C108" s="14">
        <v>154</v>
      </c>
      <c r="D108" s="18">
        <v>250</v>
      </c>
    </row>
    <row r="109" spans="1:4" ht="18" customHeight="1" x14ac:dyDescent="0.15">
      <c r="A109" s="5">
        <v>85</v>
      </c>
      <c r="B109" s="22">
        <v>15</v>
      </c>
      <c r="C109" s="14">
        <v>19</v>
      </c>
      <c r="D109" s="18">
        <v>34</v>
      </c>
    </row>
    <row r="110" spans="1:4" ht="18" customHeight="1" x14ac:dyDescent="0.15">
      <c r="A110" s="5">
        <v>86</v>
      </c>
      <c r="B110" s="22">
        <v>12</v>
      </c>
      <c r="C110" s="14">
        <v>26</v>
      </c>
      <c r="D110" s="18">
        <v>38</v>
      </c>
    </row>
    <row r="111" spans="1:4" ht="18" customHeight="1" x14ac:dyDescent="0.15">
      <c r="A111" s="5">
        <v>87</v>
      </c>
      <c r="B111" s="22">
        <v>7</v>
      </c>
      <c r="C111" s="14">
        <v>17</v>
      </c>
      <c r="D111" s="18">
        <v>24</v>
      </c>
    </row>
    <row r="112" spans="1:4" ht="18" customHeight="1" x14ac:dyDescent="0.15">
      <c r="A112" s="5">
        <v>88</v>
      </c>
      <c r="B112" s="22">
        <v>10</v>
      </c>
      <c r="C112" s="14">
        <v>25</v>
      </c>
      <c r="D112" s="18">
        <v>35</v>
      </c>
    </row>
    <row r="113" spans="1:4" ht="18" customHeight="1" x14ac:dyDescent="0.15">
      <c r="A113" s="5">
        <v>89</v>
      </c>
      <c r="B113" s="22">
        <v>5</v>
      </c>
      <c r="C113" s="14">
        <v>19</v>
      </c>
      <c r="D113" s="18">
        <v>24</v>
      </c>
    </row>
    <row r="114" spans="1:4" ht="18" customHeight="1" x14ac:dyDescent="0.15">
      <c r="A114" s="5" t="s">
        <v>37</v>
      </c>
      <c r="B114" s="22">
        <v>49</v>
      </c>
      <c r="C114" s="14">
        <v>106</v>
      </c>
      <c r="D114" s="18">
        <v>155</v>
      </c>
    </row>
    <row r="115" spans="1:4" ht="18" customHeight="1" x14ac:dyDescent="0.15">
      <c r="A115" s="5">
        <v>90</v>
      </c>
      <c r="B115" s="22">
        <v>4</v>
      </c>
      <c r="C115" s="14">
        <v>20</v>
      </c>
      <c r="D115" s="18">
        <v>24</v>
      </c>
    </row>
    <row r="116" spans="1:4" ht="18" customHeight="1" x14ac:dyDescent="0.15">
      <c r="A116" s="5">
        <v>91</v>
      </c>
      <c r="B116" s="22">
        <v>3</v>
      </c>
      <c r="C116" s="14">
        <v>12</v>
      </c>
      <c r="D116" s="18">
        <v>15</v>
      </c>
    </row>
    <row r="117" spans="1:4" ht="18" customHeight="1" x14ac:dyDescent="0.15">
      <c r="A117" s="5">
        <v>92</v>
      </c>
      <c r="B117" s="22">
        <v>1</v>
      </c>
      <c r="C117" s="14">
        <v>8</v>
      </c>
      <c r="D117" s="18">
        <v>9</v>
      </c>
    </row>
    <row r="118" spans="1:4" ht="18" customHeight="1" x14ac:dyDescent="0.15">
      <c r="A118" s="5">
        <v>93</v>
      </c>
      <c r="B118" s="22">
        <v>4</v>
      </c>
      <c r="C118" s="14">
        <v>11</v>
      </c>
      <c r="D118" s="18">
        <v>15</v>
      </c>
    </row>
    <row r="119" spans="1:4" ht="18" customHeight="1" x14ac:dyDescent="0.15">
      <c r="A119" s="5">
        <v>94</v>
      </c>
      <c r="B119" s="22">
        <v>3</v>
      </c>
      <c r="C119" s="14">
        <v>10</v>
      </c>
      <c r="D119" s="18">
        <v>13</v>
      </c>
    </row>
    <row r="120" spans="1:4" ht="18" customHeight="1" x14ac:dyDescent="0.15">
      <c r="A120" s="5" t="s">
        <v>39</v>
      </c>
      <c r="B120" s="22">
        <v>15</v>
      </c>
      <c r="C120" s="14">
        <v>61</v>
      </c>
      <c r="D120" s="18">
        <v>76</v>
      </c>
    </row>
    <row r="121" spans="1:4" ht="18" customHeight="1" x14ac:dyDescent="0.15">
      <c r="A121" s="5">
        <v>95</v>
      </c>
      <c r="B121" s="22">
        <v>2</v>
      </c>
      <c r="C121" s="14">
        <v>6</v>
      </c>
      <c r="D121" s="18">
        <v>8</v>
      </c>
    </row>
    <row r="122" spans="1:4" ht="18" customHeight="1" x14ac:dyDescent="0.15">
      <c r="A122" s="5">
        <v>96</v>
      </c>
      <c r="B122" s="22">
        <v>0</v>
      </c>
      <c r="C122" s="14">
        <v>9</v>
      </c>
      <c r="D122" s="18">
        <v>9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1</v>
      </c>
      <c r="C125" s="14">
        <v>0</v>
      </c>
      <c r="D125" s="18">
        <v>1</v>
      </c>
    </row>
    <row r="126" spans="1:4" ht="18" customHeight="1" x14ac:dyDescent="0.15">
      <c r="A126" s="5" t="s">
        <v>40</v>
      </c>
      <c r="B126" s="22">
        <v>3</v>
      </c>
      <c r="C126" s="14">
        <v>19</v>
      </c>
      <c r="D126" s="18">
        <v>22</v>
      </c>
    </row>
    <row r="127" spans="1:4" ht="18" customHeight="1" x14ac:dyDescent="0.15">
      <c r="A127" s="5">
        <v>100</v>
      </c>
      <c r="B127" s="22">
        <v>1</v>
      </c>
      <c r="C127" s="14">
        <v>0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1</v>
      </c>
      <c r="C129" s="14">
        <v>3</v>
      </c>
      <c r="D129" s="18">
        <v>4</v>
      </c>
    </row>
    <row r="130" spans="1:4" ht="18" customHeight="1" x14ac:dyDescent="0.15">
      <c r="A130" s="5" t="s">
        <v>46</v>
      </c>
      <c r="B130" s="22">
        <v>538</v>
      </c>
      <c r="C130" s="14">
        <v>758</v>
      </c>
      <c r="D130" s="18">
        <v>1296</v>
      </c>
    </row>
    <row r="131" spans="1:4" ht="18" customHeight="1" x14ac:dyDescent="0.15">
      <c r="A131" s="7" t="s">
        <v>45</v>
      </c>
      <c r="B131" s="23">
        <v>1847</v>
      </c>
      <c r="C131" s="15">
        <v>2009</v>
      </c>
      <c r="D131" s="19">
        <v>385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600-000000000000}">
  <sheetPr codeName="Sheet3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4</v>
      </c>
      <c r="C5" s="13">
        <v>38</v>
      </c>
      <c r="D5" s="17">
        <v>82</v>
      </c>
    </row>
    <row r="6" spans="1:4" ht="18" customHeight="1" x14ac:dyDescent="0.15">
      <c r="A6" s="5">
        <v>1</v>
      </c>
      <c r="B6" s="22">
        <v>60</v>
      </c>
      <c r="C6" s="14">
        <v>48</v>
      </c>
      <c r="D6" s="18">
        <v>108</v>
      </c>
    </row>
    <row r="7" spans="1:4" ht="18" customHeight="1" x14ac:dyDescent="0.15">
      <c r="A7" s="5">
        <v>2</v>
      </c>
      <c r="B7" s="22">
        <v>53</v>
      </c>
      <c r="C7" s="14">
        <v>41</v>
      </c>
      <c r="D7" s="18">
        <v>94</v>
      </c>
    </row>
    <row r="8" spans="1:4" ht="18" customHeight="1" x14ac:dyDescent="0.15">
      <c r="A8" s="5">
        <v>3</v>
      </c>
      <c r="B8" s="22">
        <v>65</v>
      </c>
      <c r="C8" s="14">
        <v>58</v>
      </c>
      <c r="D8" s="18">
        <v>123</v>
      </c>
    </row>
    <row r="9" spans="1:4" ht="18" customHeight="1" x14ac:dyDescent="0.15">
      <c r="A9" s="5">
        <v>4</v>
      </c>
      <c r="B9" s="22">
        <v>77</v>
      </c>
      <c r="C9" s="14">
        <v>50</v>
      </c>
      <c r="D9" s="18">
        <v>127</v>
      </c>
    </row>
    <row r="10" spans="1:4" ht="18" customHeight="1" x14ac:dyDescent="0.15">
      <c r="A10" s="5" t="s">
        <v>7</v>
      </c>
      <c r="B10" s="22">
        <v>299</v>
      </c>
      <c r="C10" s="14">
        <v>235</v>
      </c>
      <c r="D10" s="18">
        <v>534</v>
      </c>
    </row>
    <row r="11" spans="1:4" ht="18" customHeight="1" x14ac:dyDescent="0.15">
      <c r="A11" s="5">
        <v>5</v>
      </c>
      <c r="B11" s="22">
        <v>58</v>
      </c>
      <c r="C11" s="14">
        <v>64</v>
      </c>
      <c r="D11" s="18">
        <v>122</v>
      </c>
    </row>
    <row r="12" spans="1:4" ht="18" customHeight="1" x14ac:dyDescent="0.15">
      <c r="A12" s="5">
        <v>6</v>
      </c>
      <c r="B12" s="22">
        <v>77</v>
      </c>
      <c r="C12" s="14">
        <v>73</v>
      </c>
      <c r="D12" s="18">
        <v>150</v>
      </c>
    </row>
    <row r="13" spans="1:4" ht="18" customHeight="1" x14ac:dyDescent="0.15">
      <c r="A13" s="5">
        <v>7</v>
      </c>
      <c r="B13" s="22">
        <v>79</v>
      </c>
      <c r="C13" s="14">
        <v>45</v>
      </c>
      <c r="D13" s="18">
        <v>124</v>
      </c>
    </row>
    <row r="14" spans="1:4" ht="18" customHeight="1" x14ac:dyDescent="0.15">
      <c r="A14" s="5">
        <v>8</v>
      </c>
      <c r="B14" s="22">
        <v>55</v>
      </c>
      <c r="C14" s="14">
        <v>75</v>
      </c>
      <c r="D14" s="18">
        <v>130</v>
      </c>
    </row>
    <row r="15" spans="1:4" ht="18" customHeight="1" x14ac:dyDescent="0.15">
      <c r="A15" s="5">
        <v>9</v>
      </c>
      <c r="B15" s="22">
        <v>66</v>
      </c>
      <c r="C15" s="14">
        <v>74</v>
      </c>
      <c r="D15" s="18">
        <v>140</v>
      </c>
    </row>
    <row r="16" spans="1:4" ht="18" customHeight="1" x14ac:dyDescent="0.15">
      <c r="A16" s="5" t="s">
        <v>11</v>
      </c>
      <c r="B16" s="22">
        <v>335</v>
      </c>
      <c r="C16" s="14">
        <v>331</v>
      </c>
      <c r="D16" s="18">
        <v>666</v>
      </c>
    </row>
    <row r="17" spans="1:4" ht="18" customHeight="1" x14ac:dyDescent="0.15">
      <c r="A17" s="5">
        <v>10</v>
      </c>
      <c r="B17" s="22">
        <v>51</v>
      </c>
      <c r="C17" s="14">
        <v>66</v>
      </c>
      <c r="D17" s="18">
        <v>117</v>
      </c>
    </row>
    <row r="18" spans="1:4" ht="18" customHeight="1" x14ac:dyDescent="0.15">
      <c r="A18" s="5">
        <v>11</v>
      </c>
      <c r="B18" s="22">
        <v>68</v>
      </c>
      <c r="C18" s="14">
        <v>63</v>
      </c>
      <c r="D18" s="18">
        <v>131</v>
      </c>
    </row>
    <row r="19" spans="1:4" ht="18" customHeight="1" x14ac:dyDescent="0.15">
      <c r="A19" s="5">
        <v>12</v>
      </c>
      <c r="B19" s="22">
        <v>72</v>
      </c>
      <c r="C19" s="14">
        <v>74</v>
      </c>
      <c r="D19" s="18">
        <v>146</v>
      </c>
    </row>
    <row r="20" spans="1:4" ht="18" customHeight="1" x14ac:dyDescent="0.15">
      <c r="A20" s="5">
        <v>13</v>
      </c>
      <c r="B20" s="22">
        <v>70</v>
      </c>
      <c r="C20" s="14">
        <v>61</v>
      </c>
      <c r="D20" s="18">
        <v>131</v>
      </c>
    </row>
    <row r="21" spans="1:4" ht="18" customHeight="1" x14ac:dyDescent="0.15">
      <c r="A21" s="5">
        <v>14</v>
      </c>
      <c r="B21" s="22">
        <v>62</v>
      </c>
      <c r="C21" s="14">
        <v>72</v>
      </c>
      <c r="D21" s="18">
        <v>134</v>
      </c>
    </row>
    <row r="22" spans="1:4" ht="18" customHeight="1" x14ac:dyDescent="0.15">
      <c r="A22" s="5" t="s">
        <v>12</v>
      </c>
      <c r="B22" s="22">
        <v>323</v>
      </c>
      <c r="C22" s="14">
        <v>336</v>
      </c>
      <c r="D22" s="18">
        <v>659</v>
      </c>
    </row>
    <row r="23" spans="1:4" ht="18" customHeight="1" x14ac:dyDescent="0.15">
      <c r="A23" s="5" t="s">
        <v>6</v>
      </c>
      <c r="B23" s="22">
        <v>957</v>
      </c>
      <c r="C23" s="14">
        <v>902</v>
      </c>
      <c r="D23" s="18">
        <v>1859</v>
      </c>
    </row>
    <row r="24" spans="1:4" ht="18" customHeight="1" x14ac:dyDescent="0.15">
      <c r="A24" s="5">
        <v>15</v>
      </c>
      <c r="B24" s="22">
        <v>69</v>
      </c>
      <c r="C24" s="14">
        <v>58</v>
      </c>
      <c r="D24" s="18">
        <v>127</v>
      </c>
    </row>
    <row r="25" spans="1:4" ht="18" customHeight="1" x14ac:dyDescent="0.15">
      <c r="A25" s="5">
        <v>16</v>
      </c>
      <c r="B25" s="22">
        <v>76</v>
      </c>
      <c r="C25" s="14">
        <v>63</v>
      </c>
      <c r="D25" s="18">
        <v>139</v>
      </c>
    </row>
    <row r="26" spans="1:4" ht="18" customHeight="1" x14ac:dyDescent="0.15">
      <c r="A26" s="5">
        <v>17</v>
      </c>
      <c r="B26" s="22">
        <v>66</v>
      </c>
      <c r="C26" s="14">
        <v>62</v>
      </c>
      <c r="D26" s="18">
        <v>128</v>
      </c>
    </row>
    <row r="27" spans="1:4" ht="18" customHeight="1" x14ac:dyDescent="0.15">
      <c r="A27" s="5">
        <v>18</v>
      </c>
      <c r="B27" s="22">
        <v>65</v>
      </c>
      <c r="C27" s="14">
        <v>56</v>
      </c>
      <c r="D27" s="18">
        <v>121</v>
      </c>
    </row>
    <row r="28" spans="1:4" ht="18" customHeight="1" x14ac:dyDescent="0.15">
      <c r="A28" s="5">
        <v>19</v>
      </c>
      <c r="B28" s="22">
        <v>61</v>
      </c>
      <c r="C28" s="14">
        <v>54</v>
      </c>
      <c r="D28" s="18">
        <v>115</v>
      </c>
    </row>
    <row r="29" spans="1:4" ht="18" customHeight="1" x14ac:dyDescent="0.15">
      <c r="A29" s="5" t="s">
        <v>14</v>
      </c>
      <c r="B29" s="22">
        <v>337</v>
      </c>
      <c r="C29" s="14">
        <v>293</v>
      </c>
      <c r="D29" s="18">
        <v>630</v>
      </c>
    </row>
    <row r="30" spans="1:4" ht="18" customHeight="1" x14ac:dyDescent="0.15">
      <c r="A30" s="5">
        <v>20</v>
      </c>
      <c r="B30" s="22">
        <v>51</v>
      </c>
      <c r="C30" s="14">
        <v>67</v>
      </c>
      <c r="D30" s="18">
        <v>118</v>
      </c>
    </row>
    <row r="31" spans="1:4" ht="18" customHeight="1" x14ac:dyDescent="0.15">
      <c r="A31" s="5">
        <v>21</v>
      </c>
      <c r="B31" s="22">
        <v>57</v>
      </c>
      <c r="C31" s="14">
        <v>67</v>
      </c>
      <c r="D31" s="18">
        <v>124</v>
      </c>
    </row>
    <row r="32" spans="1:4" ht="18" customHeight="1" x14ac:dyDescent="0.15">
      <c r="A32" s="5">
        <v>22</v>
      </c>
      <c r="B32" s="22">
        <v>62</v>
      </c>
      <c r="C32" s="14">
        <v>56</v>
      </c>
      <c r="D32" s="18">
        <v>118</v>
      </c>
    </row>
    <row r="33" spans="1:4" ht="18" customHeight="1" x14ac:dyDescent="0.15">
      <c r="A33" s="5">
        <v>23</v>
      </c>
      <c r="B33" s="22">
        <v>58</v>
      </c>
      <c r="C33" s="14">
        <v>69</v>
      </c>
      <c r="D33" s="18">
        <v>127</v>
      </c>
    </row>
    <row r="34" spans="1:4" ht="18" customHeight="1" x14ac:dyDescent="0.15">
      <c r="A34" s="5">
        <v>24</v>
      </c>
      <c r="B34" s="22">
        <v>67</v>
      </c>
      <c r="C34" s="14">
        <v>70</v>
      </c>
      <c r="D34" s="18">
        <v>137</v>
      </c>
    </row>
    <row r="35" spans="1:4" ht="18" customHeight="1" x14ac:dyDescent="0.15">
      <c r="A35" s="5" t="s">
        <v>9</v>
      </c>
      <c r="B35" s="22">
        <v>295</v>
      </c>
      <c r="C35" s="14">
        <v>329</v>
      </c>
      <c r="D35" s="18">
        <v>624</v>
      </c>
    </row>
    <row r="36" spans="1:4" ht="18" customHeight="1" x14ac:dyDescent="0.15">
      <c r="A36" s="5">
        <v>25</v>
      </c>
      <c r="B36" s="22">
        <v>73</v>
      </c>
      <c r="C36" s="14">
        <v>68</v>
      </c>
      <c r="D36" s="18">
        <v>141</v>
      </c>
    </row>
    <row r="37" spans="1:4" ht="18" customHeight="1" x14ac:dyDescent="0.15">
      <c r="A37" s="5">
        <v>26</v>
      </c>
      <c r="B37" s="22">
        <v>84</v>
      </c>
      <c r="C37" s="14">
        <v>76</v>
      </c>
      <c r="D37" s="18">
        <v>160</v>
      </c>
    </row>
    <row r="38" spans="1:4" ht="18" customHeight="1" x14ac:dyDescent="0.15">
      <c r="A38" s="5">
        <v>27</v>
      </c>
      <c r="B38" s="22">
        <v>77</v>
      </c>
      <c r="C38" s="14">
        <v>78</v>
      </c>
      <c r="D38" s="18">
        <v>155</v>
      </c>
    </row>
    <row r="39" spans="1:4" ht="18" customHeight="1" x14ac:dyDescent="0.15">
      <c r="A39" s="5">
        <v>28</v>
      </c>
      <c r="B39" s="22">
        <v>78</v>
      </c>
      <c r="C39" s="14">
        <v>66</v>
      </c>
      <c r="D39" s="18">
        <v>144</v>
      </c>
    </row>
    <row r="40" spans="1:4" ht="18" customHeight="1" x14ac:dyDescent="0.15">
      <c r="A40" s="5">
        <v>29</v>
      </c>
      <c r="B40" s="22">
        <v>102</v>
      </c>
      <c r="C40" s="14">
        <v>79</v>
      </c>
      <c r="D40" s="18">
        <v>181</v>
      </c>
    </row>
    <row r="41" spans="1:4" ht="18" customHeight="1" x14ac:dyDescent="0.15">
      <c r="A41" s="5" t="s">
        <v>2</v>
      </c>
      <c r="B41" s="22">
        <v>414</v>
      </c>
      <c r="C41" s="14">
        <v>367</v>
      </c>
      <c r="D41" s="18">
        <v>781</v>
      </c>
    </row>
    <row r="42" spans="1:4" ht="18" customHeight="1" x14ac:dyDescent="0.15">
      <c r="A42" s="5">
        <v>30</v>
      </c>
      <c r="B42" s="22">
        <v>71</v>
      </c>
      <c r="C42" s="14">
        <v>72</v>
      </c>
      <c r="D42" s="18">
        <v>143</v>
      </c>
    </row>
    <row r="43" spans="1:4" ht="18" customHeight="1" x14ac:dyDescent="0.15">
      <c r="A43" s="5">
        <v>31</v>
      </c>
      <c r="B43" s="22">
        <v>71</v>
      </c>
      <c r="C43" s="14">
        <v>79</v>
      </c>
      <c r="D43" s="18">
        <v>150</v>
      </c>
    </row>
    <row r="44" spans="1:4" ht="18" customHeight="1" x14ac:dyDescent="0.15">
      <c r="A44" s="5">
        <v>32</v>
      </c>
      <c r="B44" s="22">
        <v>85</v>
      </c>
      <c r="C44" s="14">
        <v>80</v>
      </c>
      <c r="D44" s="18">
        <v>165</v>
      </c>
    </row>
    <row r="45" spans="1:4" ht="18" customHeight="1" x14ac:dyDescent="0.15">
      <c r="A45" s="5">
        <v>33</v>
      </c>
      <c r="B45" s="22">
        <v>89</v>
      </c>
      <c r="C45" s="14">
        <v>83</v>
      </c>
      <c r="D45" s="18">
        <v>172</v>
      </c>
    </row>
    <row r="46" spans="1:4" ht="18" customHeight="1" x14ac:dyDescent="0.15">
      <c r="A46" s="5">
        <v>34</v>
      </c>
      <c r="B46" s="22">
        <v>76</v>
      </c>
      <c r="C46" s="14">
        <v>76</v>
      </c>
      <c r="D46" s="18">
        <v>152</v>
      </c>
    </row>
    <row r="47" spans="1:4" ht="18" customHeight="1" x14ac:dyDescent="0.15">
      <c r="A47" s="5" t="s">
        <v>15</v>
      </c>
      <c r="B47" s="22">
        <v>392</v>
      </c>
      <c r="C47" s="14">
        <v>390</v>
      </c>
      <c r="D47" s="18">
        <v>782</v>
      </c>
    </row>
    <row r="48" spans="1:4" ht="18" customHeight="1" x14ac:dyDescent="0.15">
      <c r="A48" s="5">
        <v>35</v>
      </c>
      <c r="B48" s="22">
        <v>104</v>
      </c>
      <c r="C48" s="14">
        <v>65</v>
      </c>
      <c r="D48" s="18">
        <v>169</v>
      </c>
    </row>
    <row r="49" spans="1:4" ht="18" customHeight="1" x14ac:dyDescent="0.15">
      <c r="A49" s="5">
        <v>36</v>
      </c>
      <c r="B49" s="22">
        <v>72</v>
      </c>
      <c r="C49" s="14">
        <v>69</v>
      </c>
      <c r="D49" s="18">
        <v>141</v>
      </c>
    </row>
    <row r="50" spans="1:4" ht="18" customHeight="1" x14ac:dyDescent="0.15">
      <c r="A50" s="5">
        <v>37</v>
      </c>
      <c r="B50" s="22">
        <v>101</v>
      </c>
      <c r="C50" s="14">
        <v>82</v>
      </c>
      <c r="D50" s="18">
        <v>183</v>
      </c>
    </row>
    <row r="51" spans="1:4" ht="18" customHeight="1" x14ac:dyDescent="0.15">
      <c r="A51" s="5">
        <v>38</v>
      </c>
      <c r="B51" s="22">
        <v>87</v>
      </c>
      <c r="C51" s="14">
        <v>91</v>
      </c>
      <c r="D51" s="18">
        <v>178</v>
      </c>
    </row>
    <row r="52" spans="1:4" ht="18" customHeight="1" x14ac:dyDescent="0.15">
      <c r="A52" s="5">
        <v>39</v>
      </c>
      <c r="B52" s="22">
        <v>74</v>
      </c>
      <c r="C52" s="14">
        <v>84</v>
      </c>
      <c r="D52" s="18">
        <v>158</v>
      </c>
    </row>
    <row r="53" spans="1:4" ht="18" customHeight="1" x14ac:dyDescent="0.15">
      <c r="A53" s="5" t="s">
        <v>18</v>
      </c>
      <c r="B53" s="22">
        <v>438</v>
      </c>
      <c r="C53" s="14">
        <v>391</v>
      </c>
      <c r="D53" s="18">
        <v>829</v>
      </c>
    </row>
    <row r="54" spans="1:4" ht="18" customHeight="1" x14ac:dyDescent="0.15">
      <c r="A54" s="5">
        <v>40</v>
      </c>
      <c r="B54" s="22">
        <v>101</v>
      </c>
      <c r="C54" s="14">
        <v>105</v>
      </c>
      <c r="D54" s="18">
        <v>206</v>
      </c>
    </row>
    <row r="55" spans="1:4" ht="18" customHeight="1" x14ac:dyDescent="0.15">
      <c r="A55" s="5">
        <v>41</v>
      </c>
      <c r="B55" s="22">
        <v>92</v>
      </c>
      <c r="C55" s="14">
        <v>94</v>
      </c>
      <c r="D55" s="18">
        <v>186</v>
      </c>
    </row>
    <row r="56" spans="1:4" ht="18" customHeight="1" x14ac:dyDescent="0.15">
      <c r="A56" s="5">
        <v>42</v>
      </c>
      <c r="B56" s="22">
        <v>101</v>
      </c>
      <c r="C56" s="14">
        <v>95</v>
      </c>
      <c r="D56" s="18">
        <v>196</v>
      </c>
    </row>
    <row r="57" spans="1:4" ht="18" customHeight="1" x14ac:dyDescent="0.15">
      <c r="A57" s="5">
        <v>43</v>
      </c>
      <c r="B57" s="22">
        <v>91</v>
      </c>
      <c r="C57" s="14">
        <v>75</v>
      </c>
      <c r="D57" s="18">
        <v>166</v>
      </c>
    </row>
    <row r="58" spans="1:4" ht="18" customHeight="1" x14ac:dyDescent="0.15">
      <c r="A58" s="5">
        <v>44</v>
      </c>
      <c r="B58" s="22">
        <v>104</v>
      </c>
      <c r="C58" s="14">
        <v>101</v>
      </c>
      <c r="D58" s="18">
        <v>205</v>
      </c>
    </row>
    <row r="59" spans="1:4" ht="18" customHeight="1" x14ac:dyDescent="0.15">
      <c r="A59" s="5" t="s">
        <v>21</v>
      </c>
      <c r="B59" s="22">
        <v>489</v>
      </c>
      <c r="C59" s="14">
        <v>470</v>
      </c>
      <c r="D59" s="18">
        <v>959</v>
      </c>
    </row>
    <row r="60" spans="1:4" ht="18" customHeight="1" x14ac:dyDescent="0.15">
      <c r="A60" s="5">
        <v>45</v>
      </c>
      <c r="B60" s="22">
        <v>94</v>
      </c>
      <c r="C60" s="14">
        <v>87</v>
      </c>
      <c r="D60" s="18">
        <v>181</v>
      </c>
    </row>
    <row r="61" spans="1:4" ht="18" customHeight="1" x14ac:dyDescent="0.15">
      <c r="A61" s="5">
        <v>46</v>
      </c>
      <c r="B61" s="22">
        <v>109</v>
      </c>
      <c r="C61" s="14">
        <v>97</v>
      </c>
      <c r="D61" s="18">
        <v>206</v>
      </c>
    </row>
    <row r="62" spans="1:4" ht="18" customHeight="1" x14ac:dyDescent="0.15">
      <c r="A62" s="5">
        <v>47</v>
      </c>
      <c r="B62" s="22">
        <v>101</v>
      </c>
      <c r="C62" s="14">
        <v>104</v>
      </c>
      <c r="D62" s="18">
        <v>205</v>
      </c>
    </row>
    <row r="63" spans="1:4" ht="18" customHeight="1" x14ac:dyDescent="0.15">
      <c r="A63" s="5">
        <v>48</v>
      </c>
      <c r="B63" s="22">
        <v>109</v>
      </c>
      <c r="C63" s="14">
        <v>73</v>
      </c>
      <c r="D63" s="18">
        <v>182</v>
      </c>
    </row>
    <row r="64" spans="1:4" ht="18" customHeight="1" x14ac:dyDescent="0.15">
      <c r="A64" s="5">
        <v>49</v>
      </c>
      <c r="B64" s="22">
        <v>108</v>
      </c>
      <c r="C64" s="14">
        <v>105</v>
      </c>
      <c r="D64" s="18">
        <v>213</v>
      </c>
    </row>
    <row r="65" spans="1:4" ht="18" customHeight="1" x14ac:dyDescent="0.15">
      <c r="A65" s="5" t="s">
        <v>17</v>
      </c>
      <c r="B65" s="22">
        <v>521</v>
      </c>
      <c r="C65" s="14">
        <v>466</v>
      </c>
      <c r="D65" s="18">
        <v>987</v>
      </c>
    </row>
    <row r="66" spans="1:4" ht="18" customHeight="1" x14ac:dyDescent="0.15">
      <c r="A66" s="5">
        <v>50</v>
      </c>
      <c r="B66" s="22">
        <v>111</v>
      </c>
      <c r="C66" s="14">
        <v>126</v>
      </c>
      <c r="D66" s="18">
        <v>237</v>
      </c>
    </row>
    <row r="67" spans="1:4" ht="18" customHeight="1" x14ac:dyDescent="0.15">
      <c r="A67" s="5">
        <v>51</v>
      </c>
      <c r="B67" s="22">
        <v>121</v>
      </c>
      <c r="C67" s="14">
        <v>138</v>
      </c>
      <c r="D67" s="18">
        <v>259</v>
      </c>
    </row>
    <row r="68" spans="1:4" ht="18" customHeight="1" x14ac:dyDescent="0.15">
      <c r="A68" s="5">
        <v>52</v>
      </c>
      <c r="B68" s="22">
        <v>134</v>
      </c>
      <c r="C68" s="14">
        <v>125</v>
      </c>
      <c r="D68" s="18">
        <v>259</v>
      </c>
    </row>
    <row r="69" spans="1:4" ht="18" customHeight="1" x14ac:dyDescent="0.15">
      <c r="A69" s="5">
        <v>53</v>
      </c>
      <c r="B69" s="22">
        <v>108</v>
      </c>
      <c r="C69" s="14">
        <v>114</v>
      </c>
      <c r="D69" s="18">
        <v>222</v>
      </c>
    </row>
    <row r="70" spans="1:4" ht="18" customHeight="1" x14ac:dyDescent="0.15">
      <c r="A70" s="5">
        <v>54</v>
      </c>
      <c r="B70" s="22">
        <v>120</v>
      </c>
      <c r="C70" s="14">
        <v>108</v>
      </c>
      <c r="D70" s="18">
        <v>228</v>
      </c>
    </row>
    <row r="71" spans="1:4" ht="18" customHeight="1" x14ac:dyDescent="0.15">
      <c r="A71" s="5" t="s">
        <v>22</v>
      </c>
      <c r="B71" s="22">
        <v>594</v>
      </c>
      <c r="C71" s="14">
        <v>611</v>
      </c>
      <c r="D71" s="18">
        <v>1205</v>
      </c>
    </row>
    <row r="72" spans="1:4" ht="18" customHeight="1" x14ac:dyDescent="0.15">
      <c r="A72" s="5">
        <v>55</v>
      </c>
      <c r="B72" s="22">
        <v>122</v>
      </c>
      <c r="C72" s="14">
        <v>96</v>
      </c>
      <c r="D72" s="18">
        <v>218</v>
      </c>
    </row>
    <row r="73" spans="1:4" ht="18" customHeight="1" x14ac:dyDescent="0.15">
      <c r="A73" s="5">
        <v>56</v>
      </c>
      <c r="B73" s="22">
        <v>102</v>
      </c>
      <c r="C73" s="14">
        <v>105</v>
      </c>
      <c r="D73" s="18">
        <v>207</v>
      </c>
    </row>
    <row r="74" spans="1:4" ht="18" customHeight="1" x14ac:dyDescent="0.15">
      <c r="A74" s="5">
        <v>57</v>
      </c>
      <c r="B74" s="22">
        <v>117</v>
      </c>
      <c r="C74" s="14">
        <v>114</v>
      </c>
      <c r="D74" s="18">
        <v>231</v>
      </c>
    </row>
    <row r="75" spans="1:4" ht="18" customHeight="1" x14ac:dyDescent="0.15">
      <c r="A75" s="5">
        <v>58</v>
      </c>
      <c r="B75" s="22">
        <v>118</v>
      </c>
      <c r="C75" s="14">
        <v>104</v>
      </c>
      <c r="D75" s="18">
        <v>222</v>
      </c>
    </row>
    <row r="76" spans="1:4" ht="18" customHeight="1" x14ac:dyDescent="0.15">
      <c r="A76" s="5">
        <v>59</v>
      </c>
      <c r="B76" s="22">
        <v>97</v>
      </c>
      <c r="C76" s="14">
        <v>85</v>
      </c>
      <c r="D76" s="18">
        <v>182</v>
      </c>
    </row>
    <row r="77" spans="1:4" ht="18" customHeight="1" x14ac:dyDescent="0.15">
      <c r="A77" s="5" t="s">
        <v>27</v>
      </c>
      <c r="B77" s="22">
        <v>556</v>
      </c>
      <c r="C77" s="14">
        <v>504</v>
      </c>
      <c r="D77" s="18">
        <v>1060</v>
      </c>
    </row>
    <row r="78" spans="1:4" ht="18" customHeight="1" x14ac:dyDescent="0.15">
      <c r="A78" s="5">
        <v>60</v>
      </c>
      <c r="B78" s="22">
        <v>95</v>
      </c>
      <c r="C78" s="14">
        <v>109</v>
      </c>
      <c r="D78" s="18">
        <v>204</v>
      </c>
    </row>
    <row r="79" spans="1:4" ht="18" customHeight="1" x14ac:dyDescent="0.15">
      <c r="A79" s="5">
        <v>61</v>
      </c>
      <c r="B79" s="22">
        <v>95</v>
      </c>
      <c r="C79" s="14">
        <v>92</v>
      </c>
      <c r="D79" s="18">
        <v>187</v>
      </c>
    </row>
    <row r="80" spans="1:4" ht="18" customHeight="1" x14ac:dyDescent="0.15">
      <c r="A80" s="5">
        <v>62</v>
      </c>
      <c r="B80" s="22">
        <v>93</v>
      </c>
      <c r="C80" s="14">
        <v>95</v>
      </c>
      <c r="D80" s="18">
        <v>188</v>
      </c>
    </row>
    <row r="81" spans="1:4" ht="18" customHeight="1" x14ac:dyDescent="0.15">
      <c r="A81" s="5">
        <v>63</v>
      </c>
      <c r="B81" s="22">
        <v>102</v>
      </c>
      <c r="C81" s="14">
        <v>115</v>
      </c>
      <c r="D81" s="18">
        <v>217</v>
      </c>
    </row>
    <row r="82" spans="1:4" ht="18" customHeight="1" x14ac:dyDescent="0.15">
      <c r="A82" s="5">
        <v>64</v>
      </c>
      <c r="B82" s="22">
        <v>88</v>
      </c>
      <c r="C82" s="14">
        <v>91</v>
      </c>
      <c r="D82" s="18">
        <v>179</v>
      </c>
    </row>
    <row r="83" spans="1:4" ht="18" customHeight="1" x14ac:dyDescent="0.15">
      <c r="A83" s="5" t="s">
        <v>28</v>
      </c>
      <c r="B83" s="22">
        <v>473</v>
      </c>
      <c r="C83" s="14">
        <v>502</v>
      </c>
      <c r="D83" s="18">
        <v>975</v>
      </c>
    </row>
    <row r="84" spans="1:4" ht="18" customHeight="1" x14ac:dyDescent="0.15">
      <c r="A84" s="5" t="s">
        <v>31</v>
      </c>
      <c r="B84" s="22">
        <v>4509</v>
      </c>
      <c r="C84" s="14">
        <v>4323</v>
      </c>
      <c r="D84" s="18">
        <v>8832</v>
      </c>
    </row>
    <row r="85" spans="1:4" ht="18" customHeight="1" x14ac:dyDescent="0.15">
      <c r="A85" s="5">
        <v>65</v>
      </c>
      <c r="B85" s="22">
        <v>95</v>
      </c>
      <c r="C85" s="14">
        <v>84</v>
      </c>
      <c r="D85" s="18">
        <v>179</v>
      </c>
    </row>
    <row r="86" spans="1:4" ht="18" customHeight="1" x14ac:dyDescent="0.15">
      <c r="A86" s="5">
        <v>66</v>
      </c>
      <c r="B86" s="22">
        <v>82</v>
      </c>
      <c r="C86" s="14">
        <v>92</v>
      </c>
      <c r="D86" s="18">
        <v>174</v>
      </c>
    </row>
    <row r="87" spans="1:4" ht="18" customHeight="1" x14ac:dyDescent="0.15">
      <c r="A87" s="5">
        <v>67</v>
      </c>
      <c r="B87" s="22">
        <v>80</v>
      </c>
      <c r="C87" s="14">
        <v>91</v>
      </c>
      <c r="D87" s="18">
        <v>171</v>
      </c>
    </row>
    <row r="88" spans="1:4" ht="18" customHeight="1" x14ac:dyDescent="0.15">
      <c r="A88" s="5">
        <v>68</v>
      </c>
      <c r="B88" s="22">
        <v>75</v>
      </c>
      <c r="C88" s="14">
        <v>73</v>
      </c>
      <c r="D88" s="18">
        <v>148</v>
      </c>
    </row>
    <row r="89" spans="1:4" ht="18" customHeight="1" x14ac:dyDescent="0.15">
      <c r="A89" s="5">
        <v>69</v>
      </c>
      <c r="B89" s="22">
        <v>89</v>
      </c>
      <c r="C89" s="14">
        <v>98</v>
      </c>
      <c r="D89" s="18">
        <v>187</v>
      </c>
    </row>
    <row r="90" spans="1:4" ht="18" customHeight="1" x14ac:dyDescent="0.15">
      <c r="A90" s="5" t="s">
        <v>20</v>
      </c>
      <c r="B90" s="22">
        <v>421</v>
      </c>
      <c r="C90" s="14">
        <v>438</v>
      </c>
      <c r="D90" s="18">
        <v>859</v>
      </c>
    </row>
    <row r="91" spans="1:4" ht="18" customHeight="1" x14ac:dyDescent="0.15">
      <c r="A91" s="5">
        <v>70</v>
      </c>
      <c r="B91" s="22">
        <v>80</v>
      </c>
      <c r="C91" s="14">
        <v>89</v>
      </c>
      <c r="D91" s="18">
        <v>169</v>
      </c>
    </row>
    <row r="92" spans="1:4" ht="18" customHeight="1" x14ac:dyDescent="0.15">
      <c r="A92" s="5">
        <v>71</v>
      </c>
      <c r="B92" s="22">
        <v>84</v>
      </c>
      <c r="C92" s="14">
        <v>91</v>
      </c>
      <c r="D92" s="18">
        <v>175</v>
      </c>
    </row>
    <row r="93" spans="1:4" ht="18" customHeight="1" x14ac:dyDescent="0.15">
      <c r="A93" s="5">
        <v>72</v>
      </c>
      <c r="B93" s="22">
        <v>93</v>
      </c>
      <c r="C93" s="14">
        <v>108</v>
      </c>
      <c r="D93" s="18">
        <v>201</v>
      </c>
    </row>
    <row r="94" spans="1:4" ht="18" customHeight="1" x14ac:dyDescent="0.15">
      <c r="A94" s="5">
        <v>73</v>
      </c>
      <c r="B94" s="22">
        <v>98</v>
      </c>
      <c r="C94" s="14">
        <v>101</v>
      </c>
      <c r="D94" s="18">
        <v>199</v>
      </c>
    </row>
    <row r="95" spans="1:4" ht="18" customHeight="1" x14ac:dyDescent="0.15">
      <c r="A95" s="5">
        <v>74</v>
      </c>
      <c r="B95" s="22">
        <v>88</v>
      </c>
      <c r="C95" s="14">
        <v>113</v>
      </c>
      <c r="D95" s="18">
        <v>201</v>
      </c>
    </row>
    <row r="96" spans="1:4" ht="18" customHeight="1" x14ac:dyDescent="0.15">
      <c r="A96" s="5" t="s">
        <v>33</v>
      </c>
      <c r="B96" s="22">
        <v>443</v>
      </c>
      <c r="C96" s="14">
        <v>502</v>
      </c>
      <c r="D96" s="18">
        <v>945</v>
      </c>
    </row>
    <row r="97" spans="1:4" ht="18" customHeight="1" x14ac:dyDescent="0.15">
      <c r="A97" s="5">
        <v>75</v>
      </c>
      <c r="B97" s="22">
        <v>96</v>
      </c>
      <c r="C97" s="14">
        <v>115</v>
      </c>
      <c r="D97" s="18">
        <v>211</v>
      </c>
    </row>
    <row r="98" spans="1:4" ht="18" customHeight="1" x14ac:dyDescent="0.15">
      <c r="A98" s="5">
        <v>76</v>
      </c>
      <c r="B98" s="22">
        <v>105</v>
      </c>
      <c r="C98" s="14">
        <v>142</v>
      </c>
      <c r="D98" s="18">
        <v>247</v>
      </c>
    </row>
    <row r="99" spans="1:4" ht="18" customHeight="1" x14ac:dyDescent="0.15">
      <c r="A99" s="5">
        <v>77</v>
      </c>
      <c r="B99" s="22">
        <v>114</v>
      </c>
      <c r="C99" s="14">
        <v>126</v>
      </c>
      <c r="D99" s="18">
        <v>240</v>
      </c>
    </row>
    <row r="100" spans="1:4" ht="18" customHeight="1" x14ac:dyDescent="0.15">
      <c r="A100" s="5">
        <v>78</v>
      </c>
      <c r="B100" s="22">
        <v>106</v>
      </c>
      <c r="C100" s="14">
        <v>141</v>
      </c>
      <c r="D100" s="18">
        <v>247</v>
      </c>
    </row>
    <row r="101" spans="1:4" ht="18" customHeight="1" x14ac:dyDescent="0.15">
      <c r="A101" s="5">
        <v>79</v>
      </c>
      <c r="B101" s="22">
        <v>81</v>
      </c>
      <c r="C101" s="14">
        <v>100</v>
      </c>
      <c r="D101" s="18">
        <v>181</v>
      </c>
    </row>
    <row r="102" spans="1:4" ht="18" customHeight="1" x14ac:dyDescent="0.15">
      <c r="A102" s="5" t="s">
        <v>0</v>
      </c>
      <c r="B102" s="22">
        <v>502</v>
      </c>
      <c r="C102" s="14">
        <v>624</v>
      </c>
      <c r="D102" s="18">
        <v>1126</v>
      </c>
    </row>
    <row r="103" spans="1:4" ht="18" customHeight="1" x14ac:dyDescent="0.15">
      <c r="A103" s="5">
        <v>80</v>
      </c>
      <c r="B103" s="22">
        <v>49</v>
      </c>
      <c r="C103" s="14">
        <v>79</v>
      </c>
      <c r="D103" s="18">
        <v>128</v>
      </c>
    </row>
    <row r="104" spans="1:4" ht="18" customHeight="1" x14ac:dyDescent="0.15">
      <c r="A104" s="5">
        <v>81</v>
      </c>
      <c r="B104" s="22">
        <v>74</v>
      </c>
      <c r="C104" s="14">
        <v>85</v>
      </c>
      <c r="D104" s="18">
        <v>159</v>
      </c>
    </row>
    <row r="105" spans="1:4" ht="18" customHeight="1" x14ac:dyDescent="0.15">
      <c r="A105" s="5">
        <v>82</v>
      </c>
      <c r="B105" s="22">
        <v>63</v>
      </c>
      <c r="C105" s="14">
        <v>110</v>
      </c>
      <c r="D105" s="18">
        <v>173</v>
      </c>
    </row>
    <row r="106" spans="1:4" ht="18" customHeight="1" x14ac:dyDescent="0.15">
      <c r="A106" s="5">
        <v>83</v>
      </c>
      <c r="B106" s="22">
        <v>54</v>
      </c>
      <c r="C106" s="14">
        <v>90</v>
      </c>
      <c r="D106" s="18">
        <v>144</v>
      </c>
    </row>
    <row r="107" spans="1:4" ht="18" customHeight="1" x14ac:dyDescent="0.15">
      <c r="A107" s="5">
        <v>84</v>
      </c>
      <c r="B107" s="22">
        <v>59</v>
      </c>
      <c r="C107" s="14">
        <v>72</v>
      </c>
      <c r="D107" s="18">
        <v>131</v>
      </c>
    </row>
    <row r="108" spans="1:4" ht="18" customHeight="1" x14ac:dyDescent="0.15">
      <c r="A108" s="5" t="s">
        <v>35</v>
      </c>
      <c r="B108" s="22">
        <v>299</v>
      </c>
      <c r="C108" s="14">
        <v>436</v>
      </c>
      <c r="D108" s="18">
        <v>735</v>
      </c>
    </row>
    <row r="109" spans="1:4" ht="18" customHeight="1" x14ac:dyDescent="0.15">
      <c r="A109" s="5">
        <v>85</v>
      </c>
      <c r="B109" s="22">
        <v>48</v>
      </c>
      <c r="C109" s="14">
        <v>55</v>
      </c>
      <c r="D109" s="18">
        <v>103</v>
      </c>
    </row>
    <row r="110" spans="1:4" ht="18" customHeight="1" x14ac:dyDescent="0.15">
      <c r="A110" s="5">
        <v>86</v>
      </c>
      <c r="B110" s="22">
        <v>51</v>
      </c>
      <c r="C110" s="14">
        <v>71</v>
      </c>
      <c r="D110" s="18">
        <v>122</v>
      </c>
    </row>
    <row r="111" spans="1:4" ht="18" customHeight="1" x14ac:dyDescent="0.15">
      <c r="A111" s="5">
        <v>87</v>
      </c>
      <c r="B111" s="22">
        <v>35</v>
      </c>
      <c r="C111" s="14">
        <v>63</v>
      </c>
      <c r="D111" s="18">
        <v>98</v>
      </c>
    </row>
    <row r="112" spans="1:4" ht="18" customHeight="1" x14ac:dyDescent="0.15">
      <c r="A112" s="5">
        <v>88</v>
      </c>
      <c r="B112" s="22">
        <v>30</v>
      </c>
      <c r="C112" s="14">
        <v>60</v>
      </c>
      <c r="D112" s="18">
        <v>90</v>
      </c>
    </row>
    <row r="113" spans="1:4" ht="18" customHeight="1" x14ac:dyDescent="0.15">
      <c r="A113" s="5">
        <v>89</v>
      </c>
      <c r="B113" s="22">
        <v>29</v>
      </c>
      <c r="C113" s="14">
        <v>51</v>
      </c>
      <c r="D113" s="18">
        <v>80</v>
      </c>
    </row>
    <row r="114" spans="1:4" ht="18" customHeight="1" x14ac:dyDescent="0.15">
      <c r="A114" s="5" t="s">
        <v>37</v>
      </c>
      <c r="B114" s="22">
        <v>193</v>
      </c>
      <c r="C114" s="14">
        <v>300</v>
      </c>
      <c r="D114" s="18">
        <v>493</v>
      </c>
    </row>
    <row r="115" spans="1:4" ht="18" customHeight="1" x14ac:dyDescent="0.15">
      <c r="A115" s="5">
        <v>90</v>
      </c>
      <c r="B115" s="22">
        <v>28</v>
      </c>
      <c r="C115" s="14">
        <v>41</v>
      </c>
      <c r="D115" s="18">
        <v>69</v>
      </c>
    </row>
    <row r="116" spans="1:4" ht="18" customHeight="1" x14ac:dyDescent="0.15">
      <c r="A116" s="5">
        <v>91</v>
      </c>
      <c r="B116" s="22">
        <v>11</v>
      </c>
      <c r="C116" s="14">
        <v>36</v>
      </c>
      <c r="D116" s="18">
        <v>47</v>
      </c>
    </row>
    <row r="117" spans="1:4" ht="18" customHeight="1" x14ac:dyDescent="0.15">
      <c r="A117" s="5">
        <v>92</v>
      </c>
      <c r="B117" s="22">
        <v>10</v>
      </c>
      <c r="C117" s="14">
        <v>35</v>
      </c>
      <c r="D117" s="18">
        <v>45</v>
      </c>
    </row>
    <row r="118" spans="1:4" ht="18" customHeight="1" x14ac:dyDescent="0.15">
      <c r="A118" s="5">
        <v>93</v>
      </c>
      <c r="B118" s="22">
        <v>5</v>
      </c>
      <c r="C118" s="14">
        <v>27</v>
      </c>
      <c r="D118" s="18">
        <v>32</v>
      </c>
    </row>
    <row r="119" spans="1:4" ht="18" customHeight="1" x14ac:dyDescent="0.15">
      <c r="A119" s="5">
        <v>94</v>
      </c>
      <c r="B119" s="22">
        <v>7</v>
      </c>
      <c r="C119" s="14">
        <v>18</v>
      </c>
      <c r="D119" s="18">
        <v>25</v>
      </c>
    </row>
    <row r="120" spans="1:4" ht="18" customHeight="1" x14ac:dyDescent="0.15">
      <c r="A120" s="5" t="s">
        <v>39</v>
      </c>
      <c r="B120" s="22">
        <v>61</v>
      </c>
      <c r="C120" s="14">
        <v>157</v>
      </c>
      <c r="D120" s="18">
        <v>218</v>
      </c>
    </row>
    <row r="121" spans="1:4" ht="18" customHeight="1" x14ac:dyDescent="0.15">
      <c r="A121" s="5">
        <v>95</v>
      </c>
      <c r="B121" s="22">
        <v>4</v>
      </c>
      <c r="C121" s="14">
        <v>16</v>
      </c>
      <c r="D121" s="18">
        <v>20</v>
      </c>
    </row>
    <row r="122" spans="1:4" ht="18" customHeight="1" x14ac:dyDescent="0.15">
      <c r="A122" s="5">
        <v>96</v>
      </c>
      <c r="B122" s="22">
        <v>5</v>
      </c>
      <c r="C122" s="14">
        <v>13</v>
      </c>
      <c r="D122" s="18">
        <v>18</v>
      </c>
    </row>
    <row r="123" spans="1:4" ht="18" customHeight="1" x14ac:dyDescent="0.15">
      <c r="A123" s="5">
        <v>97</v>
      </c>
      <c r="B123" s="22">
        <v>3</v>
      </c>
      <c r="C123" s="14">
        <v>18</v>
      </c>
      <c r="D123" s="18">
        <v>21</v>
      </c>
    </row>
    <row r="124" spans="1:4" ht="18" customHeight="1" x14ac:dyDescent="0.15">
      <c r="A124" s="5">
        <v>98</v>
      </c>
      <c r="B124" s="22">
        <v>1</v>
      </c>
      <c r="C124" s="14">
        <v>1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6</v>
      </c>
      <c r="D125" s="18">
        <v>6</v>
      </c>
    </row>
    <row r="126" spans="1:4" ht="18" customHeight="1" x14ac:dyDescent="0.15">
      <c r="A126" s="5" t="s">
        <v>40</v>
      </c>
      <c r="B126" s="22">
        <v>13</v>
      </c>
      <c r="C126" s="14">
        <v>54</v>
      </c>
      <c r="D126" s="18">
        <v>67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1</v>
      </c>
      <c r="C128" s="14">
        <v>6</v>
      </c>
      <c r="D128" s="18">
        <v>7</v>
      </c>
    </row>
    <row r="129" spans="1:4" ht="18" customHeight="1" x14ac:dyDescent="0.15">
      <c r="A129" s="5" t="s">
        <v>44</v>
      </c>
      <c r="B129" s="22">
        <v>1</v>
      </c>
      <c r="C129" s="14">
        <v>9</v>
      </c>
      <c r="D129" s="18">
        <v>10</v>
      </c>
    </row>
    <row r="130" spans="1:4" ht="18" customHeight="1" x14ac:dyDescent="0.15">
      <c r="A130" s="5" t="s">
        <v>46</v>
      </c>
      <c r="B130" s="22">
        <v>1933</v>
      </c>
      <c r="C130" s="14">
        <v>2520</v>
      </c>
      <c r="D130" s="18">
        <v>4453</v>
      </c>
    </row>
    <row r="131" spans="1:4" ht="18" customHeight="1" x14ac:dyDescent="0.15">
      <c r="A131" s="7" t="s">
        <v>45</v>
      </c>
      <c r="B131" s="23">
        <v>7399</v>
      </c>
      <c r="C131" s="15">
        <v>7745</v>
      </c>
      <c r="D131" s="19">
        <v>1514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700-000000000000}">
  <sheetPr codeName="Sheet3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7</v>
      </c>
      <c r="C5" s="13">
        <v>44</v>
      </c>
      <c r="D5" s="17">
        <v>91</v>
      </c>
    </row>
    <row r="6" spans="1:4" ht="18" customHeight="1" x14ac:dyDescent="0.15">
      <c r="A6" s="5">
        <v>1</v>
      </c>
      <c r="B6" s="22">
        <v>42</v>
      </c>
      <c r="C6" s="14">
        <v>45</v>
      </c>
      <c r="D6" s="18">
        <v>87</v>
      </c>
    </row>
    <row r="7" spans="1:4" ht="18" customHeight="1" x14ac:dyDescent="0.15">
      <c r="A7" s="5">
        <v>2</v>
      </c>
      <c r="B7" s="22">
        <v>54</v>
      </c>
      <c r="C7" s="14">
        <v>41</v>
      </c>
      <c r="D7" s="18">
        <v>95</v>
      </c>
    </row>
    <row r="8" spans="1:4" ht="18" customHeight="1" x14ac:dyDescent="0.15">
      <c r="A8" s="5">
        <v>3</v>
      </c>
      <c r="B8" s="22">
        <v>53</v>
      </c>
      <c r="C8" s="14">
        <v>46</v>
      </c>
      <c r="D8" s="18">
        <v>99</v>
      </c>
    </row>
    <row r="9" spans="1:4" ht="18" customHeight="1" x14ac:dyDescent="0.15">
      <c r="A9" s="5">
        <v>4</v>
      </c>
      <c r="B9" s="22">
        <v>46</v>
      </c>
      <c r="C9" s="14">
        <v>42</v>
      </c>
      <c r="D9" s="18">
        <v>88</v>
      </c>
    </row>
    <row r="10" spans="1:4" ht="18" customHeight="1" x14ac:dyDescent="0.15">
      <c r="A10" s="5" t="s">
        <v>7</v>
      </c>
      <c r="B10" s="22">
        <v>242</v>
      </c>
      <c r="C10" s="14">
        <v>218</v>
      </c>
      <c r="D10" s="18">
        <v>460</v>
      </c>
    </row>
    <row r="11" spans="1:4" ht="18" customHeight="1" x14ac:dyDescent="0.15">
      <c r="A11" s="5">
        <v>5</v>
      </c>
      <c r="B11" s="22">
        <v>44</v>
      </c>
      <c r="C11" s="14">
        <v>47</v>
      </c>
      <c r="D11" s="18">
        <v>91</v>
      </c>
    </row>
    <row r="12" spans="1:4" ht="18" customHeight="1" x14ac:dyDescent="0.15">
      <c r="A12" s="5">
        <v>6</v>
      </c>
      <c r="B12" s="22">
        <v>30</v>
      </c>
      <c r="C12" s="14">
        <v>38</v>
      </c>
      <c r="D12" s="18">
        <v>68</v>
      </c>
    </row>
    <row r="13" spans="1:4" ht="18" customHeight="1" x14ac:dyDescent="0.15">
      <c r="A13" s="5">
        <v>7</v>
      </c>
      <c r="B13" s="22">
        <v>32</v>
      </c>
      <c r="C13" s="14">
        <v>46</v>
      </c>
      <c r="D13" s="18">
        <v>78</v>
      </c>
    </row>
    <row r="14" spans="1:4" ht="18" customHeight="1" x14ac:dyDescent="0.15">
      <c r="A14" s="5">
        <v>8</v>
      </c>
      <c r="B14" s="22">
        <v>32</v>
      </c>
      <c r="C14" s="14">
        <v>37</v>
      </c>
      <c r="D14" s="18">
        <v>69</v>
      </c>
    </row>
    <row r="15" spans="1:4" ht="18" customHeight="1" x14ac:dyDescent="0.15">
      <c r="A15" s="5">
        <v>9</v>
      </c>
      <c r="B15" s="22">
        <v>42</v>
      </c>
      <c r="C15" s="14">
        <v>41</v>
      </c>
      <c r="D15" s="18">
        <v>83</v>
      </c>
    </row>
    <row r="16" spans="1:4" ht="18" customHeight="1" x14ac:dyDescent="0.15">
      <c r="A16" s="5" t="s">
        <v>11</v>
      </c>
      <c r="B16" s="22">
        <v>180</v>
      </c>
      <c r="C16" s="14">
        <v>209</v>
      </c>
      <c r="D16" s="18">
        <v>389</v>
      </c>
    </row>
    <row r="17" spans="1:4" ht="18" customHeight="1" x14ac:dyDescent="0.15">
      <c r="A17" s="5">
        <v>10</v>
      </c>
      <c r="B17" s="22">
        <v>32</v>
      </c>
      <c r="C17" s="14">
        <v>27</v>
      </c>
      <c r="D17" s="18">
        <v>59</v>
      </c>
    </row>
    <row r="18" spans="1:4" ht="18" customHeight="1" x14ac:dyDescent="0.15">
      <c r="A18" s="5">
        <v>11</v>
      </c>
      <c r="B18" s="22">
        <v>31</v>
      </c>
      <c r="C18" s="14">
        <v>30</v>
      </c>
      <c r="D18" s="18">
        <v>61</v>
      </c>
    </row>
    <row r="19" spans="1:4" ht="18" customHeight="1" x14ac:dyDescent="0.15">
      <c r="A19" s="5">
        <v>12</v>
      </c>
      <c r="B19" s="22">
        <v>31</v>
      </c>
      <c r="C19" s="14">
        <v>26</v>
      </c>
      <c r="D19" s="18">
        <v>57</v>
      </c>
    </row>
    <row r="20" spans="1:4" ht="18" customHeight="1" x14ac:dyDescent="0.15">
      <c r="A20" s="5">
        <v>13</v>
      </c>
      <c r="B20" s="22">
        <v>30</v>
      </c>
      <c r="C20" s="14">
        <v>38</v>
      </c>
      <c r="D20" s="18">
        <v>68</v>
      </c>
    </row>
    <row r="21" spans="1:4" ht="18" customHeight="1" x14ac:dyDescent="0.15">
      <c r="A21" s="5">
        <v>14</v>
      </c>
      <c r="B21" s="22">
        <v>33</v>
      </c>
      <c r="C21" s="14">
        <v>30</v>
      </c>
      <c r="D21" s="18">
        <v>63</v>
      </c>
    </row>
    <row r="22" spans="1:4" ht="18" customHeight="1" x14ac:dyDescent="0.15">
      <c r="A22" s="5" t="s">
        <v>12</v>
      </c>
      <c r="B22" s="22">
        <v>157</v>
      </c>
      <c r="C22" s="14">
        <v>151</v>
      </c>
      <c r="D22" s="18">
        <v>308</v>
      </c>
    </row>
    <row r="23" spans="1:4" ht="18" customHeight="1" x14ac:dyDescent="0.15">
      <c r="A23" s="5" t="s">
        <v>6</v>
      </c>
      <c r="B23" s="22">
        <v>579</v>
      </c>
      <c r="C23" s="14">
        <v>578</v>
      </c>
      <c r="D23" s="18">
        <v>1157</v>
      </c>
    </row>
    <row r="24" spans="1:4" ht="18" customHeight="1" x14ac:dyDescent="0.15">
      <c r="A24" s="5">
        <v>15</v>
      </c>
      <c r="B24" s="22">
        <v>32</v>
      </c>
      <c r="C24" s="14">
        <v>23</v>
      </c>
      <c r="D24" s="18">
        <v>55</v>
      </c>
    </row>
    <row r="25" spans="1:4" ht="18" customHeight="1" x14ac:dyDescent="0.15">
      <c r="A25" s="5">
        <v>16</v>
      </c>
      <c r="B25" s="22">
        <v>35</v>
      </c>
      <c r="C25" s="14">
        <v>28</v>
      </c>
      <c r="D25" s="18">
        <v>63</v>
      </c>
    </row>
    <row r="26" spans="1:4" ht="18" customHeight="1" x14ac:dyDescent="0.15">
      <c r="A26" s="5">
        <v>17</v>
      </c>
      <c r="B26" s="22">
        <v>45</v>
      </c>
      <c r="C26" s="14">
        <v>38</v>
      </c>
      <c r="D26" s="18">
        <v>83</v>
      </c>
    </row>
    <row r="27" spans="1:4" ht="18" customHeight="1" x14ac:dyDescent="0.15">
      <c r="A27" s="5">
        <v>18</v>
      </c>
      <c r="B27" s="22">
        <v>46</v>
      </c>
      <c r="C27" s="14">
        <v>41</v>
      </c>
      <c r="D27" s="18">
        <v>87</v>
      </c>
    </row>
    <row r="28" spans="1:4" ht="18" customHeight="1" x14ac:dyDescent="0.15">
      <c r="A28" s="5">
        <v>19</v>
      </c>
      <c r="B28" s="22">
        <v>29</v>
      </c>
      <c r="C28" s="14">
        <v>40</v>
      </c>
      <c r="D28" s="18">
        <v>69</v>
      </c>
    </row>
    <row r="29" spans="1:4" ht="18" customHeight="1" x14ac:dyDescent="0.15">
      <c r="A29" s="5" t="s">
        <v>14</v>
      </c>
      <c r="B29" s="22">
        <v>187</v>
      </c>
      <c r="C29" s="14">
        <v>170</v>
      </c>
      <c r="D29" s="18">
        <v>357</v>
      </c>
    </row>
    <row r="30" spans="1:4" ht="18" customHeight="1" x14ac:dyDescent="0.15">
      <c r="A30" s="5">
        <v>20</v>
      </c>
      <c r="B30" s="22">
        <v>42</v>
      </c>
      <c r="C30" s="14">
        <v>38</v>
      </c>
      <c r="D30" s="18">
        <v>80</v>
      </c>
    </row>
    <row r="31" spans="1:4" ht="18" customHeight="1" x14ac:dyDescent="0.15">
      <c r="A31" s="5">
        <v>21</v>
      </c>
      <c r="B31" s="22">
        <v>43</v>
      </c>
      <c r="C31" s="14">
        <v>34</v>
      </c>
      <c r="D31" s="18">
        <v>77</v>
      </c>
    </row>
    <row r="32" spans="1:4" ht="18" customHeight="1" x14ac:dyDescent="0.15">
      <c r="A32" s="5">
        <v>22</v>
      </c>
      <c r="B32" s="22">
        <v>51</v>
      </c>
      <c r="C32" s="14">
        <v>41</v>
      </c>
      <c r="D32" s="18">
        <v>92</v>
      </c>
    </row>
    <row r="33" spans="1:4" ht="18" customHeight="1" x14ac:dyDescent="0.15">
      <c r="A33" s="5">
        <v>23</v>
      </c>
      <c r="B33" s="22">
        <v>45</v>
      </c>
      <c r="C33" s="14">
        <v>53</v>
      </c>
      <c r="D33" s="18">
        <v>98</v>
      </c>
    </row>
    <row r="34" spans="1:4" ht="18" customHeight="1" x14ac:dyDescent="0.15">
      <c r="A34" s="5">
        <v>24</v>
      </c>
      <c r="B34" s="22">
        <v>52</v>
      </c>
      <c r="C34" s="14">
        <v>42</v>
      </c>
      <c r="D34" s="18">
        <v>94</v>
      </c>
    </row>
    <row r="35" spans="1:4" ht="18" customHeight="1" x14ac:dyDescent="0.15">
      <c r="A35" s="5" t="s">
        <v>9</v>
      </c>
      <c r="B35" s="22">
        <v>233</v>
      </c>
      <c r="C35" s="14">
        <v>208</v>
      </c>
      <c r="D35" s="18">
        <v>441</v>
      </c>
    </row>
    <row r="36" spans="1:4" ht="18" customHeight="1" x14ac:dyDescent="0.15">
      <c r="A36" s="5">
        <v>25</v>
      </c>
      <c r="B36" s="22">
        <v>60</v>
      </c>
      <c r="C36" s="14">
        <v>55</v>
      </c>
      <c r="D36" s="18">
        <v>115</v>
      </c>
    </row>
    <row r="37" spans="1:4" ht="18" customHeight="1" x14ac:dyDescent="0.15">
      <c r="A37" s="5">
        <v>26</v>
      </c>
      <c r="B37" s="22">
        <v>70</v>
      </c>
      <c r="C37" s="14">
        <v>66</v>
      </c>
      <c r="D37" s="18">
        <v>136</v>
      </c>
    </row>
    <row r="38" spans="1:4" ht="18" customHeight="1" x14ac:dyDescent="0.15">
      <c r="A38" s="5">
        <v>27</v>
      </c>
      <c r="B38" s="22">
        <v>60</v>
      </c>
      <c r="C38" s="14">
        <v>58</v>
      </c>
      <c r="D38" s="18">
        <v>118</v>
      </c>
    </row>
    <row r="39" spans="1:4" ht="18" customHeight="1" x14ac:dyDescent="0.15">
      <c r="A39" s="5">
        <v>28</v>
      </c>
      <c r="B39" s="22">
        <v>71</v>
      </c>
      <c r="C39" s="14">
        <v>64</v>
      </c>
      <c r="D39" s="18">
        <v>135</v>
      </c>
    </row>
    <row r="40" spans="1:4" ht="18" customHeight="1" x14ac:dyDescent="0.15">
      <c r="A40" s="5">
        <v>29</v>
      </c>
      <c r="B40" s="22">
        <v>69</v>
      </c>
      <c r="C40" s="14">
        <v>63</v>
      </c>
      <c r="D40" s="18">
        <v>132</v>
      </c>
    </row>
    <row r="41" spans="1:4" ht="18" customHeight="1" x14ac:dyDescent="0.15">
      <c r="A41" s="5" t="s">
        <v>2</v>
      </c>
      <c r="B41" s="22">
        <v>330</v>
      </c>
      <c r="C41" s="14">
        <v>306</v>
      </c>
      <c r="D41" s="18">
        <v>636</v>
      </c>
    </row>
    <row r="42" spans="1:4" ht="18" customHeight="1" x14ac:dyDescent="0.15">
      <c r="A42" s="5">
        <v>30</v>
      </c>
      <c r="B42" s="22">
        <v>69</v>
      </c>
      <c r="C42" s="14">
        <v>75</v>
      </c>
      <c r="D42" s="18">
        <v>144</v>
      </c>
    </row>
    <row r="43" spans="1:4" ht="18" customHeight="1" x14ac:dyDescent="0.15">
      <c r="A43" s="5">
        <v>31</v>
      </c>
      <c r="B43" s="22">
        <v>94</v>
      </c>
      <c r="C43" s="14">
        <v>71</v>
      </c>
      <c r="D43" s="18">
        <v>165</v>
      </c>
    </row>
    <row r="44" spans="1:4" ht="18" customHeight="1" x14ac:dyDescent="0.15">
      <c r="A44" s="5">
        <v>32</v>
      </c>
      <c r="B44" s="22">
        <v>66</v>
      </c>
      <c r="C44" s="14">
        <v>76</v>
      </c>
      <c r="D44" s="18">
        <v>142</v>
      </c>
    </row>
    <row r="45" spans="1:4" ht="18" customHeight="1" x14ac:dyDescent="0.15">
      <c r="A45" s="5">
        <v>33</v>
      </c>
      <c r="B45" s="22">
        <v>71</v>
      </c>
      <c r="C45" s="14">
        <v>76</v>
      </c>
      <c r="D45" s="18">
        <v>147</v>
      </c>
    </row>
    <row r="46" spans="1:4" ht="18" customHeight="1" x14ac:dyDescent="0.15">
      <c r="A46" s="5">
        <v>34</v>
      </c>
      <c r="B46" s="22">
        <v>74</v>
      </c>
      <c r="C46" s="14">
        <v>68</v>
      </c>
      <c r="D46" s="18">
        <v>142</v>
      </c>
    </row>
    <row r="47" spans="1:4" ht="18" customHeight="1" x14ac:dyDescent="0.15">
      <c r="A47" s="5" t="s">
        <v>15</v>
      </c>
      <c r="B47" s="22">
        <v>374</v>
      </c>
      <c r="C47" s="14">
        <v>366</v>
      </c>
      <c r="D47" s="18">
        <v>740</v>
      </c>
    </row>
    <row r="48" spans="1:4" ht="18" customHeight="1" x14ac:dyDescent="0.15">
      <c r="A48" s="5">
        <v>35</v>
      </c>
      <c r="B48" s="22">
        <v>63</v>
      </c>
      <c r="C48" s="14">
        <v>62</v>
      </c>
      <c r="D48" s="18">
        <v>125</v>
      </c>
    </row>
    <row r="49" spans="1:4" ht="18" customHeight="1" x14ac:dyDescent="0.15">
      <c r="A49" s="5">
        <v>36</v>
      </c>
      <c r="B49" s="22">
        <v>64</v>
      </c>
      <c r="C49" s="14">
        <v>73</v>
      </c>
      <c r="D49" s="18">
        <v>137</v>
      </c>
    </row>
    <row r="50" spans="1:4" ht="18" customHeight="1" x14ac:dyDescent="0.15">
      <c r="A50" s="5">
        <v>37</v>
      </c>
      <c r="B50" s="22">
        <v>80</v>
      </c>
      <c r="C50" s="14">
        <v>54</v>
      </c>
      <c r="D50" s="18">
        <v>134</v>
      </c>
    </row>
    <row r="51" spans="1:4" ht="18" customHeight="1" x14ac:dyDescent="0.15">
      <c r="A51" s="5">
        <v>38</v>
      </c>
      <c r="B51" s="22">
        <v>58</v>
      </c>
      <c r="C51" s="14">
        <v>53</v>
      </c>
      <c r="D51" s="18">
        <v>111</v>
      </c>
    </row>
    <row r="52" spans="1:4" ht="18" customHeight="1" x14ac:dyDescent="0.15">
      <c r="A52" s="5">
        <v>39</v>
      </c>
      <c r="B52" s="22">
        <v>66</v>
      </c>
      <c r="C52" s="14">
        <v>52</v>
      </c>
      <c r="D52" s="18">
        <v>118</v>
      </c>
    </row>
    <row r="53" spans="1:4" ht="18" customHeight="1" x14ac:dyDescent="0.15">
      <c r="A53" s="5" t="s">
        <v>18</v>
      </c>
      <c r="B53" s="22">
        <v>331</v>
      </c>
      <c r="C53" s="14">
        <v>294</v>
      </c>
      <c r="D53" s="18">
        <v>625</v>
      </c>
    </row>
    <row r="54" spans="1:4" ht="18" customHeight="1" x14ac:dyDescent="0.15">
      <c r="A54" s="5">
        <v>40</v>
      </c>
      <c r="B54" s="22">
        <v>65</v>
      </c>
      <c r="C54" s="14">
        <v>59</v>
      </c>
      <c r="D54" s="18">
        <v>124</v>
      </c>
    </row>
    <row r="55" spans="1:4" ht="18" customHeight="1" x14ac:dyDescent="0.15">
      <c r="A55" s="5">
        <v>41</v>
      </c>
      <c r="B55" s="22">
        <v>73</v>
      </c>
      <c r="C55" s="14">
        <v>64</v>
      </c>
      <c r="D55" s="18">
        <v>137</v>
      </c>
    </row>
    <row r="56" spans="1:4" ht="18" customHeight="1" x14ac:dyDescent="0.15">
      <c r="A56" s="5">
        <v>42</v>
      </c>
      <c r="B56" s="22">
        <v>57</v>
      </c>
      <c r="C56" s="14">
        <v>56</v>
      </c>
      <c r="D56" s="18">
        <v>113</v>
      </c>
    </row>
    <row r="57" spans="1:4" ht="18" customHeight="1" x14ac:dyDescent="0.15">
      <c r="A57" s="5">
        <v>43</v>
      </c>
      <c r="B57" s="22">
        <v>56</v>
      </c>
      <c r="C57" s="14">
        <v>59</v>
      </c>
      <c r="D57" s="18">
        <v>115</v>
      </c>
    </row>
    <row r="58" spans="1:4" ht="18" customHeight="1" x14ac:dyDescent="0.15">
      <c r="A58" s="5">
        <v>44</v>
      </c>
      <c r="B58" s="22">
        <v>64</v>
      </c>
      <c r="C58" s="14">
        <v>58</v>
      </c>
      <c r="D58" s="18">
        <v>122</v>
      </c>
    </row>
    <row r="59" spans="1:4" ht="18" customHeight="1" x14ac:dyDescent="0.15">
      <c r="A59" s="5" t="s">
        <v>21</v>
      </c>
      <c r="B59" s="22">
        <v>315</v>
      </c>
      <c r="C59" s="14">
        <v>296</v>
      </c>
      <c r="D59" s="18">
        <v>611</v>
      </c>
    </row>
    <row r="60" spans="1:4" ht="18" customHeight="1" x14ac:dyDescent="0.15">
      <c r="A60" s="5">
        <v>45</v>
      </c>
      <c r="B60" s="22">
        <v>59</v>
      </c>
      <c r="C60" s="14">
        <v>44</v>
      </c>
      <c r="D60" s="18">
        <v>103</v>
      </c>
    </row>
    <row r="61" spans="1:4" ht="18" customHeight="1" x14ac:dyDescent="0.15">
      <c r="A61" s="5">
        <v>46</v>
      </c>
      <c r="B61" s="22">
        <v>69</v>
      </c>
      <c r="C61" s="14">
        <v>60</v>
      </c>
      <c r="D61" s="18">
        <v>129</v>
      </c>
    </row>
    <row r="62" spans="1:4" ht="18" customHeight="1" x14ac:dyDescent="0.15">
      <c r="A62" s="5">
        <v>47</v>
      </c>
      <c r="B62" s="22">
        <v>56</v>
      </c>
      <c r="C62" s="14">
        <v>62</v>
      </c>
      <c r="D62" s="18">
        <v>118</v>
      </c>
    </row>
    <row r="63" spans="1:4" ht="18" customHeight="1" x14ac:dyDescent="0.15">
      <c r="A63" s="5">
        <v>48</v>
      </c>
      <c r="B63" s="22">
        <v>88</v>
      </c>
      <c r="C63" s="14">
        <v>56</v>
      </c>
      <c r="D63" s="18">
        <v>144</v>
      </c>
    </row>
    <row r="64" spans="1:4" ht="18" customHeight="1" x14ac:dyDescent="0.15">
      <c r="A64" s="5">
        <v>49</v>
      </c>
      <c r="B64" s="22">
        <v>78</v>
      </c>
      <c r="C64" s="14">
        <v>60</v>
      </c>
      <c r="D64" s="18">
        <v>138</v>
      </c>
    </row>
    <row r="65" spans="1:4" ht="18" customHeight="1" x14ac:dyDescent="0.15">
      <c r="A65" s="5" t="s">
        <v>17</v>
      </c>
      <c r="B65" s="22">
        <v>350</v>
      </c>
      <c r="C65" s="14">
        <v>282</v>
      </c>
      <c r="D65" s="18">
        <v>632</v>
      </c>
    </row>
    <row r="66" spans="1:4" ht="18" customHeight="1" x14ac:dyDescent="0.15">
      <c r="A66" s="5">
        <v>50</v>
      </c>
      <c r="B66" s="22">
        <v>60</v>
      </c>
      <c r="C66" s="14">
        <v>62</v>
      </c>
      <c r="D66" s="18">
        <v>122</v>
      </c>
    </row>
    <row r="67" spans="1:4" ht="18" customHeight="1" x14ac:dyDescent="0.15">
      <c r="A67" s="5">
        <v>51</v>
      </c>
      <c r="B67" s="22">
        <v>66</v>
      </c>
      <c r="C67" s="14">
        <v>75</v>
      </c>
      <c r="D67" s="18">
        <v>141</v>
      </c>
    </row>
    <row r="68" spans="1:4" ht="18" customHeight="1" x14ac:dyDescent="0.15">
      <c r="A68" s="5">
        <v>52</v>
      </c>
      <c r="B68" s="22">
        <v>68</v>
      </c>
      <c r="C68" s="14">
        <v>88</v>
      </c>
      <c r="D68" s="18">
        <v>156</v>
      </c>
    </row>
    <row r="69" spans="1:4" ht="18" customHeight="1" x14ac:dyDescent="0.15">
      <c r="A69" s="5">
        <v>53</v>
      </c>
      <c r="B69" s="22">
        <v>106</v>
      </c>
      <c r="C69" s="14">
        <v>82</v>
      </c>
      <c r="D69" s="18">
        <v>188</v>
      </c>
    </row>
    <row r="70" spans="1:4" ht="18" customHeight="1" x14ac:dyDescent="0.15">
      <c r="A70" s="5">
        <v>54</v>
      </c>
      <c r="B70" s="22">
        <v>72</v>
      </c>
      <c r="C70" s="14">
        <v>89</v>
      </c>
      <c r="D70" s="18">
        <v>161</v>
      </c>
    </row>
    <row r="71" spans="1:4" ht="18" customHeight="1" x14ac:dyDescent="0.15">
      <c r="A71" s="5" t="s">
        <v>22</v>
      </c>
      <c r="B71" s="22">
        <v>372</v>
      </c>
      <c r="C71" s="14">
        <v>396</v>
      </c>
      <c r="D71" s="18">
        <v>768</v>
      </c>
    </row>
    <row r="72" spans="1:4" ht="18" customHeight="1" x14ac:dyDescent="0.15">
      <c r="A72" s="5">
        <v>55</v>
      </c>
      <c r="B72" s="22">
        <v>84</v>
      </c>
      <c r="C72" s="14">
        <v>83</v>
      </c>
      <c r="D72" s="18">
        <v>167</v>
      </c>
    </row>
    <row r="73" spans="1:4" ht="18" customHeight="1" x14ac:dyDescent="0.15">
      <c r="A73" s="5">
        <v>56</v>
      </c>
      <c r="B73" s="22">
        <v>66</v>
      </c>
      <c r="C73" s="14">
        <v>64</v>
      </c>
      <c r="D73" s="18">
        <v>130</v>
      </c>
    </row>
    <row r="74" spans="1:4" ht="18" customHeight="1" x14ac:dyDescent="0.15">
      <c r="A74" s="5">
        <v>57</v>
      </c>
      <c r="B74" s="22">
        <v>83</v>
      </c>
      <c r="C74" s="14">
        <v>62</v>
      </c>
      <c r="D74" s="18">
        <v>145</v>
      </c>
    </row>
    <row r="75" spans="1:4" ht="18" customHeight="1" x14ac:dyDescent="0.15">
      <c r="A75" s="5">
        <v>58</v>
      </c>
      <c r="B75" s="22">
        <v>65</v>
      </c>
      <c r="C75" s="14">
        <v>66</v>
      </c>
      <c r="D75" s="18">
        <v>131</v>
      </c>
    </row>
    <row r="76" spans="1:4" ht="18" customHeight="1" x14ac:dyDescent="0.15">
      <c r="A76" s="5">
        <v>59</v>
      </c>
      <c r="B76" s="22">
        <v>54</v>
      </c>
      <c r="C76" s="14">
        <v>53</v>
      </c>
      <c r="D76" s="18">
        <v>107</v>
      </c>
    </row>
    <row r="77" spans="1:4" ht="18" customHeight="1" x14ac:dyDescent="0.15">
      <c r="A77" s="5" t="s">
        <v>27</v>
      </c>
      <c r="B77" s="22">
        <v>352</v>
      </c>
      <c r="C77" s="14">
        <v>328</v>
      </c>
      <c r="D77" s="18">
        <v>680</v>
      </c>
    </row>
    <row r="78" spans="1:4" ht="18" customHeight="1" x14ac:dyDescent="0.15">
      <c r="A78" s="5">
        <v>60</v>
      </c>
      <c r="B78" s="22">
        <v>51</v>
      </c>
      <c r="C78" s="14">
        <v>49</v>
      </c>
      <c r="D78" s="18">
        <v>100</v>
      </c>
    </row>
    <row r="79" spans="1:4" ht="18" customHeight="1" x14ac:dyDescent="0.15">
      <c r="A79" s="5">
        <v>61</v>
      </c>
      <c r="B79" s="22">
        <v>52</v>
      </c>
      <c r="C79" s="14">
        <v>50</v>
      </c>
      <c r="D79" s="18">
        <v>102</v>
      </c>
    </row>
    <row r="80" spans="1:4" ht="18" customHeight="1" x14ac:dyDescent="0.15">
      <c r="A80" s="5">
        <v>62</v>
      </c>
      <c r="B80" s="22">
        <v>54</v>
      </c>
      <c r="C80" s="14">
        <v>53</v>
      </c>
      <c r="D80" s="18">
        <v>107</v>
      </c>
    </row>
    <row r="81" spans="1:4" ht="18" customHeight="1" x14ac:dyDescent="0.15">
      <c r="A81" s="5">
        <v>63</v>
      </c>
      <c r="B81" s="22">
        <v>48</v>
      </c>
      <c r="C81" s="14">
        <v>55</v>
      </c>
      <c r="D81" s="18">
        <v>103</v>
      </c>
    </row>
    <row r="82" spans="1:4" ht="18" customHeight="1" x14ac:dyDescent="0.15">
      <c r="A82" s="5">
        <v>64</v>
      </c>
      <c r="B82" s="22">
        <v>52</v>
      </c>
      <c r="C82" s="14">
        <v>63</v>
      </c>
      <c r="D82" s="18">
        <v>115</v>
      </c>
    </row>
    <row r="83" spans="1:4" ht="18" customHeight="1" x14ac:dyDescent="0.15">
      <c r="A83" s="5" t="s">
        <v>28</v>
      </c>
      <c r="B83" s="22">
        <v>257</v>
      </c>
      <c r="C83" s="14">
        <v>270</v>
      </c>
      <c r="D83" s="18">
        <v>527</v>
      </c>
    </row>
    <row r="84" spans="1:4" ht="18" customHeight="1" x14ac:dyDescent="0.15">
      <c r="A84" s="5" t="s">
        <v>31</v>
      </c>
      <c r="B84" s="22">
        <v>3101</v>
      </c>
      <c r="C84" s="14">
        <v>2916</v>
      </c>
      <c r="D84" s="18">
        <v>6017</v>
      </c>
    </row>
    <row r="85" spans="1:4" ht="18" customHeight="1" x14ac:dyDescent="0.15">
      <c r="A85" s="5">
        <v>65</v>
      </c>
      <c r="B85" s="22">
        <v>47</v>
      </c>
      <c r="C85" s="14">
        <v>59</v>
      </c>
      <c r="D85" s="18">
        <v>106</v>
      </c>
    </row>
    <row r="86" spans="1:4" ht="18" customHeight="1" x14ac:dyDescent="0.15">
      <c r="A86" s="5">
        <v>66</v>
      </c>
      <c r="B86" s="22">
        <v>57</v>
      </c>
      <c r="C86" s="14">
        <v>47</v>
      </c>
      <c r="D86" s="18">
        <v>104</v>
      </c>
    </row>
    <row r="87" spans="1:4" ht="18" customHeight="1" x14ac:dyDescent="0.15">
      <c r="A87" s="5">
        <v>67</v>
      </c>
      <c r="B87" s="22">
        <v>40</v>
      </c>
      <c r="C87" s="14">
        <v>53</v>
      </c>
      <c r="D87" s="18">
        <v>93</v>
      </c>
    </row>
    <row r="88" spans="1:4" ht="18" customHeight="1" x14ac:dyDescent="0.15">
      <c r="A88" s="5">
        <v>68</v>
      </c>
      <c r="B88" s="22">
        <v>39</v>
      </c>
      <c r="C88" s="14">
        <v>49</v>
      </c>
      <c r="D88" s="18">
        <v>88</v>
      </c>
    </row>
    <row r="89" spans="1:4" ht="18" customHeight="1" x14ac:dyDescent="0.15">
      <c r="A89" s="5">
        <v>69</v>
      </c>
      <c r="B89" s="22">
        <v>38</v>
      </c>
      <c r="C89" s="14">
        <v>56</v>
      </c>
      <c r="D89" s="18">
        <v>94</v>
      </c>
    </row>
    <row r="90" spans="1:4" ht="18" customHeight="1" x14ac:dyDescent="0.15">
      <c r="A90" s="5" t="s">
        <v>20</v>
      </c>
      <c r="B90" s="22">
        <v>221</v>
      </c>
      <c r="C90" s="14">
        <v>264</v>
      </c>
      <c r="D90" s="18">
        <v>485</v>
      </c>
    </row>
    <row r="91" spans="1:4" ht="18" customHeight="1" x14ac:dyDescent="0.15">
      <c r="A91" s="5">
        <v>70</v>
      </c>
      <c r="B91" s="22">
        <v>39</v>
      </c>
      <c r="C91" s="14">
        <v>67</v>
      </c>
      <c r="D91" s="18">
        <v>106</v>
      </c>
    </row>
    <row r="92" spans="1:4" ht="18" customHeight="1" x14ac:dyDescent="0.15">
      <c r="A92" s="5">
        <v>71</v>
      </c>
      <c r="B92" s="22">
        <v>59</v>
      </c>
      <c r="C92" s="14">
        <v>63</v>
      </c>
      <c r="D92" s="18">
        <v>122</v>
      </c>
    </row>
    <row r="93" spans="1:4" ht="18" customHeight="1" x14ac:dyDescent="0.15">
      <c r="A93" s="5">
        <v>72</v>
      </c>
      <c r="B93" s="22">
        <v>53</v>
      </c>
      <c r="C93" s="14">
        <v>64</v>
      </c>
      <c r="D93" s="18">
        <v>117</v>
      </c>
    </row>
    <row r="94" spans="1:4" ht="18" customHeight="1" x14ac:dyDescent="0.15">
      <c r="A94" s="5">
        <v>73</v>
      </c>
      <c r="B94" s="22">
        <v>48</v>
      </c>
      <c r="C94" s="14">
        <v>53</v>
      </c>
      <c r="D94" s="18">
        <v>101</v>
      </c>
    </row>
    <row r="95" spans="1:4" ht="18" customHeight="1" x14ac:dyDescent="0.15">
      <c r="A95" s="5">
        <v>74</v>
      </c>
      <c r="B95" s="22">
        <v>63</v>
      </c>
      <c r="C95" s="14">
        <v>71</v>
      </c>
      <c r="D95" s="18">
        <v>134</v>
      </c>
    </row>
    <row r="96" spans="1:4" ht="18" customHeight="1" x14ac:dyDescent="0.15">
      <c r="A96" s="5" t="s">
        <v>33</v>
      </c>
      <c r="B96" s="22">
        <v>262</v>
      </c>
      <c r="C96" s="14">
        <v>318</v>
      </c>
      <c r="D96" s="18">
        <v>580</v>
      </c>
    </row>
    <row r="97" spans="1:4" ht="18" customHeight="1" x14ac:dyDescent="0.15">
      <c r="A97" s="5">
        <v>75</v>
      </c>
      <c r="B97" s="22">
        <v>66</v>
      </c>
      <c r="C97" s="14">
        <v>79</v>
      </c>
      <c r="D97" s="18">
        <v>145</v>
      </c>
    </row>
    <row r="98" spans="1:4" ht="18" customHeight="1" x14ac:dyDescent="0.15">
      <c r="A98" s="5">
        <v>76</v>
      </c>
      <c r="B98" s="22">
        <v>65</v>
      </c>
      <c r="C98" s="14">
        <v>75</v>
      </c>
      <c r="D98" s="18">
        <v>140</v>
      </c>
    </row>
    <row r="99" spans="1:4" ht="18" customHeight="1" x14ac:dyDescent="0.15">
      <c r="A99" s="5">
        <v>77</v>
      </c>
      <c r="B99" s="22">
        <v>75</v>
      </c>
      <c r="C99" s="14">
        <v>95</v>
      </c>
      <c r="D99" s="18">
        <v>170</v>
      </c>
    </row>
    <row r="100" spans="1:4" ht="18" customHeight="1" x14ac:dyDescent="0.15">
      <c r="A100" s="5">
        <v>78</v>
      </c>
      <c r="B100" s="22">
        <v>60</v>
      </c>
      <c r="C100" s="14">
        <v>93</v>
      </c>
      <c r="D100" s="18">
        <v>153</v>
      </c>
    </row>
    <row r="101" spans="1:4" ht="18" customHeight="1" x14ac:dyDescent="0.15">
      <c r="A101" s="5">
        <v>79</v>
      </c>
      <c r="B101" s="22">
        <v>56</v>
      </c>
      <c r="C101" s="14">
        <v>72</v>
      </c>
      <c r="D101" s="18">
        <v>128</v>
      </c>
    </row>
    <row r="102" spans="1:4" ht="18" customHeight="1" x14ac:dyDescent="0.15">
      <c r="A102" s="5" t="s">
        <v>0</v>
      </c>
      <c r="B102" s="22">
        <v>322</v>
      </c>
      <c r="C102" s="14">
        <v>414</v>
      </c>
      <c r="D102" s="18">
        <v>736</v>
      </c>
    </row>
    <row r="103" spans="1:4" ht="18" customHeight="1" x14ac:dyDescent="0.15">
      <c r="A103" s="5">
        <v>80</v>
      </c>
      <c r="B103" s="22">
        <v>42</v>
      </c>
      <c r="C103" s="14">
        <v>44</v>
      </c>
      <c r="D103" s="18">
        <v>86</v>
      </c>
    </row>
    <row r="104" spans="1:4" ht="18" customHeight="1" x14ac:dyDescent="0.15">
      <c r="A104" s="5">
        <v>81</v>
      </c>
      <c r="B104" s="22">
        <v>44</v>
      </c>
      <c r="C104" s="14">
        <v>64</v>
      </c>
      <c r="D104" s="18">
        <v>108</v>
      </c>
    </row>
    <row r="105" spans="1:4" ht="18" customHeight="1" x14ac:dyDescent="0.15">
      <c r="A105" s="5">
        <v>82</v>
      </c>
      <c r="B105" s="22">
        <v>45</v>
      </c>
      <c r="C105" s="14">
        <v>62</v>
      </c>
      <c r="D105" s="18">
        <v>107</v>
      </c>
    </row>
    <row r="106" spans="1:4" ht="18" customHeight="1" x14ac:dyDescent="0.15">
      <c r="A106" s="5">
        <v>83</v>
      </c>
      <c r="B106" s="22">
        <v>34</v>
      </c>
      <c r="C106" s="14">
        <v>50</v>
      </c>
      <c r="D106" s="18">
        <v>84</v>
      </c>
    </row>
    <row r="107" spans="1:4" ht="18" customHeight="1" x14ac:dyDescent="0.15">
      <c r="A107" s="5">
        <v>84</v>
      </c>
      <c r="B107" s="22">
        <v>35</v>
      </c>
      <c r="C107" s="14">
        <v>65</v>
      </c>
      <c r="D107" s="18">
        <v>100</v>
      </c>
    </row>
    <row r="108" spans="1:4" ht="18" customHeight="1" x14ac:dyDescent="0.15">
      <c r="A108" s="5" t="s">
        <v>35</v>
      </c>
      <c r="B108" s="22">
        <v>200</v>
      </c>
      <c r="C108" s="14">
        <v>285</v>
      </c>
      <c r="D108" s="18">
        <v>485</v>
      </c>
    </row>
    <row r="109" spans="1:4" ht="18" customHeight="1" x14ac:dyDescent="0.15">
      <c r="A109" s="5">
        <v>85</v>
      </c>
      <c r="B109" s="22">
        <v>33</v>
      </c>
      <c r="C109" s="14">
        <v>38</v>
      </c>
      <c r="D109" s="18">
        <v>71</v>
      </c>
    </row>
    <row r="110" spans="1:4" ht="18" customHeight="1" x14ac:dyDescent="0.15">
      <c r="A110" s="5">
        <v>86</v>
      </c>
      <c r="B110" s="22">
        <v>25</v>
      </c>
      <c r="C110" s="14">
        <v>42</v>
      </c>
      <c r="D110" s="18">
        <v>67</v>
      </c>
    </row>
    <row r="111" spans="1:4" ht="18" customHeight="1" x14ac:dyDescent="0.15">
      <c r="A111" s="5">
        <v>87</v>
      </c>
      <c r="B111" s="22">
        <v>11</v>
      </c>
      <c r="C111" s="14">
        <v>34</v>
      </c>
      <c r="D111" s="18">
        <v>45</v>
      </c>
    </row>
    <row r="112" spans="1:4" ht="18" customHeight="1" x14ac:dyDescent="0.15">
      <c r="A112" s="5">
        <v>88</v>
      </c>
      <c r="B112" s="22">
        <v>15</v>
      </c>
      <c r="C112" s="14">
        <v>22</v>
      </c>
      <c r="D112" s="18">
        <v>37</v>
      </c>
    </row>
    <row r="113" spans="1:4" ht="18" customHeight="1" x14ac:dyDescent="0.15">
      <c r="A113" s="5">
        <v>89</v>
      </c>
      <c r="B113" s="22">
        <v>17</v>
      </c>
      <c r="C113" s="14">
        <v>37</v>
      </c>
      <c r="D113" s="18">
        <v>54</v>
      </c>
    </row>
    <row r="114" spans="1:4" ht="18" customHeight="1" x14ac:dyDescent="0.15">
      <c r="A114" s="5" t="s">
        <v>37</v>
      </c>
      <c r="B114" s="22">
        <v>101</v>
      </c>
      <c r="C114" s="14">
        <v>173</v>
      </c>
      <c r="D114" s="18">
        <v>274</v>
      </c>
    </row>
    <row r="115" spans="1:4" ht="18" customHeight="1" x14ac:dyDescent="0.15">
      <c r="A115" s="5">
        <v>90</v>
      </c>
      <c r="B115" s="22">
        <v>8</v>
      </c>
      <c r="C115" s="14">
        <v>37</v>
      </c>
      <c r="D115" s="18">
        <v>45</v>
      </c>
    </row>
    <row r="116" spans="1:4" ht="18" customHeight="1" x14ac:dyDescent="0.15">
      <c r="A116" s="5">
        <v>91</v>
      </c>
      <c r="B116" s="22">
        <v>13</v>
      </c>
      <c r="C116" s="14">
        <v>19</v>
      </c>
      <c r="D116" s="18">
        <v>32</v>
      </c>
    </row>
    <row r="117" spans="1:4" ht="18" customHeight="1" x14ac:dyDescent="0.15">
      <c r="A117" s="5">
        <v>92</v>
      </c>
      <c r="B117" s="22">
        <v>7</v>
      </c>
      <c r="C117" s="14">
        <v>16</v>
      </c>
      <c r="D117" s="18">
        <v>23</v>
      </c>
    </row>
    <row r="118" spans="1:4" ht="18" customHeight="1" x14ac:dyDescent="0.15">
      <c r="A118" s="5">
        <v>93</v>
      </c>
      <c r="B118" s="22">
        <v>8</v>
      </c>
      <c r="C118" s="14">
        <v>15</v>
      </c>
      <c r="D118" s="18">
        <v>23</v>
      </c>
    </row>
    <row r="119" spans="1:4" ht="18" customHeight="1" x14ac:dyDescent="0.15">
      <c r="A119" s="5">
        <v>94</v>
      </c>
      <c r="B119" s="22">
        <v>5</v>
      </c>
      <c r="C119" s="14">
        <v>16</v>
      </c>
      <c r="D119" s="18">
        <v>21</v>
      </c>
    </row>
    <row r="120" spans="1:4" ht="18" customHeight="1" x14ac:dyDescent="0.15">
      <c r="A120" s="5" t="s">
        <v>39</v>
      </c>
      <c r="B120" s="22">
        <v>41</v>
      </c>
      <c r="C120" s="14">
        <v>103</v>
      </c>
      <c r="D120" s="18">
        <v>144</v>
      </c>
    </row>
    <row r="121" spans="1:4" ht="18" customHeight="1" x14ac:dyDescent="0.15">
      <c r="A121" s="5">
        <v>95</v>
      </c>
      <c r="B121" s="22">
        <v>3</v>
      </c>
      <c r="C121" s="14">
        <v>10</v>
      </c>
      <c r="D121" s="18">
        <v>13</v>
      </c>
    </row>
    <row r="122" spans="1:4" ht="18" customHeight="1" x14ac:dyDescent="0.15">
      <c r="A122" s="5">
        <v>96</v>
      </c>
      <c r="B122" s="22">
        <v>2</v>
      </c>
      <c r="C122" s="14">
        <v>11</v>
      </c>
      <c r="D122" s="18">
        <v>13</v>
      </c>
    </row>
    <row r="123" spans="1:4" ht="18" customHeight="1" x14ac:dyDescent="0.15">
      <c r="A123" s="5">
        <v>97</v>
      </c>
      <c r="B123" s="22">
        <v>2</v>
      </c>
      <c r="C123" s="14">
        <v>6</v>
      </c>
      <c r="D123" s="18">
        <v>8</v>
      </c>
    </row>
    <row r="124" spans="1:4" ht="18" customHeight="1" x14ac:dyDescent="0.15">
      <c r="A124" s="5">
        <v>98</v>
      </c>
      <c r="B124" s="22">
        <v>0</v>
      </c>
      <c r="C124" s="14">
        <v>7</v>
      </c>
      <c r="D124" s="18">
        <v>7</v>
      </c>
    </row>
    <row r="125" spans="1:4" ht="18" customHeight="1" x14ac:dyDescent="0.15">
      <c r="A125" s="5">
        <v>99</v>
      </c>
      <c r="B125" s="22">
        <v>0</v>
      </c>
      <c r="C125" s="14">
        <v>8</v>
      </c>
      <c r="D125" s="18">
        <v>8</v>
      </c>
    </row>
    <row r="126" spans="1:4" ht="18" customHeight="1" x14ac:dyDescent="0.15">
      <c r="A126" s="5" t="s">
        <v>40</v>
      </c>
      <c r="B126" s="22">
        <v>7</v>
      </c>
      <c r="C126" s="14">
        <v>42</v>
      </c>
      <c r="D126" s="18">
        <v>49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1154</v>
      </c>
      <c r="C130" s="14">
        <v>1604</v>
      </c>
      <c r="D130" s="18">
        <v>2758</v>
      </c>
    </row>
    <row r="131" spans="1:4" ht="18" customHeight="1" x14ac:dyDescent="0.15">
      <c r="A131" s="7" t="s">
        <v>45</v>
      </c>
      <c r="B131" s="23">
        <v>4834</v>
      </c>
      <c r="C131" s="15">
        <v>5098</v>
      </c>
      <c r="D131" s="19">
        <v>993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800-000000000000}">
  <sheetPr codeName="Sheet3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2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4</v>
      </c>
      <c r="C5" s="13">
        <v>47</v>
      </c>
      <c r="D5" s="17">
        <v>91</v>
      </c>
    </row>
    <row r="6" spans="1:4" ht="18" customHeight="1" x14ac:dyDescent="0.15">
      <c r="A6" s="5">
        <v>1</v>
      </c>
      <c r="B6" s="22">
        <v>43</v>
      </c>
      <c r="C6" s="14">
        <v>31</v>
      </c>
      <c r="D6" s="18">
        <v>74</v>
      </c>
    </row>
    <row r="7" spans="1:4" ht="18" customHeight="1" x14ac:dyDescent="0.15">
      <c r="A7" s="5">
        <v>2</v>
      </c>
      <c r="B7" s="22">
        <v>44</v>
      </c>
      <c r="C7" s="14">
        <v>42</v>
      </c>
      <c r="D7" s="18">
        <v>86</v>
      </c>
    </row>
    <row r="8" spans="1:4" ht="18" customHeight="1" x14ac:dyDescent="0.15">
      <c r="A8" s="5">
        <v>3</v>
      </c>
      <c r="B8" s="22">
        <v>49</v>
      </c>
      <c r="C8" s="14">
        <v>38</v>
      </c>
      <c r="D8" s="18">
        <v>87</v>
      </c>
    </row>
    <row r="9" spans="1:4" ht="18" customHeight="1" x14ac:dyDescent="0.15">
      <c r="A9" s="5">
        <v>4</v>
      </c>
      <c r="B9" s="22">
        <v>54</v>
      </c>
      <c r="C9" s="14">
        <v>55</v>
      </c>
      <c r="D9" s="18">
        <v>109</v>
      </c>
    </row>
    <row r="10" spans="1:4" ht="18" customHeight="1" x14ac:dyDescent="0.15">
      <c r="A10" s="5" t="s">
        <v>7</v>
      </c>
      <c r="B10" s="22">
        <v>234</v>
      </c>
      <c r="C10" s="14">
        <v>213</v>
      </c>
      <c r="D10" s="18">
        <v>447</v>
      </c>
    </row>
    <row r="11" spans="1:4" ht="18" customHeight="1" x14ac:dyDescent="0.15">
      <c r="A11" s="5">
        <v>5</v>
      </c>
      <c r="B11" s="22">
        <v>61</v>
      </c>
      <c r="C11" s="14">
        <v>48</v>
      </c>
      <c r="D11" s="18">
        <v>109</v>
      </c>
    </row>
    <row r="12" spans="1:4" ht="18" customHeight="1" x14ac:dyDescent="0.15">
      <c r="A12" s="5">
        <v>6</v>
      </c>
      <c r="B12" s="22">
        <v>47</v>
      </c>
      <c r="C12" s="14">
        <v>56</v>
      </c>
      <c r="D12" s="18">
        <v>103</v>
      </c>
    </row>
    <row r="13" spans="1:4" ht="18" customHeight="1" x14ac:dyDescent="0.15">
      <c r="A13" s="5">
        <v>7</v>
      </c>
      <c r="B13" s="22">
        <v>72</v>
      </c>
      <c r="C13" s="14">
        <v>59</v>
      </c>
      <c r="D13" s="18">
        <v>131</v>
      </c>
    </row>
    <row r="14" spans="1:4" ht="18" customHeight="1" x14ac:dyDescent="0.15">
      <c r="A14" s="5">
        <v>8</v>
      </c>
      <c r="B14" s="22">
        <v>55</v>
      </c>
      <c r="C14" s="14">
        <v>54</v>
      </c>
      <c r="D14" s="18">
        <v>109</v>
      </c>
    </row>
    <row r="15" spans="1:4" ht="18" customHeight="1" x14ac:dyDescent="0.15">
      <c r="A15" s="5">
        <v>9</v>
      </c>
      <c r="B15" s="22">
        <v>50</v>
      </c>
      <c r="C15" s="14">
        <v>51</v>
      </c>
      <c r="D15" s="18">
        <v>101</v>
      </c>
    </row>
    <row r="16" spans="1:4" ht="18" customHeight="1" x14ac:dyDescent="0.15">
      <c r="A16" s="5" t="s">
        <v>11</v>
      </c>
      <c r="B16" s="22">
        <v>285</v>
      </c>
      <c r="C16" s="14">
        <v>268</v>
      </c>
      <c r="D16" s="18">
        <v>553</v>
      </c>
    </row>
    <row r="17" spans="1:4" ht="18" customHeight="1" x14ac:dyDescent="0.15">
      <c r="A17" s="5">
        <v>10</v>
      </c>
      <c r="B17" s="22">
        <v>67</v>
      </c>
      <c r="C17" s="14">
        <v>61</v>
      </c>
      <c r="D17" s="18">
        <v>128</v>
      </c>
    </row>
    <row r="18" spans="1:4" ht="18" customHeight="1" x14ac:dyDescent="0.15">
      <c r="A18" s="5">
        <v>11</v>
      </c>
      <c r="B18" s="22">
        <v>48</v>
      </c>
      <c r="C18" s="14">
        <v>58</v>
      </c>
      <c r="D18" s="18">
        <v>106</v>
      </c>
    </row>
    <row r="19" spans="1:4" ht="18" customHeight="1" x14ac:dyDescent="0.15">
      <c r="A19" s="5">
        <v>12</v>
      </c>
      <c r="B19" s="22">
        <v>41</v>
      </c>
      <c r="C19" s="14">
        <v>67</v>
      </c>
      <c r="D19" s="18">
        <v>108</v>
      </c>
    </row>
    <row r="20" spans="1:4" ht="18" customHeight="1" x14ac:dyDescent="0.15">
      <c r="A20" s="5">
        <v>13</v>
      </c>
      <c r="B20" s="22">
        <v>62</v>
      </c>
      <c r="C20" s="14">
        <v>64</v>
      </c>
      <c r="D20" s="18">
        <v>126</v>
      </c>
    </row>
    <row r="21" spans="1:4" ht="18" customHeight="1" x14ac:dyDescent="0.15">
      <c r="A21" s="5">
        <v>14</v>
      </c>
      <c r="B21" s="22">
        <v>40</v>
      </c>
      <c r="C21" s="14">
        <v>53</v>
      </c>
      <c r="D21" s="18">
        <v>93</v>
      </c>
    </row>
    <row r="22" spans="1:4" ht="18" customHeight="1" x14ac:dyDescent="0.15">
      <c r="A22" s="5" t="s">
        <v>12</v>
      </c>
      <c r="B22" s="22">
        <v>258</v>
      </c>
      <c r="C22" s="14">
        <v>303</v>
      </c>
      <c r="D22" s="18">
        <v>561</v>
      </c>
    </row>
    <row r="23" spans="1:4" ht="18" customHeight="1" x14ac:dyDescent="0.15">
      <c r="A23" s="5" t="s">
        <v>6</v>
      </c>
      <c r="B23" s="22">
        <v>777</v>
      </c>
      <c r="C23" s="14">
        <v>784</v>
      </c>
      <c r="D23" s="18">
        <v>1561</v>
      </c>
    </row>
    <row r="24" spans="1:4" ht="18" customHeight="1" x14ac:dyDescent="0.15">
      <c r="A24" s="5">
        <v>15</v>
      </c>
      <c r="B24" s="22">
        <v>48</v>
      </c>
      <c r="C24" s="14">
        <v>50</v>
      </c>
      <c r="D24" s="18">
        <v>98</v>
      </c>
    </row>
    <row r="25" spans="1:4" ht="18" customHeight="1" x14ac:dyDescent="0.15">
      <c r="A25" s="5">
        <v>16</v>
      </c>
      <c r="B25" s="22">
        <v>61</v>
      </c>
      <c r="C25" s="14">
        <v>59</v>
      </c>
      <c r="D25" s="18">
        <v>120</v>
      </c>
    </row>
    <row r="26" spans="1:4" ht="18" customHeight="1" x14ac:dyDescent="0.15">
      <c r="A26" s="5">
        <v>17</v>
      </c>
      <c r="B26" s="22">
        <v>43</v>
      </c>
      <c r="C26" s="14">
        <v>56</v>
      </c>
      <c r="D26" s="18">
        <v>99</v>
      </c>
    </row>
    <row r="27" spans="1:4" ht="18" customHeight="1" x14ac:dyDescent="0.15">
      <c r="A27" s="5">
        <v>18</v>
      </c>
      <c r="B27" s="22">
        <v>58</v>
      </c>
      <c r="C27" s="14">
        <v>48</v>
      </c>
      <c r="D27" s="18">
        <v>106</v>
      </c>
    </row>
    <row r="28" spans="1:4" ht="18" customHeight="1" x14ac:dyDescent="0.15">
      <c r="A28" s="5">
        <v>19</v>
      </c>
      <c r="B28" s="22">
        <v>51</v>
      </c>
      <c r="C28" s="14">
        <v>48</v>
      </c>
      <c r="D28" s="18">
        <v>99</v>
      </c>
    </row>
    <row r="29" spans="1:4" ht="18" customHeight="1" x14ac:dyDescent="0.15">
      <c r="A29" s="5" t="s">
        <v>14</v>
      </c>
      <c r="B29" s="22">
        <v>261</v>
      </c>
      <c r="C29" s="14">
        <v>261</v>
      </c>
      <c r="D29" s="18">
        <v>522</v>
      </c>
    </row>
    <row r="30" spans="1:4" ht="18" customHeight="1" x14ac:dyDescent="0.15">
      <c r="A30" s="5">
        <v>20</v>
      </c>
      <c r="B30" s="22">
        <v>56</v>
      </c>
      <c r="C30" s="14">
        <v>56</v>
      </c>
      <c r="D30" s="18">
        <v>112</v>
      </c>
    </row>
    <row r="31" spans="1:4" ht="18" customHeight="1" x14ac:dyDescent="0.15">
      <c r="A31" s="5">
        <v>21</v>
      </c>
      <c r="B31" s="22">
        <v>65</v>
      </c>
      <c r="C31" s="14">
        <v>55</v>
      </c>
      <c r="D31" s="18">
        <v>120</v>
      </c>
    </row>
    <row r="32" spans="1:4" ht="18" customHeight="1" x14ac:dyDescent="0.15">
      <c r="A32" s="5">
        <v>22</v>
      </c>
      <c r="B32" s="22">
        <v>49</v>
      </c>
      <c r="C32" s="14">
        <v>56</v>
      </c>
      <c r="D32" s="18">
        <v>105</v>
      </c>
    </row>
    <row r="33" spans="1:4" ht="18" customHeight="1" x14ac:dyDescent="0.15">
      <c r="A33" s="5">
        <v>23</v>
      </c>
      <c r="B33" s="22">
        <v>67</v>
      </c>
      <c r="C33" s="14">
        <v>70</v>
      </c>
      <c r="D33" s="18">
        <v>137</v>
      </c>
    </row>
    <row r="34" spans="1:4" ht="18" customHeight="1" x14ac:dyDescent="0.15">
      <c r="A34" s="5">
        <v>24</v>
      </c>
      <c r="B34" s="22">
        <v>85</v>
      </c>
      <c r="C34" s="14">
        <v>69</v>
      </c>
      <c r="D34" s="18">
        <v>154</v>
      </c>
    </row>
    <row r="35" spans="1:4" ht="18" customHeight="1" x14ac:dyDescent="0.15">
      <c r="A35" s="5" t="s">
        <v>9</v>
      </c>
      <c r="B35" s="22">
        <v>322</v>
      </c>
      <c r="C35" s="14">
        <v>306</v>
      </c>
      <c r="D35" s="18">
        <v>628</v>
      </c>
    </row>
    <row r="36" spans="1:4" ht="18" customHeight="1" x14ac:dyDescent="0.15">
      <c r="A36" s="5">
        <v>25</v>
      </c>
      <c r="B36" s="22">
        <v>78</v>
      </c>
      <c r="C36" s="14">
        <v>70</v>
      </c>
      <c r="D36" s="18">
        <v>148</v>
      </c>
    </row>
    <row r="37" spans="1:4" ht="18" customHeight="1" x14ac:dyDescent="0.15">
      <c r="A37" s="5">
        <v>26</v>
      </c>
      <c r="B37" s="22">
        <v>78</v>
      </c>
      <c r="C37" s="14">
        <v>80</v>
      </c>
      <c r="D37" s="18">
        <v>158</v>
      </c>
    </row>
    <row r="38" spans="1:4" ht="18" customHeight="1" x14ac:dyDescent="0.15">
      <c r="A38" s="5">
        <v>27</v>
      </c>
      <c r="B38" s="22">
        <v>85</v>
      </c>
      <c r="C38" s="14">
        <v>72</v>
      </c>
      <c r="D38" s="18">
        <v>157</v>
      </c>
    </row>
    <row r="39" spans="1:4" ht="18" customHeight="1" x14ac:dyDescent="0.15">
      <c r="A39" s="5">
        <v>28</v>
      </c>
      <c r="B39" s="22">
        <v>76</v>
      </c>
      <c r="C39" s="14">
        <v>69</v>
      </c>
      <c r="D39" s="18">
        <v>145</v>
      </c>
    </row>
    <row r="40" spans="1:4" ht="18" customHeight="1" x14ac:dyDescent="0.15">
      <c r="A40" s="5">
        <v>29</v>
      </c>
      <c r="B40" s="22">
        <v>79</v>
      </c>
      <c r="C40" s="14">
        <v>84</v>
      </c>
      <c r="D40" s="18">
        <v>163</v>
      </c>
    </row>
    <row r="41" spans="1:4" ht="18" customHeight="1" x14ac:dyDescent="0.15">
      <c r="A41" s="5" t="s">
        <v>2</v>
      </c>
      <c r="B41" s="22">
        <v>396</v>
      </c>
      <c r="C41" s="14">
        <v>375</v>
      </c>
      <c r="D41" s="18">
        <v>771</v>
      </c>
    </row>
    <row r="42" spans="1:4" ht="18" customHeight="1" x14ac:dyDescent="0.15">
      <c r="A42" s="5">
        <v>30</v>
      </c>
      <c r="B42" s="22">
        <v>94</v>
      </c>
      <c r="C42" s="14">
        <v>66</v>
      </c>
      <c r="D42" s="18">
        <v>160</v>
      </c>
    </row>
    <row r="43" spans="1:4" ht="18" customHeight="1" x14ac:dyDescent="0.15">
      <c r="A43" s="5">
        <v>31</v>
      </c>
      <c r="B43" s="22">
        <v>84</v>
      </c>
      <c r="C43" s="14">
        <v>85</v>
      </c>
      <c r="D43" s="18">
        <v>169</v>
      </c>
    </row>
    <row r="44" spans="1:4" ht="18" customHeight="1" x14ac:dyDescent="0.15">
      <c r="A44" s="5">
        <v>32</v>
      </c>
      <c r="B44" s="22">
        <v>85</v>
      </c>
      <c r="C44" s="14">
        <v>72</v>
      </c>
      <c r="D44" s="18">
        <v>157</v>
      </c>
    </row>
    <row r="45" spans="1:4" ht="18" customHeight="1" x14ac:dyDescent="0.15">
      <c r="A45" s="5">
        <v>33</v>
      </c>
      <c r="B45" s="22">
        <v>84</v>
      </c>
      <c r="C45" s="14">
        <v>69</v>
      </c>
      <c r="D45" s="18">
        <v>153</v>
      </c>
    </row>
    <row r="46" spans="1:4" ht="18" customHeight="1" x14ac:dyDescent="0.15">
      <c r="A46" s="5">
        <v>34</v>
      </c>
      <c r="B46" s="22">
        <v>81</v>
      </c>
      <c r="C46" s="14">
        <v>49</v>
      </c>
      <c r="D46" s="18">
        <v>130</v>
      </c>
    </row>
    <row r="47" spans="1:4" ht="18" customHeight="1" x14ac:dyDescent="0.15">
      <c r="A47" s="5" t="s">
        <v>15</v>
      </c>
      <c r="B47" s="22">
        <v>428</v>
      </c>
      <c r="C47" s="14">
        <v>341</v>
      </c>
      <c r="D47" s="18">
        <v>769</v>
      </c>
    </row>
    <row r="48" spans="1:4" ht="18" customHeight="1" x14ac:dyDescent="0.15">
      <c r="A48" s="5">
        <v>35</v>
      </c>
      <c r="B48" s="22">
        <v>69</v>
      </c>
      <c r="C48" s="14">
        <v>73</v>
      </c>
      <c r="D48" s="18">
        <v>142</v>
      </c>
    </row>
    <row r="49" spans="1:4" ht="18" customHeight="1" x14ac:dyDescent="0.15">
      <c r="A49" s="5">
        <v>36</v>
      </c>
      <c r="B49" s="22">
        <v>80</v>
      </c>
      <c r="C49" s="14">
        <v>69</v>
      </c>
      <c r="D49" s="18">
        <v>149</v>
      </c>
    </row>
    <row r="50" spans="1:4" ht="18" customHeight="1" x14ac:dyDescent="0.15">
      <c r="A50" s="5">
        <v>37</v>
      </c>
      <c r="B50" s="22">
        <v>87</v>
      </c>
      <c r="C50" s="14">
        <v>67</v>
      </c>
      <c r="D50" s="18">
        <v>154</v>
      </c>
    </row>
    <row r="51" spans="1:4" ht="18" customHeight="1" x14ac:dyDescent="0.15">
      <c r="A51" s="5">
        <v>38</v>
      </c>
      <c r="B51" s="22">
        <v>69</v>
      </c>
      <c r="C51" s="14">
        <v>69</v>
      </c>
      <c r="D51" s="18">
        <v>138</v>
      </c>
    </row>
    <row r="52" spans="1:4" ht="18" customHeight="1" x14ac:dyDescent="0.15">
      <c r="A52" s="5">
        <v>39</v>
      </c>
      <c r="B52" s="22">
        <v>76</v>
      </c>
      <c r="C52" s="14">
        <v>76</v>
      </c>
      <c r="D52" s="18">
        <v>152</v>
      </c>
    </row>
    <row r="53" spans="1:4" ht="18" customHeight="1" x14ac:dyDescent="0.15">
      <c r="A53" s="5" t="s">
        <v>18</v>
      </c>
      <c r="B53" s="22">
        <v>381</v>
      </c>
      <c r="C53" s="14">
        <v>354</v>
      </c>
      <c r="D53" s="18">
        <v>735</v>
      </c>
    </row>
    <row r="54" spans="1:4" ht="18" customHeight="1" x14ac:dyDescent="0.15">
      <c r="A54" s="5">
        <v>40</v>
      </c>
      <c r="B54" s="22">
        <v>88</v>
      </c>
      <c r="C54" s="14">
        <v>92</v>
      </c>
      <c r="D54" s="18">
        <v>180</v>
      </c>
    </row>
    <row r="55" spans="1:4" ht="18" customHeight="1" x14ac:dyDescent="0.15">
      <c r="A55" s="5">
        <v>41</v>
      </c>
      <c r="B55" s="22">
        <v>77</v>
      </c>
      <c r="C55" s="14">
        <v>79</v>
      </c>
      <c r="D55" s="18">
        <v>156</v>
      </c>
    </row>
    <row r="56" spans="1:4" ht="18" customHeight="1" x14ac:dyDescent="0.15">
      <c r="A56" s="5">
        <v>42</v>
      </c>
      <c r="B56" s="22">
        <v>83</v>
      </c>
      <c r="C56" s="14">
        <v>84</v>
      </c>
      <c r="D56" s="18">
        <v>167</v>
      </c>
    </row>
    <row r="57" spans="1:4" ht="18" customHeight="1" x14ac:dyDescent="0.15">
      <c r="A57" s="5">
        <v>43</v>
      </c>
      <c r="B57" s="22">
        <v>77</v>
      </c>
      <c r="C57" s="14">
        <v>83</v>
      </c>
      <c r="D57" s="18">
        <v>160</v>
      </c>
    </row>
    <row r="58" spans="1:4" ht="18" customHeight="1" x14ac:dyDescent="0.15">
      <c r="A58" s="5">
        <v>44</v>
      </c>
      <c r="B58" s="22">
        <v>88</v>
      </c>
      <c r="C58" s="14">
        <v>84</v>
      </c>
      <c r="D58" s="18">
        <v>172</v>
      </c>
    </row>
    <row r="59" spans="1:4" ht="18" customHeight="1" x14ac:dyDescent="0.15">
      <c r="A59" s="5" t="s">
        <v>21</v>
      </c>
      <c r="B59" s="22">
        <v>413</v>
      </c>
      <c r="C59" s="14">
        <v>422</v>
      </c>
      <c r="D59" s="18">
        <v>835</v>
      </c>
    </row>
    <row r="60" spans="1:4" ht="18" customHeight="1" x14ac:dyDescent="0.15">
      <c r="A60" s="5">
        <v>45</v>
      </c>
      <c r="B60" s="22">
        <v>96</v>
      </c>
      <c r="C60" s="14">
        <v>82</v>
      </c>
      <c r="D60" s="18">
        <v>178</v>
      </c>
    </row>
    <row r="61" spans="1:4" ht="18" customHeight="1" x14ac:dyDescent="0.15">
      <c r="A61" s="5">
        <v>46</v>
      </c>
      <c r="B61" s="22">
        <v>84</v>
      </c>
      <c r="C61" s="14">
        <v>94</v>
      </c>
      <c r="D61" s="18">
        <v>178</v>
      </c>
    </row>
    <row r="62" spans="1:4" ht="18" customHeight="1" x14ac:dyDescent="0.15">
      <c r="A62" s="5">
        <v>47</v>
      </c>
      <c r="B62" s="22">
        <v>90</v>
      </c>
      <c r="C62" s="14">
        <v>61</v>
      </c>
      <c r="D62" s="18">
        <v>151</v>
      </c>
    </row>
    <row r="63" spans="1:4" ht="18" customHeight="1" x14ac:dyDescent="0.15">
      <c r="A63" s="5">
        <v>48</v>
      </c>
      <c r="B63" s="22">
        <v>107</v>
      </c>
      <c r="C63" s="14">
        <v>75</v>
      </c>
      <c r="D63" s="18">
        <v>182</v>
      </c>
    </row>
    <row r="64" spans="1:4" ht="18" customHeight="1" x14ac:dyDescent="0.15">
      <c r="A64" s="5">
        <v>49</v>
      </c>
      <c r="B64" s="22">
        <v>86</v>
      </c>
      <c r="C64" s="14">
        <v>84</v>
      </c>
      <c r="D64" s="18">
        <v>170</v>
      </c>
    </row>
    <row r="65" spans="1:4" ht="18" customHeight="1" x14ac:dyDescent="0.15">
      <c r="A65" s="5" t="s">
        <v>17</v>
      </c>
      <c r="B65" s="22">
        <v>463</v>
      </c>
      <c r="C65" s="14">
        <v>396</v>
      </c>
      <c r="D65" s="18">
        <v>859</v>
      </c>
    </row>
    <row r="66" spans="1:4" ht="18" customHeight="1" x14ac:dyDescent="0.15">
      <c r="A66" s="5">
        <v>50</v>
      </c>
      <c r="B66" s="22">
        <v>98</v>
      </c>
      <c r="C66" s="14">
        <v>88</v>
      </c>
      <c r="D66" s="18">
        <v>186</v>
      </c>
    </row>
    <row r="67" spans="1:4" ht="18" customHeight="1" x14ac:dyDescent="0.15">
      <c r="A67" s="5">
        <v>51</v>
      </c>
      <c r="B67" s="22">
        <v>114</v>
      </c>
      <c r="C67" s="14">
        <v>111</v>
      </c>
      <c r="D67" s="18">
        <v>225</v>
      </c>
    </row>
    <row r="68" spans="1:4" ht="18" customHeight="1" x14ac:dyDescent="0.15">
      <c r="A68" s="5">
        <v>52</v>
      </c>
      <c r="B68" s="22">
        <v>107</v>
      </c>
      <c r="C68" s="14">
        <v>105</v>
      </c>
      <c r="D68" s="18">
        <v>212</v>
      </c>
    </row>
    <row r="69" spans="1:4" ht="18" customHeight="1" x14ac:dyDescent="0.15">
      <c r="A69" s="5">
        <v>53</v>
      </c>
      <c r="B69" s="22">
        <v>99</v>
      </c>
      <c r="C69" s="14">
        <v>103</v>
      </c>
      <c r="D69" s="18">
        <v>202</v>
      </c>
    </row>
    <row r="70" spans="1:4" ht="18" customHeight="1" x14ac:dyDescent="0.15">
      <c r="A70" s="5">
        <v>54</v>
      </c>
      <c r="B70" s="22">
        <v>99</v>
      </c>
      <c r="C70" s="14">
        <v>108</v>
      </c>
      <c r="D70" s="18">
        <v>207</v>
      </c>
    </row>
    <row r="71" spans="1:4" ht="18" customHeight="1" x14ac:dyDescent="0.15">
      <c r="A71" s="5" t="s">
        <v>22</v>
      </c>
      <c r="B71" s="22">
        <v>517</v>
      </c>
      <c r="C71" s="14">
        <v>515</v>
      </c>
      <c r="D71" s="18">
        <v>1032</v>
      </c>
    </row>
    <row r="72" spans="1:4" ht="18" customHeight="1" x14ac:dyDescent="0.15">
      <c r="A72" s="5">
        <v>55</v>
      </c>
      <c r="B72" s="22">
        <v>96</v>
      </c>
      <c r="C72" s="14">
        <v>105</v>
      </c>
      <c r="D72" s="18">
        <v>201</v>
      </c>
    </row>
    <row r="73" spans="1:4" ht="18" customHeight="1" x14ac:dyDescent="0.15">
      <c r="A73" s="5">
        <v>56</v>
      </c>
      <c r="B73" s="22">
        <v>117</v>
      </c>
      <c r="C73" s="14">
        <v>73</v>
      </c>
      <c r="D73" s="18">
        <v>190</v>
      </c>
    </row>
    <row r="74" spans="1:4" ht="18" customHeight="1" x14ac:dyDescent="0.15">
      <c r="A74" s="5">
        <v>57</v>
      </c>
      <c r="B74" s="22">
        <v>84</v>
      </c>
      <c r="C74" s="14">
        <v>116</v>
      </c>
      <c r="D74" s="18">
        <v>200</v>
      </c>
    </row>
    <row r="75" spans="1:4" ht="18" customHeight="1" x14ac:dyDescent="0.15">
      <c r="A75" s="5">
        <v>58</v>
      </c>
      <c r="B75" s="22">
        <v>85</v>
      </c>
      <c r="C75" s="14">
        <v>77</v>
      </c>
      <c r="D75" s="18">
        <v>162</v>
      </c>
    </row>
    <row r="76" spans="1:4" ht="18" customHeight="1" x14ac:dyDescent="0.15">
      <c r="A76" s="5">
        <v>59</v>
      </c>
      <c r="B76" s="22">
        <v>75</v>
      </c>
      <c r="C76" s="14">
        <v>68</v>
      </c>
      <c r="D76" s="18">
        <v>143</v>
      </c>
    </row>
    <row r="77" spans="1:4" ht="18" customHeight="1" x14ac:dyDescent="0.15">
      <c r="A77" s="5" t="s">
        <v>27</v>
      </c>
      <c r="B77" s="22">
        <v>457</v>
      </c>
      <c r="C77" s="14">
        <v>439</v>
      </c>
      <c r="D77" s="18">
        <v>896</v>
      </c>
    </row>
    <row r="78" spans="1:4" ht="18" customHeight="1" x14ac:dyDescent="0.15">
      <c r="A78" s="5">
        <v>60</v>
      </c>
      <c r="B78" s="22">
        <v>72</v>
      </c>
      <c r="C78" s="14">
        <v>72</v>
      </c>
      <c r="D78" s="18">
        <v>144</v>
      </c>
    </row>
    <row r="79" spans="1:4" ht="18" customHeight="1" x14ac:dyDescent="0.15">
      <c r="A79" s="5">
        <v>61</v>
      </c>
      <c r="B79" s="22">
        <v>63</v>
      </c>
      <c r="C79" s="14">
        <v>67</v>
      </c>
      <c r="D79" s="18">
        <v>130</v>
      </c>
    </row>
    <row r="80" spans="1:4" ht="18" customHeight="1" x14ac:dyDescent="0.15">
      <c r="A80" s="5">
        <v>62</v>
      </c>
      <c r="B80" s="22">
        <v>76</v>
      </c>
      <c r="C80" s="14">
        <v>67</v>
      </c>
      <c r="D80" s="18">
        <v>143</v>
      </c>
    </row>
    <row r="81" spans="1:4" ht="18" customHeight="1" x14ac:dyDescent="0.15">
      <c r="A81" s="5">
        <v>63</v>
      </c>
      <c r="B81" s="22">
        <v>78</v>
      </c>
      <c r="C81" s="14">
        <v>84</v>
      </c>
      <c r="D81" s="18">
        <v>162</v>
      </c>
    </row>
    <row r="82" spans="1:4" ht="18" customHeight="1" x14ac:dyDescent="0.15">
      <c r="A82" s="5">
        <v>64</v>
      </c>
      <c r="B82" s="22">
        <v>56</v>
      </c>
      <c r="C82" s="14">
        <v>62</v>
      </c>
      <c r="D82" s="18">
        <v>118</v>
      </c>
    </row>
    <row r="83" spans="1:4" ht="18" customHeight="1" x14ac:dyDescent="0.15">
      <c r="A83" s="5" t="s">
        <v>28</v>
      </c>
      <c r="B83" s="22">
        <v>345</v>
      </c>
      <c r="C83" s="14">
        <v>352</v>
      </c>
      <c r="D83" s="18">
        <v>697</v>
      </c>
    </row>
    <row r="84" spans="1:4" ht="18" customHeight="1" x14ac:dyDescent="0.15">
      <c r="A84" s="5" t="s">
        <v>31</v>
      </c>
      <c r="B84" s="22">
        <v>3983</v>
      </c>
      <c r="C84" s="14">
        <v>3761</v>
      </c>
      <c r="D84" s="18">
        <v>7744</v>
      </c>
    </row>
    <row r="85" spans="1:4" ht="18" customHeight="1" x14ac:dyDescent="0.15">
      <c r="A85" s="5">
        <v>65</v>
      </c>
      <c r="B85" s="22">
        <v>60</v>
      </c>
      <c r="C85" s="14">
        <v>61</v>
      </c>
      <c r="D85" s="18">
        <v>121</v>
      </c>
    </row>
    <row r="86" spans="1:4" ht="18" customHeight="1" x14ac:dyDescent="0.15">
      <c r="A86" s="5">
        <v>66</v>
      </c>
      <c r="B86" s="22">
        <v>51</v>
      </c>
      <c r="C86" s="14">
        <v>64</v>
      </c>
      <c r="D86" s="18">
        <v>115</v>
      </c>
    </row>
    <row r="87" spans="1:4" ht="18" customHeight="1" x14ac:dyDescent="0.15">
      <c r="A87" s="5">
        <v>67</v>
      </c>
      <c r="B87" s="22">
        <v>54</v>
      </c>
      <c r="C87" s="14">
        <v>76</v>
      </c>
      <c r="D87" s="18">
        <v>130</v>
      </c>
    </row>
    <row r="88" spans="1:4" ht="18" customHeight="1" x14ac:dyDescent="0.15">
      <c r="A88" s="5">
        <v>68</v>
      </c>
      <c r="B88" s="22">
        <v>51</v>
      </c>
      <c r="C88" s="14">
        <v>60</v>
      </c>
      <c r="D88" s="18">
        <v>111</v>
      </c>
    </row>
    <row r="89" spans="1:4" ht="18" customHeight="1" x14ac:dyDescent="0.15">
      <c r="A89" s="5">
        <v>69</v>
      </c>
      <c r="B89" s="22">
        <v>51</v>
      </c>
      <c r="C89" s="14">
        <v>61</v>
      </c>
      <c r="D89" s="18">
        <v>112</v>
      </c>
    </row>
    <row r="90" spans="1:4" ht="18" customHeight="1" x14ac:dyDescent="0.15">
      <c r="A90" s="5" t="s">
        <v>20</v>
      </c>
      <c r="B90" s="22">
        <v>267</v>
      </c>
      <c r="C90" s="14">
        <v>322</v>
      </c>
      <c r="D90" s="18">
        <v>589</v>
      </c>
    </row>
    <row r="91" spans="1:4" ht="18" customHeight="1" x14ac:dyDescent="0.15">
      <c r="A91" s="5">
        <v>70</v>
      </c>
      <c r="B91" s="22">
        <v>69</v>
      </c>
      <c r="C91" s="14">
        <v>56</v>
      </c>
      <c r="D91" s="18">
        <v>125</v>
      </c>
    </row>
    <row r="92" spans="1:4" ht="18" customHeight="1" x14ac:dyDescent="0.15">
      <c r="A92" s="5">
        <v>71</v>
      </c>
      <c r="B92" s="22">
        <v>54</v>
      </c>
      <c r="C92" s="14">
        <v>58</v>
      </c>
      <c r="D92" s="18">
        <v>112</v>
      </c>
    </row>
    <row r="93" spans="1:4" ht="18" customHeight="1" x14ac:dyDescent="0.15">
      <c r="A93" s="5">
        <v>72</v>
      </c>
      <c r="B93" s="22">
        <v>62</v>
      </c>
      <c r="C93" s="14">
        <v>62</v>
      </c>
      <c r="D93" s="18">
        <v>124</v>
      </c>
    </row>
    <row r="94" spans="1:4" ht="18" customHeight="1" x14ac:dyDescent="0.15">
      <c r="A94" s="5">
        <v>73</v>
      </c>
      <c r="B94" s="22">
        <v>62</v>
      </c>
      <c r="C94" s="14">
        <v>78</v>
      </c>
      <c r="D94" s="18">
        <v>140</v>
      </c>
    </row>
    <row r="95" spans="1:4" ht="18" customHeight="1" x14ac:dyDescent="0.15">
      <c r="A95" s="5">
        <v>74</v>
      </c>
      <c r="B95" s="22">
        <v>56</v>
      </c>
      <c r="C95" s="14">
        <v>71</v>
      </c>
      <c r="D95" s="18">
        <v>127</v>
      </c>
    </row>
    <row r="96" spans="1:4" ht="18" customHeight="1" x14ac:dyDescent="0.15">
      <c r="A96" s="5" t="s">
        <v>33</v>
      </c>
      <c r="B96" s="22">
        <v>303</v>
      </c>
      <c r="C96" s="14">
        <v>325</v>
      </c>
      <c r="D96" s="18">
        <v>628</v>
      </c>
    </row>
    <row r="97" spans="1:4" ht="18" customHeight="1" x14ac:dyDescent="0.15">
      <c r="A97" s="5">
        <v>75</v>
      </c>
      <c r="B97" s="22">
        <v>66</v>
      </c>
      <c r="C97" s="14">
        <v>94</v>
      </c>
      <c r="D97" s="18">
        <v>160</v>
      </c>
    </row>
    <row r="98" spans="1:4" ht="18" customHeight="1" x14ac:dyDescent="0.15">
      <c r="A98" s="5">
        <v>76</v>
      </c>
      <c r="B98" s="22">
        <v>80</v>
      </c>
      <c r="C98" s="14">
        <v>92</v>
      </c>
      <c r="D98" s="18">
        <v>172</v>
      </c>
    </row>
    <row r="99" spans="1:4" ht="18" customHeight="1" x14ac:dyDescent="0.15">
      <c r="A99" s="5">
        <v>77</v>
      </c>
      <c r="B99" s="22">
        <v>82</v>
      </c>
      <c r="C99" s="14">
        <v>94</v>
      </c>
      <c r="D99" s="18">
        <v>176</v>
      </c>
    </row>
    <row r="100" spans="1:4" ht="18" customHeight="1" x14ac:dyDescent="0.15">
      <c r="A100" s="5">
        <v>78</v>
      </c>
      <c r="B100" s="22">
        <v>53</v>
      </c>
      <c r="C100" s="14">
        <v>99</v>
      </c>
      <c r="D100" s="18">
        <v>152</v>
      </c>
    </row>
    <row r="101" spans="1:4" ht="18" customHeight="1" x14ac:dyDescent="0.15">
      <c r="A101" s="5">
        <v>79</v>
      </c>
      <c r="B101" s="22">
        <v>53</v>
      </c>
      <c r="C101" s="14">
        <v>85</v>
      </c>
      <c r="D101" s="18">
        <v>138</v>
      </c>
    </row>
    <row r="102" spans="1:4" ht="18" customHeight="1" x14ac:dyDescent="0.15">
      <c r="A102" s="5" t="s">
        <v>0</v>
      </c>
      <c r="B102" s="22">
        <v>334</v>
      </c>
      <c r="C102" s="14">
        <v>464</v>
      </c>
      <c r="D102" s="18">
        <v>798</v>
      </c>
    </row>
    <row r="103" spans="1:4" ht="18" customHeight="1" x14ac:dyDescent="0.15">
      <c r="A103" s="5">
        <v>80</v>
      </c>
      <c r="B103" s="22">
        <v>33</v>
      </c>
      <c r="C103" s="14">
        <v>46</v>
      </c>
      <c r="D103" s="18">
        <v>79</v>
      </c>
    </row>
    <row r="104" spans="1:4" ht="18" customHeight="1" x14ac:dyDescent="0.15">
      <c r="A104" s="5">
        <v>81</v>
      </c>
      <c r="B104" s="22">
        <v>49</v>
      </c>
      <c r="C104" s="14">
        <v>73</v>
      </c>
      <c r="D104" s="18">
        <v>122</v>
      </c>
    </row>
    <row r="105" spans="1:4" ht="18" customHeight="1" x14ac:dyDescent="0.15">
      <c r="A105" s="5">
        <v>82</v>
      </c>
      <c r="B105" s="22">
        <v>43</v>
      </c>
      <c r="C105" s="14">
        <v>78</v>
      </c>
      <c r="D105" s="18">
        <v>121</v>
      </c>
    </row>
    <row r="106" spans="1:4" ht="18" customHeight="1" x14ac:dyDescent="0.15">
      <c r="A106" s="5">
        <v>83</v>
      </c>
      <c r="B106" s="22">
        <v>45</v>
      </c>
      <c r="C106" s="14">
        <v>65</v>
      </c>
      <c r="D106" s="18">
        <v>110</v>
      </c>
    </row>
    <row r="107" spans="1:4" ht="18" customHeight="1" x14ac:dyDescent="0.15">
      <c r="A107" s="5">
        <v>84</v>
      </c>
      <c r="B107" s="22">
        <v>43</v>
      </c>
      <c r="C107" s="14">
        <v>71</v>
      </c>
      <c r="D107" s="18">
        <v>114</v>
      </c>
    </row>
    <row r="108" spans="1:4" ht="18" customHeight="1" x14ac:dyDescent="0.15">
      <c r="A108" s="5" t="s">
        <v>35</v>
      </c>
      <c r="B108" s="22">
        <v>213</v>
      </c>
      <c r="C108" s="14">
        <v>333</v>
      </c>
      <c r="D108" s="18">
        <v>546</v>
      </c>
    </row>
    <row r="109" spans="1:4" ht="18" customHeight="1" x14ac:dyDescent="0.15">
      <c r="A109" s="5">
        <v>85</v>
      </c>
      <c r="B109" s="22">
        <v>41</v>
      </c>
      <c r="C109" s="14">
        <v>62</v>
      </c>
      <c r="D109" s="18">
        <v>103</v>
      </c>
    </row>
    <row r="110" spans="1:4" ht="18" customHeight="1" x14ac:dyDescent="0.15">
      <c r="A110" s="5">
        <v>86</v>
      </c>
      <c r="B110" s="22">
        <v>22</v>
      </c>
      <c r="C110" s="14">
        <v>59</v>
      </c>
      <c r="D110" s="18">
        <v>81</v>
      </c>
    </row>
    <row r="111" spans="1:4" ht="18" customHeight="1" x14ac:dyDescent="0.15">
      <c r="A111" s="5">
        <v>87</v>
      </c>
      <c r="B111" s="22">
        <v>23</v>
      </c>
      <c r="C111" s="14">
        <v>39</v>
      </c>
      <c r="D111" s="18">
        <v>62</v>
      </c>
    </row>
    <row r="112" spans="1:4" ht="18" customHeight="1" x14ac:dyDescent="0.15">
      <c r="A112" s="5">
        <v>88</v>
      </c>
      <c r="B112" s="22">
        <v>25</v>
      </c>
      <c r="C112" s="14">
        <v>41</v>
      </c>
      <c r="D112" s="18">
        <v>66</v>
      </c>
    </row>
    <row r="113" spans="1:4" ht="18" customHeight="1" x14ac:dyDescent="0.15">
      <c r="A113" s="5">
        <v>89</v>
      </c>
      <c r="B113" s="22">
        <v>24</v>
      </c>
      <c r="C113" s="14">
        <v>33</v>
      </c>
      <c r="D113" s="18">
        <v>57</v>
      </c>
    </row>
    <row r="114" spans="1:4" ht="18" customHeight="1" x14ac:dyDescent="0.15">
      <c r="A114" s="5" t="s">
        <v>37</v>
      </c>
      <c r="B114" s="22">
        <v>135</v>
      </c>
      <c r="C114" s="14">
        <v>234</v>
      </c>
      <c r="D114" s="18">
        <v>369</v>
      </c>
    </row>
    <row r="115" spans="1:4" ht="18" customHeight="1" x14ac:dyDescent="0.15">
      <c r="A115" s="5">
        <v>90</v>
      </c>
      <c r="B115" s="22">
        <v>24</v>
      </c>
      <c r="C115" s="14">
        <v>45</v>
      </c>
      <c r="D115" s="18">
        <v>69</v>
      </c>
    </row>
    <row r="116" spans="1:4" ht="18" customHeight="1" x14ac:dyDescent="0.15">
      <c r="A116" s="5">
        <v>91</v>
      </c>
      <c r="B116" s="22">
        <v>15</v>
      </c>
      <c r="C116" s="14">
        <v>35</v>
      </c>
      <c r="D116" s="18">
        <v>50</v>
      </c>
    </row>
    <row r="117" spans="1:4" ht="18" customHeight="1" x14ac:dyDescent="0.15">
      <c r="A117" s="5">
        <v>92</v>
      </c>
      <c r="B117" s="22">
        <v>11</v>
      </c>
      <c r="C117" s="14">
        <v>36</v>
      </c>
      <c r="D117" s="18">
        <v>47</v>
      </c>
    </row>
    <row r="118" spans="1:4" ht="18" customHeight="1" x14ac:dyDescent="0.15">
      <c r="A118" s="5">
        <v>93</v>
      </c>
      <c r="B118" s="22">
        <v>7</v>
      </c>
      <c r="C118" s="14">
        <v>34</v>
      </c>
      <c r="D118" s="18">
        <v>41</v>
      </c>
    </row>
    <row r="119" spans="1:4" ht="18" customHeight="1" x14ac:dyDescent="0.15">
      <c r="A119" s="5">
        <v>94</v>
      </c>
      <c r="B119" s="22">
        <v>4</v>
      </c>
      <c r="C119" s="14">
        <v>21</v>
      </c>
      <c r="D119" s="18">
        <v>25</v>
      </c>
    </row>
    <row r="120" spans="1:4" ht="18" customHeight="1" x14ac:dyDescent="0.15">
      <c r="A120" s="5" t="s">
        <v>39</v>
      </c>
      <c r="B120" s="22">
        <v>61</v>
      </c>
      <c r="C120" s="14">
        <v>171</v>
      </c>
      <c r="D120" s="18">
        <v>232</v>
      </c>
    </row>
    <row r="121" spans="1:4" ht="18" customHeight="1" x14ac:dyDescent="0.15">
      <c r="A121" s="5">
        <v>95</v>
      </c>
      <c r="B121" s="22">
        <v>3</v>
      </c>
      <c r="C121" s="14">
        <v>16</v>
      </c>
      <c r="D121" s="18">
        <v>19</v>
      </c>
    </row>
    <row r="122" spans="1:4" ht="18" customHeight="1" x14ac:dyDescent="0.15">
      <c r="A122" s="5">
        <v>96</v>
      </c>
      <c r="B122" s="22">
        <v>2</v>
      </c>
      <c r="C122" s="14">
        <v>10</v>
      </c>
      <c r="D122" s="18">
        <v>12</v>
      </c>
    </row>
    <row r="123" spans="1:4" ht="18" customHeight="1" x14ac:dyDescent="0.15">
      <c r="A123" s="5">
        <v>97</v>
      </c>
      <c r="B123" s="22">
        <v>0</v>
      </c>
      <c r="C123" s="14">
        <v>11</v>
      </c>
      <c r="D123" s="18">
        <v>11</v>
      </c>
    </row>
    <row r="124" spans="1:4" ht="18" customHeight="1" x14ac:dyDescent="0.15">
      <c r="A124" s="5">
        <v>98</v>
      </c>
      <c r="B124" s="22">
        <v>1</v>
      </c>
      <c r="C124" s="14">
        <v>6</v>
      </c>
      <c r="D124" s="18">
        <v>7</v>
      </c>
    </row>
    <row r="125" spans="1:4" ht="18" customHeight="1" x14ac:dyDescent="0.15">
      <c r="A125" s="5">
        <v>99</v>
      </c>
      <c r="B125" s="22">
        <v>0</v>
      </c>
      <c r="C125" s="14">
        <v>6</v>
      </c>
      <c r="D125" s="18">
        <v>6</v>
      </c>
    </row>
    <row r="126" spans="1:4" ht="18" customHeight="1" x14ac:dyDescent="0.15">
      <c r="A126" s="5" t="s">
        <v>40</v>
      </c>
      <c r="B126" s="22">
        <v>6</v>
      </c>
      <c r="C126" s="14">
        <v>49</v>
      </c>
      <c r="D126" s="18">
        <v>55</v>
      </c>
    </row>
    <row r="127" spans="1:4" ht="18" customHeight="1" x14ac:dyDescent="0.15">
      <c r="A127" s="5">
        <v>100</v>
      </c>
      <c r="B127" s="22">
        <v>1</v>
      </c>
      <c r="C127" s="14">
        <v>7</v>
      </c>
      <c r="D127" s="18">
        <v>8</v>
      </c>
    </row>
    <row r="128" spans="1:4" ht="18" customHeight="1" x14ac:dyDescent="0.15">
      <c r="A128" s="6" t="s">
        <v>43</v>
      </c>
      <c r="B128" s="22">
        <v>0</v>
      </c>
      <c r="C128" s="14">
        <v>5</v>
      </c>
      <c r="D128" s="18">
        <v>5</v>
      </c>
    </row>
    <row r="129" spans="1:4" ht="18" customHeight="1" x14ac:dyDescent="0.15">
      <c r="A129" s="5" t="s">
        <v>44</v>
      </c>
      <c r="B129" s="22">
        <v>1</v>
      </c>
      <c r="C129" s="14">
        <v>12</v>
      </c>
      <c r="D129" s="18">
        <v>13</v>
      </c>
    </row>
    <row r="130" spans="1:4" ht="18" customHeight="1" x14ac:dyDescent="0.15">
      <c r="A130" s="5" t="s">
        <v>46</v>
      </c>
      <c r="B130" s="22">
        <v>1320</v>
      </c>
      <c r="C130" s="14">
        <v>1910</v>
      </c>
      <c r="D130" s="18">
        <v>3230</v>
      </c>
    </row>
    <row r="131" spans="1:4" ht="18" customHeight="1" x14ac:dyDescent="0.15">
      <c r="A131" s="7" t="s">
        <v>45</v>
      </c>
      <c r="B131" s="23">
        <v>6080</v>
      </c>
      <c r="C131" s="15">
        <v>6455</v>
      </c>
      <c r="D131" s="19">
        <v>1253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900-000000000000}">
  <sheetPr codeName="Sheet3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62</v>
      </c>
      <c r="C5" s="13">
        <v>67</v>
      </c>
      <c r="D5" s="17">
        <v>129</v>
      </c>
    </row>
    <row r="6" spans="1:4" ht="18" customHeight="1" x14ac:dyDescent="0.15">
      <c r="A6" s="5">
        <v>1</v>
      </c>
      <c r="B6" s="22">
        <v>70</v>
      </c>
      <c r="C6" s="14">
        <v>71</v>
      </c>
      <c r="D6" s="18">
        <v>141</v>
      </c>
    </row>
    <row r="7" spans="1:4" ht="18" customHeight="1" x14ac:dyDescent="0.15">
      <c r="A7" s="5">
        <v>2</v>
      </c>
      <c r="B7" s="22">
        <v>78</v>
      </c>
      <c r="C7" s="14">
        <v>76</v>
      </c>
      <c r="D7" s="18">
        <v>154</v>
      </c>
    </row>
    <row r="8" spans="1:4" ht="18" customHeight="1" x14ac:dyDescent="0.15">
      <c r="A8" s="5">
        <v>3</v>
      </c>
      <c r="B8" s="22">
        <v>86</v>
      </c>
      <c r="C8" s="14">
        <v>86</v>
      </c>
      <c r="D8" s="18">
        <v>172</v>
      </c>
    </row>
    <row r="9" spans="1:4" ht="18" customHeight="1" x14ac:dyDescent="0.15">
      <c r="A9" s="5">
        <v>4</v>
      </c>
      <c r="B9" s="22">
        <v>80</v>
      </c>
      <c r="C9" s="14">
        <v>83</v>
      </c>
      <c r="D9" s="18">
        <v>163</v>
      </c>
    </row>
    <row r="10" spans="1:4" ht="18" customHeight="1" x14ac:dyDescent="0.15">
      <c r="A10" s="5" t="s">
        <v>7</v>
      </c>
      <c r="B10" s="22">
        <v>376</v>
      </c>
      <c r="C10" s="14">
        <v>383</v>
      </c>
      <c r="D10" s="18">
        <v>759</v>
      </c>
    </row>
    <row r="11" spans="1:4" ht="18" customHeight="1" x14ac:dyDescent="0.15">
      <c r="A11" s="5">
        <v>5</v>
      </c>
      <c r="B11" s="22">
        <v>82</v>
      </c>
      <c r="C11" s="14">
        <v>90</v>
      </c>
      <c r="D11" s="18">
        <v>172</v>
      </c>
    </row>
    <row r="12" spans="1:4" ht="18" customHeight="1" x14ac:dyDescent="0.15">
      <c r="A12" s="5">
        <v>6</v>
      </c>
      <c r="B12" s="22">
        <v>84</v>
      </c>
      <c r="C12" s="14">
        <v>90</v>
      </c>
      <c r="D12" s="18">
        <v>174</v>
      </c>
    </row>
    <row r="13" spans="1:4" ht="18" customHeight="1" x14ac:dyDescent="0.15">
      <c r="A13" s="5">
        <v>7</v>
      </c>
      <c r="B13" s="22">
        <v>81</v>
      </c>
      <c r="C13" s="14">
        <v>70</v>
      </c>
      <c r="D13" s="18">
        <v>151</v>
      </c>
    </row>
    <row r="14" spans="1:4" ht="18" customHeight="1" x14ac:dyDescent="0.15">
      <c r="A14" s="5">
        <v>8</v>
      </c>
      <c r="B14" s="22">
        <v>105</v>
      </c>
      <c r="C14" s="14">
        <v>84</v>
      </c>
      <c r="D14" s="18">
        <v>189</v>
      </c>
    </row>
    <row r="15" spans="1:4" ht="18" customHeight="1" x14ac:dyDescent="0.15">
      <c r="A15" s="5">
        <v>9</v>
      </c>
      <c r="B15" s="22">
        <v>91</v>
      </c>
      <c r="C15" s="14">
        <v>76</v>
      </c>
      <c r="D15" s="18">
        <v>167</v>
      </c>
    </row>
    <row r="16" spans="1:4" ht="18" customHeight="1" x14ac:dyDescent="0.15">
      <c r="A16" s="5" t="s">
        <v>11</v>
      </c>
      <c r="B16" s="22">
        <v>443</v>
      </c>
      <c r="C16" s="14">
        <v>410</v>
      </c>
      <c r="D16" s="18">
        <v>853</v>
      </c>
    </row>
    <row r="17" spans="1:4" ht="18" customHeight="1" x14ac:dyDescent="0.15">
      <c r="A17" s="5">
        <v>10</v>
      </c>
      <c r="B17" s="22">
        <v>102</v>
      </c>
      <c r="C17" s="14">
        <v>83</v>
      </c>
      <c r="D17" s="18">
        <v>185</v>
      </c>
    </row>
    <row r="18" spans="1:4" ht="18" customHeight="1" x14ac:dyDescent="0.15">
      <c r="A18" s="5">
        <v>11</v>
      </c>
      <c r="B18" s="22">
        <v>90</v>
      </c>
      <c r="C18" s="14">
        <v>85</v>
      </c>
      <c r="D18" s="18">
        <v>175</v>
      </c>
    </row>
    <row r="19" spans="1:4" ht="18" customHeight="1" x14ac:dyDescent="0.15">
      <c r="A19" s="5">
        <v>12</v>
      </c>
      <c r="B19" s="22">
        <v>93</v>
      </c>
      <c r="C19" s="14">
        <v>93</v>
      </c>
      <c r="D19" s="18">
        <v>186</v>
      </c>
    </row>
    <row r="20" spans="1:4" ht="18" customHeight="1" x14ac:dyDescent="0.15">
      <c r="A20" s="5">
        <v>13</v>
      </c>
      <c r="B20" s="22">
        <v>89</v>
      </c>
      <c r="C20" s="14">
        <v>83</v>
      </c>
      <c r="D20" s="18">
        <v>172</v>
      </c>
    </row>
    <row r="21" spans="1:4" ht="18" customHeight="1" x14ac:dyDescent="0.15">
      <c r="A21" s="5">
        <v>14</v>
      </c>
      <c r="B21" s="22">
        <v>91</v>
      </c>
      <c r="C21" s="14">
        <v>95</v>
      </c>
      <c r="D21" s="18">
        <v>186</v>
      </c>
    </row>
    <row r="22" spans="1:4" ht="18" customHeight="1" x14ac:dyDescent="0.15">
      <c r="A22" s="5" t="s">
        <v>12</v>
      </c>
      <c r="B22" s="22">
        <v>465</v>
      </c>
      <c r="C22" s="14">
        <v>439</v>
      </c>
      <c r="D22" s="18">
        <v>904</v>
      </c>
    </row>
    <row r="23" spans="1:4" ht="18" customHeight="1" x14ac:dyDescent="0.15">
      <c r="A23" s="5" t="s">
        <v>6</v>
      </c>
      <c r="B23" s="22">
        <v>1284</v>
      </c>
      <c r="C23" s="14">
        <v>1232</v>
      </c>
      <c r="D23" s="18">
        <v>2516</v>
      </c>
    </row>
    <row r="24" spans="1:4" ht="18" customHeight="1" x14ac:dyDescent="0.15">
      <c r="A24" s="5">
        <v>15</v>
      </c>
      <c r="B24" s="22">
        <v>96</v>
      </c>
      <c r="C24" s="14">
        <v>76</v>
      </c>
      <c r="D24" s="18">
        <v>172</v>
      </c>
    </row>
    <row r="25" spans="1:4" ht="18" customHeight="1" x14ac:dyDescent="0.15">
      <c r="A25" s="5">
        <v>16</v>
      </c>
      <c r="B25" s="22">
        <v>87</v>
      </c>
      <c r="C25" s="14">
        <v>87</v>
      </c>
      <c r="D25" s="18">
        <v>174</v>
      </c>
    </row>
    <row r="26" spans="1:4" ht="18" customHeight="1" x14ac:dyDescent="0.15">
      <c r="A26" s="5">
        <v>17</v>
      </c>
      <c r="B26" s="22">
        <v>96</v>
      </c>
      <c r="C26" s="14">
        <v>92</v>
      </c>
      <c r="D26" s="18">
        <v>188</v>
      </c>
    </row>
    <row r="27" spans="1:4" ht="18" customHeight="1" x14ac:dyDescent="0.15">
      <c r="A27" s="5">
        <v>18</v>
      </c>
      <c r="B27" s="22">
        <v>74</v>
      </c>
      <c r="C27" s="14">
        <v>84</v>
      </c>
      <c r="D27" s="18">
        <v>158</v>
      </c>
    </row>
    <row r="28" spans="1:4" ht="18" customHeight="1" x14ac:dyDescent="0.15">
      <c r="A28" s="5">
        <v>19</v>
      </c>
      <c r="B28" s="22">
        <v>67</v>
      </c>
      <c r="C28" s="14">
        <v>95</v>
      </c>
      <c r="D28" s="18">
        <v>162</v>
      </c>
    </row>
    <row r="29" spans="1:4" ht="18" customHeight="1" x14ac:dyDescent="0.15">
      <c r="A29" s="5" t="s">
        <v>14</v>
      </c>
      <c r="B29" s="22">
        <v>420</v>
      </c>
      <c r="C29" s="14">
        <v>434</v>
      </c>
      <c r="D29" s="18">
        <v>854</v>
      </c>
    </row>
    <row r="30" spans="1:4" ht="18" customHeight="1" x14ac:dyDescent="0.15">
      <c r="A30" s="5">
        <v>20</v>
      </c>
      <c r="B30" s="22">
        <v>84</v>
      </c>
      <c r="C30" s="14">
        <v>59</v>
      </c>
      <c r="D30" s="18">
        <v>143</v>
      </c>
    </row>
    <row r="31" spans="1:4" ht="18" customHeight="1" x14ac:dyDescent="0.15">
      <c r="A31" s="5">
        <v>21</v>
      </c>
      <c r="B31" s="22">
        <v>72</v>
      </c>
      <c r="C31" s="14">
        <v>62</v>
      </c>
      <c r="D31" s="18">
        <v>134</v>
      </c>
    </row>
    <row r="32" spans="1:4" ht="18" customHeight="1" x14ac:dyDescent="0.15">
      <c r="A32" s="5">
        <v>22</v>
      </c>
      <c r="B32" s="22">
        <v>70</v>
      </c>
      <c r="C32" s="14">
        <v>80</v>
      </c>
      <c r="D32" s="18">
        <v>150</v>
      </c>
    </row>
    <row r="33" spans="1:4" ht="18" customHeight="1" x14ac:dyDescent="0.15">
      <c r="A33" s="5">
        <v>23</v>
      </c>
      <c r="B33" s="22">
        <v>81</v>
      </c>
      <c r="C33" s="14">
        <v>57</v>
      </c>
      <c r="D33" s="18">
        <v>138</v>
      </c>
    </row>
    <row r="34" spans="1:4" ht="18" customHeight="1" x14ac:dyDescent="0.15">
      <c r="A34" s="5">
        <v>24</v>
      </c>
      <c r="B34" s="22">
        <v>74</v>
      </c>
      <c r="C34" s="14">
        <v>72</v>
      </c>
      <c r="D34" s="18">
        <v>146</v>
      </c>
    </row>
    <row r="35" spans="1:4" ht="18" customHeight="1" x14ac:dyDescent="0.15">
      <c r="A35" s="5" t="s">
        <v>9</v>
      </c>
      <c r="B35" s="22">
        <v>381</v>
      </c>
      <c r="C35" s="14">
        <v>330</v>
      </c>
      <c r="D35" s="18">
        <v>711</v>
      </c>
    </row>
    <row r="36" spans="1:4" ht="18" customHeight="1" x14ac:dyDescent="0.15">
      <c r="A36" s="5">
        <v>25</v>
      </c>
      <c r="B36" s="22">
        <v>83</v>
      </c>
      <c r="C36" s="14">
        <v>75</v>
      </c>
      <c r="D36" s="18">
        <v>158</v>
      </c>
    </row>
    <row r="37" spans="1:4" ht="18" customHeight="1" x14ac:dyDescent="0.15">
      <c r="A37" s="5">
        <v>26</v>
      </c>
      <c r="B37" s="22">
        <v>82</v>
      </c>
      <c r="C37" s="14">
        <v>70</v>
      </c>
      <c r="D37" s="18">
        <v>152</v>
      </c>
    </row>
    <row r="38" spans="1:4" ht="18" customHeight="1" x14ac:dyDescent="0.15">
      <c r="A38" s="5">
        <v>27</v>
      </c>
      <c r="B38" s="22">
        <v>73</v>
      </c>
      <c r="C38" s="14">
        <v>82</v>
      </c>
      <c r="D38" s="18">
        <v>155</v>
      </c>
    </row>
    <row r="39" spans="1:4" ht="18" customHeight="1" x14ac:dyDescent="0.15">
      <c r="A39" s="5">
        <v>28</v>
      </c>
      <c r="B39" s="22">
        <v>82</v>
      </c>
      <c r="C39" s="14">
        <v>109</v>
      </c>
      <c r="D39" s="18">
        <v>191</v>
      </c>
    </row>
    <row r="40" spans="1:4" ht="18" customHeight="1" x14ac:dyDescent="0.15">
      <c r="A40" s="5">
        <v>29</v>
      </c>
      <c r="B40" s="22">
        <v>81</v>
      </c>
      <c r="C40" s="14">
        <v>105</v>
      </c>
      <c r="D40" s="18">
        <v>186</v>
      </c>
    </row>
    <row r="41" spans="1:4" ht="18" customHeight="1" x14ac:dyDescent="0.15">
      <c r="A41" s="5" t="s">
        <v>2</v>
      </c>
      <c r="B41" s="22">
        <v>401</v>
      </c>
      <c r="C41" s="14">
        <v>441</v>
      </c>
      <c r="D41" s="18">
        <v>842</v>
      </c>
    </row>
    <row r="42" spans="1:4" ht="18" customHeight="1" x14ac:dyDescent="0.15">
      <c r="A42" s="5">
        <v>30</v>
      </c>
      <c r="B42" s="22">
        <v>78</v>
      </c>
      <c r="C42" s="14">
        <v>74</v>
      </c>
      <c r="D42" s="18">
        <v>152</v>
      </c>
    </row>
    <row r="43" spans="1:4" ht="18" customHeight="1" x14ac:dyDescent="0.15">
      <c r="A43" s="5">
        <v>31</v>
      </c>
      <c r="B43" s="22">
        <v>106</v>
      </c>
      <c r="C43" s="14">
        <v>96</v>
      </c>
      <c r="D43" s="18">
        <v>202</v>
      </c>
    </row>
    <row r="44" spans="1:4" ht="18" customHeight="1" x14ac:dyDescent="0.15">
      <c r="A44" s="5">
        <v>32</v>
      </c>
      <c r="B44" s="22">
        <v>91</v>
      </c>
      <c r="C44" s="14">
        <v>103</v>
      </c>
      <c r="D44" s="18">
        <v>194</v>
      </c>
    </row>
    <row r="45" spans="1:4" ht="18" customHeight="1" x14ac:dyDescent="0.15">
      <c r="A45" s="5">
        <v>33</v>
      </c>
      <c r="B45" s="22">
        <v>71</v>
      </c>
      <c r="C45" s="14">
        <v>95</v>
      </c>
      <c r="D45" s="18">
        <v>166</v>
      </c>
    </row>
    <row r="46" spans="1:4" ht="18" customHeight="1" x14ac:dyDescent="0.15">
      <c r="A46" s="5">
        <v>34</v>
      </c>
      <c r="B46" s="22">
        <v>94</v>
      </c>
      <c r="C46" s="14">
        <v>106</v>
      </c>
      <c r="D46" s="18">
        <v>200</v>
      </c>
    </row>
    <row r="47" spans="1:4" ht="18" customHeight="1" x14ac:dyDescent="0.15">
      <c r="A47" s="5" t="s">
        <v>15</v>
      </c>
      <c r="B47" s="22">
        <v>440</v>
      </c>
      <c r="C47" s="14">
        <v>474</v>
      </c>
      <c r="D47" s="18">
        <v>914</v>
      </c>
    </row>
    <row r="48" spans="1:4" ht="18" customHeight="1" x14ac:dyDescent="0.15">
      <c r="A48" s="5">
        <v>35</v>
      </c>
      <c r="B48" s="22">
        <v>101</v>
      </c>
      <c r="C48" s="14">
        <v>104</v>
      </c>
      <c r="D48" s="18">
        <v>205</v>
      </c>
    </row>
    <row r="49" spans="1:4" ht="18" customHeight="1" x14ac:dyDescent="0.15">
      <c r="A49" s="5">
        <v>36</v>
      </c>
      <c r="B49" s="22">
        <v>94</v>
      </c>
      <c r="C49" s="14">
        <v>92</v>
      </c>
      <c r="D49" s="18">
        <v>186</v>
      </c>
    </row>
    <row r="50" spans="1:4" ht="18" customHeight="1" x14ac:dyDescent="0.15">
      <c r="A50" s="5">
        <v>37</v>
      </c>
      <c r="B50" s="22">
        <v>109</v>
      </c>
      <c r="C50" s="14">
        <v>101</v>
      </c>
      <c r="D50" s="18">
        <v>210</v>
      </c>
    </row>
    <row r="51" spans="1:4" ht="18" customHeight="1" x14ac:dyDescent="0.15">
      <c r="A51" s="5">
        <v>38</v>
      </c>
      <c r="B51" s="22">
        <v>92</v>
      </c>
      <c r="C51" s="14">
        <v>92</v>
      </c>
      <c r="D51" s="18">
        <v>184</v>
      </c>
    </row>
    <row r="52" spans="1:4" ht="18" customHeight="1" x14ac:dyDescent="0.15">
      <c r="A52" s="5">
        <v>39</v>
      </c>
      <c r="B52" s="22">
        <v>107</v>
      </c>
      <c r="C52" s="14">
        <v>109</v>
      </c>
      <c r="D52" s="18">
        <v>216</v>
      </c>
    </row>
    <row r="53" spans="1:4" ht="18" customHeight="1" x14ac:dyDescent="0.15">
      <c r="A53" s="5" t="s">
        <v>18</v>
      </c>
      <c r="B53" s="22">
        <v>503</v>
      </c>
      <c r="C53" s="14">
        <v>498</v>
      </c>
      <c r="D53" s="18">
        <v>1001</v>
      </c>
    </row>
    <row r="54" spans="1:4" ht="18" customHeight="1" x14ac:dyDescent="0.15">
      <c r="A54" s="5">
        <v>40</v>
      </c>
      <c r="B54" s="22">
        <v>125</v>
      </c>
      <c r="C54" s="14">
        <v>122</v>
      </c>
      <c r="D54" s="18">
        <v>247</v>
      </c>
    </row>
    <row r="55" spans="1:4" ht="18" customHeight="1" x14ac:dyDescent="0.15">
      <c r="A55" s="5">
        <v>41</v>
      </c>
      <c r="B55" s="22">
        <v>139</v>
      </c>
      <c r="C55" s="14">
        <v>115</v>
      </c>
      <c r="D55" s="18">
        <v>254</v>
      </c>
    </row>
    <row r="56" spans="1:4" ht="18" customHeight="1" x14ac:dyDescent="0.15">
      <c r="A56" s="5">
        <v>42</v>
      </c>
      <c r="B56" s="22">
        <v>131</v>
      </c>
      <c r="C56" s="14">
        <v>106</v>
      </c>
      <c r="D56" s="18">
        <v>237</v>
      </c>
    </row>
    <row r="57" spans="1:4" ht="18" customHeight="1" x14ac:dyDescent="0.15">
      <c r="A57" s="5">
        <v>43</v>
      </c>
      <c r="B57" s="22">
        <v>136</v>
      </c>
      <c r="C57" s="14">
        <v>118</v>
      </c>
      <c r="D57" s="18">
        <v>254</v>
      </c>
    </row>
    <row r="58" spans="1:4" ht="18" customHeight="1" x14ac:dyDescent="0.15">
      <c r="A58" s="5">
        <v>44</v>
      </c>
      <c r="B58" s="22">
        <v>135</v>
      </c>
      <c r="C58" s="14">
        <v>121</v>
      </c>
      <c r="D58" s="18">
        <v>256</v>
      </c>
    </row>
    <row r="59" spans="1:4" ht="18" customHeight="1" x14ac:dyDescent="0.15">
      <c r="A59" s="5" t="s">
        <v>21</v>
      </c>
      <c r="B59" s="22">
        <v>666</v>
      </c>
      <c r="C59" s="14">
        <v>582</v>
      </c>
      <c r="D59" s="18">
        <v>1248</v>
      </c>
    </row>
    <row r="60" spans="1:4" ht="18" customHeight="1" x14ac:dyDescent="0.15">
      <c r="A60" s="5">
        <v>45</v>
      </c>
      <c r="B60" s="22">
        <v>126</v>
      </c>
      <c r="C60" s="14">
        <v>132</v>
      </c>
      <c r="D60" s="18">
        <v>258</v>
      </c>
    </row>
    <row r="61" spans="1:4" ht="18" customHeight="1" x14ac:dyDescent="0.15">
      <c r="A61" s="5">
        <v>46</v>
      </c>
      <c r="B61" s="22">
        <v>140</v>
      </c>
      <c r="C61" s="14">
        <v>121</v>
      </c>
      <c r="D61" s="18">
        <v>261</v>
      </c>
    </row>
    <row r="62" spans="1:4" ht="18" customHeight="1" x14ac:dyDescent="0.15">
      <c r="A62" s="5">
        <v>47</v>
      </c>
      <c r="B62" s="22">
        <v>123</v>
      </c>
      <c r="C62" s="14">
        <v>114</v>
      </c>
      <c r="D62" s="18">
        <v>237</v>
      </c>
    </row>
    <row r="63" spans="1:4" ht="18" customHeight="1" x14ac:dyDescent="0.15">
      <c r="A63" s="5">
        <v>48</v>
      </c>
      <c r="B63" s="22">
        <v>129</v>
      </c>
      <c r="C63" s="14">
        <v>125</v>
      </c>
      <c r="D63" s="18">
        <v>254</v>
      </c>
    </row>
    <row r="64" spans="1:4" ht="18" customHeight="1" x14ac:dyDescent="0.15">
      <c r="A64" s="5">
        <v>49</v>
      </c>
      <c r="B64" s="22">
        <v>142</v>
      </c>
      <c r="C64" s="14">
        <v>130</v>
      </c>
      <c r="D64" s="18">
        <v>272</v>
      </c>
    </row>
    <row r="65" spans="1:4" ht="18" customHeight="1" x14ac:dyDescent="0.15">
      <c r="A65" s="5" t="s">
        <v>17</v>
      </c>
      <c r="B65" s="22">
        <v>660</v>
      </c>
      <c r="C65" s="14">
        <v>622</v>
      </c>
      <c r="D65" s="18">
        <v>1282</v>
      </c>
    </row>
    <row r="66" spans="1:4" ht="18" customHeight="1" x14ac:dyDescent="0.15">
      <c r="A66" s="5">
        <v>50</v>
      </c>
      <c r="B66" s="22">
        <v>146</v>
      </c>
      <c r="C66" s="14">
        <v>125</v>
      </c>
      <c r="D66" s="18">
        <v>271</v>
      </c>
    </row>
    <row r="67" spans="1:4" ht="18" customHeight="1" x14ac:dyDescent="0.15">
      <c r="A67" s="5">
        <v>51</v>
      </c>
      <c r="B67" s="22">
        <v>162</v>
      </c>
      <c r="C67" s="14">
        <v>165</v>
      </c>
      <c r="D67" s="18">
        <v>327</v>
      </c>
    </row>
    <row r="68" spans="1:4" ht="18" customHeight="1" x14ac:dyDescent="0.15">
      <c r="A68" s="5">
        <v>52</v>
      </c>
      <c r="B68" s="22">
        <v>144</v>
      </c>
      <c r="C68" s="14">
        <v>154</v>
      </c>
      <c r="D68" s="18">
        <v>298</v>
      </c>
    </row>
    <row r="69" spans="1:4" ht="18" customHeight="1" x14ac:dyDescent="0.15">
      <c r="A69" s="5">
        <v>53</v>
      </c>
      <c r="B69" s="22">
        <v>138</v>
      </c>
      <c r="C69" s="14">
        <v>136</v>
      </c>
      <c r="D69" s="18">
        <v>274</v>
      </c>
    </row>
    <row r="70" spans="1:4" ht="18" customHeight="1" x14ac:dyDescent="0.15">
      <c r="A70" s="5">
        <v>54</v>
      </c>
      <c r="B70" s="22">
        <v>141</v>
      </c>
      <c r="C70" s="14">
        <v>128</v>
      </c>
      <c r="D70" s="18">
        <v>269</v>
      </c>
    </row>
    <row r="71" spans="1:4" ht="18" customHeight="1" x14ac:dyDescent="0.15">
      <c r="A71" s="5" t="s">
        <v>22</v>
      </c>
      <c r="B71" s="22">
        <v>731</v>
      </c>
      <c r="C71" s="14">
        <v>708</v>
      </c>
      <c r="D71" s="18">
        <v>1439</v>
      </c>
    </row>
    <row r="72" spans="1:4" ht="18" customHeight="1" x14ac:dyDescent="0.15">
      <c r="A72" s="5">
        <v>55</v>
      </c>
      <c r="B72" s="22">
        <v>108</v>
      </c>
      <c r="C72" s="14">
        <v>112</v>
      </c>
      <c r="D72" s="18">
        <v>220</v>
      </c>
    </row>
    <row r="73" spans="1:4" ht="18" customHeight="1" x14ac:dyDescent="0.15">
      <c r="A73" s="5">
        <v>56</v>
      </c>
      <c r="B73" s="22">
        <v>91</v>
      </c>
      <c r="C73" s="14">
        <v>98</v>
      </c>
      <c r="D73" s="18">
        <v>189</v>
      </c>
    </row>
    <row r="74" spans="1:4" ht="18" customHeight="1" x14ac:dyDescent="0.15">
      <c r="A74" s="5">
        <v>57</v>
      </c>
      <c r="B74" s="22">
        <v>102</v>
      </c>
      <c r="C74" s="14">
        <v>99</v>
      </c>
      <c r="D74" s="18">
        <v>201</v>
      </c>
    </row>
    <row r="75" spans="1:4" ht="18" customHeight="1" x14ac:dyDescent="0.15">
      <c r="A75" s="5">
        <v>58</v>
      </c>
      <c r="B75" s="22">
        <v>103</v>
      </c>
      <c r="C75" s="14">
        <v>91</v>
      </c>
      <c r="D75" s="18">
        <v>194</v>
      </c>
    </row>
    <row r="76" spans="1:4" ht="18" customHeight="1" x14ac:dyDescent="0.15">
      <c r="A76" s="5">
        <v>59</v>
      </c>
      <c r="B76" s="22">
        <v>72</v>
      </c>
      <c r="C76" s="14">
        <v>81</v>
      </c>
      <c r="D76" s="18">
        <v>153</v>
      </c>
    </row>
    <row r="77" spans="1:4" ht="18" customHeight="1" x14ac:dyDescent="0.15">
      <c r="A77" s="5" t="s">
        <v>27</v>
      </c>
      <c r="B77" s="22">
        <v>476</v>
      </c>
      <c r="C77" s="14">
        <v>481</v>
      </c>
      <c r="D77" s="18">
        <v>957</v>
      </c>
    </row>
    <row r="78" spans="1:4" ht="18" customHeight="1" x14ac:dyDescent="0.15">
      <c r="A78" s="5">
        <v>60</v>
      </c>
      <c r="B78" s="22">
        <v>80</v>
      </c>
      <c r="C78" s="14">
        <v>77</v>
      </c>
      <c r="D78" s="18">
        <v>157</v>
      </c>
    </row>
    <row r="79" spans="1:4" ht="18" customHeight="1" x14ac:dyDescent="0.15">
      <c r="A79" s="5">
        <v>61</v>
      </c>
      <c r="B79" s="22">
        <v>93</v>
      </c>
      <c r="C79" s="14">
        <v>101</v>
      </c>
      <c r="D79" s="18">
        <v>194</v>
      </c>
    </row>
    <row r="80" spans="1:4" ht="18" customHeight="1" x14ac:dyDescent="0.15">
      <c r="A80" s="5">
        <v>62</v>
      </c>
      <c r="B80" s="22">
        <v>77</v>
      </c>
      <c r="C80" s="14">
        <v>74</v>
      </c>
      <c r="D80" s="18">
        <v>151</v>
      </c>
    </row>
    <row r="81" spans="1:4" ht="18" customHeight="1" x14ac:dyDescent="0.15">
      <c r="A81" s="5">
        <v>63</v>
      </c>
      <c r="B81" s="22">
        <v>71</v>
      </c>
      <c r="C81" s="14">
        <v>82</v>
      </c>
      <c r="D81" s="18">
        <v>153</v>
      </c>
    </row>
    <row r="82" spans="1:4" ht="18" customHeight="1" x14ac:dyDescent="0.15">
      <c r="A82" s="5">
        <v>64</v>
      </c>
      <c r="B82" s="22">
        <v>70</v>
      </c>
      <c r="C82" s="14">
        <v>59</v>
      </c>
      <c r="D82" s="18">
        <v>129</v>
      </c>
    </row>
    <row r="83" spans="1:4" ht="18" customHeight="1" x14ac:dyDescent="0.15">
      <c r="A83" s="5" t="s">
        <v>28</v>
      </c>
      <c r="B83" s="22">
        <v>391</v>
      </c>
      <c r="C83" s="14">
        <v>393</v>
      </c>
      <c r="D83" s="18">
        <v>784</v>
      </c>
    </row>
    <row r="84" spans="1:4" ht="18" customHeight="1" x14ac:dyDescent="0.15">
      <c r="A84" s="5" t="s">
        <v>31</v>
      </c>
      <c r="B84" s="22">
        <v>5069</v>
      </c>
      <c r="C84" s="14">
        <v>4963</v>
      </c>
      <c r="D84" s="18">
        <v>10032</v>
      </c>
    </row>
    <row r="85" spans="1:4" ht="18" customHeight="1" x14ac:dyDescent="0.15">
      <c r="A85" s="5">
        <v>65</v>
      </c>
      <c r="B85" s="22">
        <v>66</v>
      </c>
      <c r="C85" s="14">
        <v>86</v>
      </c>
      <c r="D85" s="18">
        <v>152</v>
      </c>
    </row>
    <row r="86" spans="1:4" ht="18" customHeight="1" x14ac:dyDescent="0.15">
      <c r="A86" s="5">
        <v>66</v>
      </c>
      <c r="B86" s="22">
        <v>65</v>
      </c>
      <c r="C86" s="14">
        <v>72</v>
      </c>
      <c r="D86" s="18">
        <v>137</v>
      </c>
    </row>
    <row r="87" spans="1:4" ht="18" customHeight="1" x14ac:dyDescent="0.15">
      <c r="A87" s="5">
        <v>67</v>
      </c>
      <c r="B87" s="22">
        <v>79</v>
      </c>
      <c r="C87" s="14">
        <v>89</v>
      </c>
      <c r="D87" s="18">
        <v>168</v>
      </c>
    </row>
    <row r="88" spans="1:4" ht="18" customHeight="1" x14ac:dyDescent="0.15">
      <c r="A88" s="5">
        <v>68</v>
      </c>
      <c r="B88" s="22">
        <v>64</v>
      </c>
      <c r="C88" s="14">
        <v>71</v>
      </c>
      <c r="D88" s="18">
        <v>135</v>
      </c>
    </row>
    <row r="89" spans="1:4" ht="18" customHeight="1" x14ac:dyDescent="0.15">
      <c r="A89" s="5">
        <v>69</v>
      </c>
      <c r="B89" s="22">
        <v>64</v>
      </c>
      <c r="C89" s="14">
        <v>68</v>
      </c>
      <c r="D89" s="18">
        <v>132</v>
      </c>
    </row>
    <row r="90" spans="1:4" ht="18" customHeight="1" x14ac:dyDescent="0.15">
      <c r="A90" s="5" t="s">
        <v>20</v>
      </c>
      <c r="B90" s="22">
        <v>338</v>
      </c>
      <c r="C90" s="14">
        <v>386</v>
      </c>
      <c r="D90" s="18">
        <v>724</v>
      </c>
    </row>
    <row r="91" spans="1:4" ht="18" customHeight="1" x14ac:dyDescent="0.15">
      <c r="A91" s="5">
        <v>70</v>
      </c>
      <c r="B91" s="22">
        <v>65</v>
      </c>
      <c r="C91" s="14">
        <v>77</v>
      </c>
      <c r="D91" s="18">
        <v>142</v>
      </c>
    </row>
    <row r="92" spans="1:4" ht="18" customHeight="1" x14ac:dyDescent="0.15">
      <c r="A92" s="5">
        <v>71</v>
      </c>
      <c r="B92" s="22">
        <v>80</v>
      </c>
      <c r="C92" s="14">
        <v>72</v>
      </c>
      <c r="D92" s="18">
        <v>152</v>
      </c>
    </row>
    <row r="93" spans="1:4" ht="18" customHeight="1" x14ac:dyDescent="0.15">
      <c r="A93" s="5">
        <v>72</v>
      </c>
      <c r="B93" s="22">
        <v>74</v>
      </c>
      <c r="C93" s="14">
        <v>90</v>
      </c>
      <c r="D93" s="18">
        <v>164</v>
      </c>
    </row>
    <row r="94" spans="1:4" ht="18" customHeight="1" x14ac:dyDescent="0.15">
      <c r="A94" s="5">
        <v>73</v>
      </c>
      <c r="B94" s="22">
        <v>84</v>
      </c>
      <c r="C94" s="14">
        <v>94</v>
      </c>
      <c r="D94" s="18">
        <v>178</v>
      </c>
    </row>
    <row r="95" spans="1:4" ht="18" customHeight="1" x14ac:dyDescent="0.15">
      <c r="A95" s="5">
        <v>74</v>
      </c>
      <c r="B95" s="22">
        <v>75</v>
      </c>
      <c r="C95" s="14">
        <v>89</v>
      </c>
      <c r="D95" s="18">
        <v>164</v>
      </c>
    </row>
    <row r="96" spans="1:4" ht="18" customHeight="1" x14ac:dyDescent="0.15">
      <c r="A96" s="5" t="s">
        <v>33</v>
      </c>
      <c r="B96" s="22">
        <v>378</v>
      </c>
      <c r="C96" s="14">
        <v>422</v>
      </c>
      <c r="D96" s="18">
        <v>800</v>
      </c>
    </row>
    <row r="97" spans="1:4" ht="18" customHeight="1" x14ac:dyDescent="0.15">
      <c r="A97" s="5">
        <v>75</v>
      </c>
      <c r="B97" s="22">
        <v>77</v>
      </c>
      <c r="C97" s="14">
        <v>100</v>
      </c>
      <c r="D97" s="18">
        <v>177</v>
      </c>
    </row>
    <row r="98" spans="1:4" ht="18" customHeight="1" x14ac:dyDescent="0.15">
      <c r="A98" s="5">
        <v>76</v>
      </c>
      <c r="B98" s="22">
        <v>95</v>
      </c>
      <c r="C98" s="14">
        <v>107</v>
      </c>
      <c r="D98" s="18">
        <v>202</v>
      </c>
    </row>
    <row r="99" spans="1:4" ht="18" customHeight="1" x14ac:dyDescent="0.15">
      <c r="A99" s="5">
        <v>77</v>
      </c>
      <c r="B99" s="22">
        <v>77</v>
      </c>
      <c r="C99" s="14">
        <v>134</v>
      </c>
      <c r="D99" s="18">
        <v>211</v>
      </c>
    </row>
    <row r="100" spans="1:4" ht="18" customHeight="1" x14ac:dyDescent="0.15">
      <c r="A100" s="5">
        <v>78</v>
      </c>
      <c r="B100" s="22">
        <v>99</v>
      </c>
      <c r="C100" s="14">
        <v>161</v>
      </c>
      <c r="D100" s="18">
        <v>260</v>
      </c>
    </row>
    <row r="101" spans="1:4" ht="18" customHeight="1" x14ac:dyDescent="0.15">
      <c r="A101" s="5">
        <v>79</v>
      </c>
      <c r="B101" s="22">
        <v>78</v>
      </c>
      <c r="C101" s="14">
        <v>104</v>
      </c>
      <c r="D101" s="18">
        <v>182</v>
      </c>
    </row>
    <row r="102" spans="1:4" ht="18" customHeight="1" x14ac:dyDescent="0.15">
      <c r="A102" s="5" t="s">
        <v>0</v>
      </c>
      <c r="B102" s="22">
        <v>426</v>
      </c>
      <c r="C102" s="14">
        <v>606</v>
      </c>
      <c r="D102" s="18">
        <v>1032</v>
      </c>
    </row>
    <row r="103" spans="1:4" ht="18" customHeight="1" x14ac:dyDescent="0.15">
      <c r="A103" s="5">
        <v>80</v>
      </c>
      <c r="B103" s="22">
        <v>63</v>
      </c>
      <c r="C103" s="14">
        <v>74</v>
      </c>
      <c r="D103" s="18">
        <v>137</v>
      </c>
    </row>
    <row r="104" spans="1:4" ht="18" customHeight="1" x14ac:dyDescent="0.15">
      <c r="A104" s="5">
        <v>81</v>
      </c>
      <c r="B104" s="22">
        <v>70</v>
      </c>
      <c r="C104" s="14">
        <v>90</v>
      </c>
      <c r="D104" s="18">
        <v>160</v>
      </c>
    </row>
    <row r="105" spans="1:4" ht="18" customHeight="1" x14ac:dyDescent="0.15">
      <c r="A105" s="5">
        <v>82</v>
      </c>
      <c r="B105" s="22">
        <v>71</v>
      </c>
      <c r="C105" s="14">
        <v>102</v>
      </c>
      <c r="D105" s="18">
        <v>173</v>
      </c>
    </row>
    <row r="106" spans="1:4" ht="18" customHeight="1" x14ac:dyDescent="0.15">
      <c r="A106" s="5">
        <v>83</v>
      </c>
      <c r="B106" s="22">
        <v>51</v>
      </c>
      <c r="C106" s="14">
        <v>88</v>
      </c>
      <c r="D106" s="18">
        <v>139</v>
      </c>
    </row>
    <row r="107" spans="1:4" ht="18" customHeight="1" x14ac:dyDescent="0.15">
      <c r="A107" s="5">
        <v>84</v>
      </c>
      <c r="B107" s="22">
        <v>60</v>
      </c>
      <c r="C107" s="14">
        <v>85</v>
      </c>
      <c r="D107" s="18">
        <v>145</v>
      </c>
    </row>
    <row r="108" spans="1:4" ht="18" customHeight="1" x14ac:dyDescent="0.15">
      <c r="A108" s="5" t="s">
        <v>35</v>
      </c>
      <c r="B108" s="22">
        <v>315</v>
      </c>
      <c r="C108" s="14">
        <v>439</v>
      </c>
      <c r="D108" s="18">
        <v>754</v>
      </c>
    </row>
    <row r="109" spans="1:4" ht="18" customHeight="1" x14ac:dyDescent="0.15">
      <c r="A109" s="5">
        <v>85</v>
      </c>
      <c r="B109" s="22">
        <v>47</v>
      </c>
      <c r="C109" s="14">
        <v>77</v>
      </c>
      <c r="D109" s="18">
        <v>124</v>
      </c>
    </row>
    <row r="110" spans="1:4" ht="18" customHeight="1" x14ac:dyDescent="0.15">
      <c r="A110" s="5">
        <v>86</v>
      </c>
      <c r="B110" s="22">
        <v>39</v>
      </c>
      <c r="C110" s="14">
        <v>59</v>
      </c>
      <c r="D110" s="18">
        <v>98</v>
      </c>
    </row>
    <row r="111" spans="1:4" ht="18" customHeight="1" x14ac:dyDescent="0.15">
      <c r="A111" s="5">
        <v>87</v>
      </c>
      <c r="B111" s="22">
        <v>33</v>
      </c>
      <c r="C111" s="14">
        <v>46</v>
      </c>
      <c r="D111" s="18">
        <v>79</v>
      </c>
    </row>
    <row r="112" spans="1:4" ht="18" customHeight="1" x14ac:dyDescent="0.15">
      <c r="A112" s="5">
        <v>88</v>
      </c>
      <c r="B112" s="22">
        <v>36</v>
      </c>
      <c r="C112" s="14">
        <v>47</v>
      </c>
      <c r="D112" s="18">
        <v>83</v>
      </c>
    </row>
    <row r="113" spans="1:4" ht="18" customHeight="1" x14ac:dyDescent="0.15">
      <c r="A113" s="5">
        <v>89</v>
      </c>
      <c r="B113" s="22">
        <v>22</v>
      </c>
      <c r="C113" s="14">
        <v>45</v>
      </c>
      <c r="D113" s="18">
        <v>67</v>
      </c>
    </row>
    <row r="114" spans="1:4" ht="18" customHeight="1" x14ac:dyDescent="0.15">
      <c r="A114" s="5" t="s">
        <v>37</v>
      </c>
      <c r="B114" s="22">
        <v>177</v>
      </c>
      <c r="C114" s="14">
        <v>274</v>
      </c>
      <c r="D114" s="18">
        <v>451</v>
      </c>
    </row>
    <row r="115" spans="1:4" ht="18" customHeight="1" x14ac:dyDescent="0.15">
      <c r="A115" s="5">
        <v>90</v>
      </c>
      <c r="B115" s="22">
        <v>23</v>
      </c>
      <c r="C115" s="14">
        <v>41</v>
      </c>
      <c r="D115" s="18">
        <v>64</v>
      </c>
    </row>
    <row r="116" spans="1:4" ht="18" customHeight="1" x14ac:dyDescent="0.15">
      <c r="A116" s="5">
        <v>91</v>
      </c>
      <c r="B116" s="22">
        <v>15</v>
      </c>
      <c r="C116" s="14">
        <v>35</v>
      </c>
      <c r="D116" s="18">
        <v>50</v>
      </c>
    </row>
    <row r="117" spans="1:4" ht="18" customHeight="1" x14ac:dyDescent="0.15">
      <c r="A117" s="5">
        <v>92</v>
      </c>
      <c r="B117" s="22">
        <v>15</v>
      </c>
      <c r="C117" s="14">
        <v>22</v>
      </c>
      <c r="D117" s="18">
        <v>37</v>
      </c>
    </row>
    <row r="118" spans="1:4" ht="18" customHeight="1" x14ac:dyDescent="0.15">
      <c r="A118" s="5">
        <v>93</v>
      </c>
      <c r="B118" s="22">
        <v>3</v>
      </c>
      <c r="C118" s="14">
        <v>24</v>
      </c>
      <c r="D118" s="18">
        <v>27</v>
      </c>
    </row>
    <row r="119" spans="1:4" ht="18" customHeight="1" x14ac:dyDescent="0.15">
      <c r="A119" s="5">
        <v>94</v>
      </c>
      <c r="B119" s="22">
        <v>9</v>
      </c>
      <c r="C119" s="14">
        <v>16</v>
      </c>
      <c r="D119" s="18">
        <v>25</v>
      </c>
    </row>
    <row r="120" spans="1:4" ht="18" customHeight="1" x14ac:dyDescent="0.15">
      <c r="A120" s="5" t="s">
        <v>39</v>
      </c>
      <c r="B120" s="22">
        <v>65</v>
      </c>
      <c r="C120" s="14">
        <v>138</v>
      </c>
      <c r="D120" s="18">
        <v>203</v>
      </c>
    </row>
    <row r="121" spans="1:4" ht="18" customHeight="1" x14ac:dyDescent="0.15">
      <c r="A121" s="5">
        <v>95</v>
      </c>
      <c r="B121" s="22">
        <v>4</v>
      </c>
      <c r="C121" s="14">
        <v>12</v>
      </c>
      <c r="D121" s="18">
        <v>16</v>
      </c>
    </row>
    <row r="122" spans="1:4" ht="18" customHeight="1" x14ac:dyDescent="0.15">
      <c r="A122" s="5">
        <v>96</v>
      </c>
      <c r="B122" s="22">
        <v>2</v>
      </c>
      <c r="C122" s="14">
        <v>9</v>
      </c>
      <c r="D122" s="18">
        <v>11</v>
      </c>
    </row>
    <row r="123" spans="1:4" ht="18" customHeight="1" x14ac:dyDescent="0.15">
      <c r="A123" s="5">
        <v>97</v>
      </c>
      <c r="B123" s="22">
        <v>0</v>
      </c>
      <c r="C123" s="14">
        <v>9</v>
      </c>
      <c r="D123" s="18">
        <v>9</v>
      </c>
    </row>
    <row r="124" spans="1:4" ht="18" customHeight="1" x14ac:dyDescent="0.15">
      <c r="A124" s="5">
        <v>98</v>
      </c>
      <c r="B124" s="22">
        <v>1</v>
      </c>
      <c r="C124" s="14">
        <v>8</v>
      </c>
      <c r="D124" s="18">
        <v>9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7</v>
      </c>
      <c r="C126" s="14">
        <v>40</v>
      </c>
      <c r="D126" s="18">
        <v>47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5</v>
      </c>
      <c r="D128" s="18">
        <v>5</v>
      </c>
    </row>
    <row r="129" spans="1:4" ht="18" customHeight="1" x14ac:dyDescent="0.15">
      <c r="A129" s="5" t="s">
        <v>44</v>
      </c>
      <c r="B129" s="22">
        <v>0</v>
      </c>
      <c r="C129" s="14">
        <v>8</v>
      </c>
      <c r="D129" s="18">
        <v>8</v>
      </c>
    </row>
    <row r="130" spans="1:4" ht="18" customHeight="1" x14ac:dyDescent="0.15">
      <c r="A130" s="5" t="s">
        <v>46</v>
      </c>
      <c r="B130" s="22">
        <v>1706</v>
      </c>
      <c r="C130" s="14">
        <v>2313</v>
      </c>
      <c r="D130" s="18">
        <v>4019</v>
      </c>
    </row>
    <row r="131" spans="1:4" ht="18" customHeight="1" x14ac:dyDescent="0.15">
      <c r="A131" s="7" t="s">
        <v>45</v>
      </c>
      <c r="B131" s="23">
        <v>8059</v>
      </c>
      <c r="C131" s="15">
        <v>8508</v>
      </c>
      <c r="D131" s="19">
        <v>1656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A00-000000000000}">
  <sheetPr codeName="Sheet3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9</v>
      </c>
      <c r="C5" s="13">
        <v>30</v>
      </c>
      <c r="D5" s="17">
        <v>69</v>
      </c>
    </row>
    <row r="6" spans="1:4" ht="18" customHeight="1" x14ac:dyDescent="0.15">
      <c r="A6" s="5">
        <v>1</v>
      </c>
      <c r="B6" s="22">
        <v>49</v>
      </c>
      <c r="C6" s="14">
        <v>43</v>
      </c>
      <c r="D6" s="18">
        <v>92</v>
      </c>
    </row>
    <row r="7" spans="1:4" ht="18" customHeight="1" x14ac:dyDescent="0.15">
      <c r="A7" s="5">
        <v>2</v>
      </c>
      <c r="B7" s="22">
        <v>54</v>
      </c>
      <c r="C7" s="14">
        <v>35</v>
      </c>
      <c r="D7" s="18">
        <v>89</v>
      </c>
    </row>
    <row r="8" spans="1:4" ht="18" customHeight="1" x14ac:dyDescent="0.15">
      <c r="A8" s="5">
        <v>3</v>
      </c>
      <c r="B8" s="22">
        <v>43</v>
      </c>
      <c r="C8" s="14">
        <v>49</v>
      </c>
      <c r="D8" s="18">
        <v>92</v>
      </c>
    </row>
    <row r="9" spans="1:4" ht="18" customHeight="1" x14ac:dyDescent="0.15">
      <c r="A9" s="5">
        <v>4</v>
      </c>
      <c r="B9" s="22">
        <v>39</v>
      </c>
      <c r="C9" s="14">
        <v>23</v>
      </c>
      <c r="D9" s="18">
        <v>62</v>
      </c>
    </row>
    <row r="10" spans="1:4" ht="18" customHeight="1" x14ac:dyDescent="0.15">
      <c r="A10" s="5" t="s">
        <v>7</v>
      </c>
      <c r="B10" s="22">
        <v>224</v>
      </c>
      <c r="C10" s="14">
        <v>180</v>
      </c>
      <c r="D10" s="18">
        <v>404</v>
      </c>
    </row>
    <row r="11" spans="1:4" ht="18" customHeight="1" x14ac:dyDescent="0.15">
      <c r="A11" s="5">
        <v>5</v>
      </c>
      <c r="B11" s="22">
        <v>50</v>
      </c>
      <c r="C11" s="14">
        <v>34</v>
      </c>
      <c r="D11" s="18">
        <v>84</v>
      </c>
    </row>
    <row r="12" spans="1:4" ht="18" customHeight="1" x14ac:dyDescent="0.15">
      <c r="A12" s="5">
        <v>6</v>
      </c>
      <c r="B12" s="22">
        <v>38</v>
      </c>
      <c r="C12" s="14">
        <v>44</v>
      </c>
      <c r="D12" s="18">
        <v>82</v>
      </c>
    </row>
    <row r="13" spans="1:4" ht="18" customHeight="1" x14ac:dyDescent="0.15">
      <c r="A13" s="5">
        <v>7</v>
      </c>
      <c r="B13" s="22">
        <v>48</v>
      </c>
      <c r="C13" s="14">
        <v>46</v>
      </c>
      <c r="D13" s="18">
        <v>94</v>
      </c>
    </row>
    <row r="14" spans="1:4" ht="18" customHeight="1" x14ac:dyDescent="0.15">
      <c r="A14" s="5">
        <v>8</v>
      </c>
      <c r="B14" s="22">
        <v>50</v>
      </c>
      <c r="C14" s="14">
        <v>43</v>
      </c>
      <c r="D14" s="18">
        <v>93</v>
      </c>
    </row>
    <row r="15" spans="1:4" ht="18" customHeight="1" x14ac:dyDescent="0.15">
      <c r="A15" s="5">
        <v>9</v>
      </c>
      <c r="B15" s="22">
        <v>62</v>
      </c>
      <c r="C15" s="14">
        <v>61</v>
      </c>
      <c r="D15" s="18">
        <v>123</v>
      </c>
    </row>
    <row r="16" spans="1:4" ht="18" customHeight="1" x14ac:dyDescent="0.15">
      <c r="A16" s="5" t="s">
        <v>11</v>
      </c>
      <c r="B16" s="22">
        <v>248</v>
      </c>
      <c r="C16" s="14">
        <v>228</v>
      </c>
      <c r="D16" s="18">
        <v>476</v>
      </c>
    </row>
    <row r="17" spans="1:4" ht="18" customHeight="1" x14ac:dyDescent="0.15">
      <c r="A17" s="5">
        <v>10</v>
      </c>
      <c r="B17" s="22">
        <v>39</v>
      </c>
      <c r="C17" s="14">
        <v>56</v>
      </c>
      <c r="D17" s="18">
        <v>95</v>
      </c>
    </row>
    <row r="18" spans="1:4" ht="18" customHeight="1" x14ac:dyDescent="0.15">
      <c r="A18" s="5">
        <v>11</v>
      </c>
      <c r="B18" s="22">
        <v>46</v>
      </c>
      <c r="C18" s="14">
        <v>60</v>
      </c>
      <c r="D18" s="18">
        <v>106</v>
      </c>
    </row>
    <row r="19" spans="1:4" ht="18" customHeight="1" x14ac:dyDescent="0.15">
      <c r="A19" s="5">
        <v>12</v>
      </c>
      <c r="B19" s="22">
        <v>52</v>
      </c>
      <c r="C19" s="14">
        <v>40</v>
      </c>
      <c r="D19" s="18">
        <v>92</v>
      </c>
    </row>
    <row r="20" spans="1:4" ht="18" customHeight="1" x14ac:dyDescent="0.15">
      <c r="A20" s="5">
        <v>13</v>
      </c>
      <c r="B20" s="22">
        <v>48</v>
      </c>
      <c r="C20" s="14">
        <v>57</v>
      </c>
      <c r="D20" s="18">
        <v>105</v>
      </c>
    </row>
    <row r="21" spans="1:4" ht="18" customHeight="1" x14ac:dyDescent="0.15">
      <c r="A21" s="5">
        <v>14</v>
      </c>
      <c r="B21" s="22">
        <v>45</v>
      </c>
      <c r="C21" s="14">
        <v>38</v>
      </c>
      <c r="D21" s="18">
        <v>83</v>
      </c>
    </row>
    <row r="22" spans="1:4" ht="18" customHeight="1" x14ac:dyDescent="0.15">
      <c r="A22" s="5" t="s">
        <v>12</v>
      </c>
      <c r="B22" s="22">
        <v>230</v>
      </c>
      <c r="C22" s="14">
        <v>251</v>
      </c>
      <c r="D22" s="18">
        <v>481</v>
      </c>
    </row>
    <row r="23" spans="1:4" ht="18" customHeight="1" x14ac:dyDescent="0.15">
      <c r="A23" s="5" t="s">
        <v>6</v>
      </c>
      <c r="B23" s="22">
        <v>702</v>
      </c>
      <c r="C23" s="14">
        <v>659</v>
      </c>
      <c r="D23" s="18">
        <v>1361</v>
      </c>
    </row>
    <row r="24" spans="1:4" ht="18" customHeight="1" x14ac:dyDescent="0.15">
      <c r="A24" s="5">
        <v>15</v>
      </c>
      <c r="B24" s="22">
        <v>53</v>
      </c>
      <c r="C24" s="14">
        <v>45</v>
      </c>
      <c r="D24" s="18">
        <v>98</v>
      </c>
    </row>
    <row r="25" spans="1:4" ht="18" customHeight="1" x14ac:dyDescent="0.15">
      <c r="A25" s="5">
        <v>16</v>
      </c>
      <c r="B25" s="22">
        <v>39</v>
      </c>
      <c r="C25" s="14">
        <v>52</v>
      </c>
      <c r="D25" s="18">
        <v>91</v>
      </c>
    </row>
    <row r="26" spans="1:4" ht="18" customHeight="1" x14ac:dyDescent="0.15">
      <c r="A26" s="5">
        <v>17</v>
      </c>
      <c r="B26" s="22">
        <v>61</v>
      </c>
      <c r="C26" s="14">
        <v>31</v>
      </c>
      <c r="D26" s="18">
        <v>92</v>
      </c>
    </row>
    <row r="27" spans="1:4" ht="18" customHeight="1" x14ac:dyDescent="0.15">
      <c r="A27" s="5">
        <v>18</v>
      </c>
      <c r="B27" s="22">
        <v>41</v>
      </c>
      <c r="C27" s="14">
        <v>53</v>
      </c>
      <c r="D27" s="18">
        <v>94</v>
      </c>
    </row>
    <row r="28" spans="1:4" ht="18" customHeight="1" x14ac:dyDescent="0.15">
      <c r="A28" s="5">
        <v>19</v>
      </c>
      <c r="B28" s="22">
        <v>40</v>
      </c>
      <c r="C28" s="14">
        <v>51</v>
      </c>
      <c r="D28" s="18">
        <v>91</v>
      </c>
    </row>
    <row r="29" spans="1:4" ht="18" customHeight="1" x14ac:dyDescent="0.15">
      <c r="A29" s="5" t="s">
        <v>14</v>
      </c>
      <c r="B29" s="22">
        <v>234</v>
      </c>
      <c r="C29" s="14">
        <v>232</v>
      </c>
      <c r="D29" s="18">
        <v>466</v>
      </c>
    </row>
    <row r="30" spans="1:4" ht="18" customHeight="1" x14ac:dyDescent="0.15">
      <c r="A30" s="5">
        <v>20</v>
      </c>
      <c r="B30" s="22">
        <v>51</v>
      </c>
      <c r="C30" s="14">
        <v>47</v>
      </c>
      <c r="D30" s="18">
        <v>98</v>
      </c>
    </row>
    <row r="31" spans="1:4" ht="18" customHeight="1" x14ac:dyDescent="0.15">
      <c r="A31" s="5">
        <v>21</v>
      </c>
      <c r="B31" s="22">
        <v>40</v>
      </c>
      <c r="C31" s="14">
        <v>58</v>
      </c>
      <c r="D31" s="18">
        <v>98</v>
      </c>
    </row>
    <row r="32" spans="1:4" ht="18" customHeight="1" x14ac:dyDescent="0.15">
      <c r="A32" s="5">
        <v>22</v>
      </c>
      <c r="B32" s="22">
        <v>51</v>
      </c>
      <c r="C32" s="14">
        <v>40</v>
      </c>
      <c r="D32" s="18">
        <v>91</v>
      </c>
    </row>
    <row r="33" spans="1:4" ht="18" customHeight="1" x14ac:dyDescent="0.15">
      <c r="A33" s="5">
        <v>23</v>
      </c>
      <c r="B33" s="22">
        <v>54</v>
      </c>
      <c r="C33" s="14">
        <v>57</v>
      </c>
      <c r="D33" s="18">
        <v>111</v>
      </c>
    </row>
    <row r="34" spans="1:4" ht="18" customHeight="1" x14ac:dyDescent="0.15">
      <c r="A34" s="5">
        <v>24</v>
      </c>
      <c r="B34" s="22">
        <v>60</v>
      </c>
      <c r="C34" s="14">
        <v>64</v>
      </c>
      <c r="D34" s="18">
        <v>124</v>
      </c>
    </row>
    <row r="35" spans="1:4" ht="18" customHeight="1" x14ac:dyDescent="0.15">
      <c r="A35" s="5" t="s">
        <v>9</v>
      </c>
      <c r="B35" s="22">
        <v>256</v>
      </c>
      <c r="C35" s="14">
        <v>266</v>
      </c>
      <c r="D35" s="18">
        <v>522</v>
      </c>
    </row>
    <row r="36" spans="1:4" ht="18" customHeight="1" x14ac:dyDescent="0.15">
      <c r="A36" s="5">
        <v>25</v>
      </c>
      <c r="B36" s="22">
        <v>47</v>
      </c>
      <c r="C36" s="14">
        <v>54</v>
      </c>
      <c r="D36" s="18">
        <v>101</v>
      </c>
    </row>
    <row r="37" spans="1:4" ht="18" customHeight="1" x14ac:dyDescent="0.15">
      <c r="A37" s="5">
        <v>26</v>
      </c>
      <c r="B37" s="22">
        <v>57</v>
      </c>
      <c r="C37" s="14">
        <v>52</v>
      </c>
      <c r="D37" s="18">
        <v>109</v>
      </c>
    </row>
    <row r="38" spans="1:4" ht="18" customHeight="1" x14ac:dyDescent="0.15">
      <c r="A38" s="5">
        <v>27</v>
      </c>
      <c r="B38" s="22">
        <v>45</v>
      </c>
      <c r="C38" s="14">
        <v>55</v>
      </c>
      <c r="D38" s="18">
        <v>100</v>
      </c>
    </row>
    <row r="39" spans="1:4" ht="18" customHeight="1" x14ac:dyDescent="0.15">
      <c r="A39" s="5">
        <v>28</v>
      </c>
      <c r="B39" s="22">
        <v>68</v>
      </c>
      <c r="C39" s="14">
        <v>68</v>
      </c>
      <c r="D39" s="18">
        <v>136</v>
      </c>
    </row>
    <row r="40" spans="1:4" ht="18" customHeight="1" x14ac:dyDescent="0.15">
      <c r="A40" s="5">
        <v>29</v>
      </c>
      <c r="B40" s="22">
        <v>70</v>
      </c>
      <c r="C40" s="14">
        <v>78</v>
      </c>
      <c r="D40" s="18">
        <v>148</v>
      </c>
    </row>
    <row r="41" spans="1:4" ht="18" customHeight="1" x14ac:dyDescent="0.15">
      <c r="A41" s="5" t="s">
        <v>2</v>
      </c>
      <c r="B41" s="22">
        <v>287</v>
      </c>
      <c r="C41" s="14">
        <v>307</v>
      </c>
      <c r="D41" s="18">
        <v>594</v>
      </c>
    </row>
    <row r="42" spans="1:4" ht="18" customHeight="1" x14ac:dyDescent="0.15">
      <c r="A42" s="5">
        <v>30</v>
      </c>
      <c r="B42" s="22">
        <v>76</v>
      </c>
      <c r="C42" s="14">
        <v>79</v>
      </c>
      <c r="D42" s="18">
        <v>155</v>
      </c>
    </row>
    <row r="43" spans="1:4" ht="18" customHeight="1" x14ac:dyDescent="0.15">
      <c r="A43" s="5">
        <v>31</v>
      </c>
      <c r="B43" s="22">
        <v>77</v>
      </c>
      <c r="C43" s="14">
        <v>72</v>
      </c>
      <c r="D43" s="18">
        <v>149</v>
      </c>
    </row>
    <row r="44" spans="1:4" ht="18" customHeight="1" x14ac:dyDescent="0.15">
      <c r="A44" s="5">
        <v>32</v>
      </c>
      <c r="B44" s="22">
        <v>69</v>
      </c>
      <c r="C44" s="14">
        <v>61</v>
      </c>
      <c r="D44" s="18">
        <v>130</v>
      </c>
    </row>
    <row r="45" spans="1:4" ht="18" customHeight="1" x14ac:dyDescent="0.15">
      <c r="A45" s="5">
        <v>33</v>
      </c>
      <c r="B45" s="22">
        <v>60</v>
      </c>
      <c r="C45" s="14">
        <v>54</v>
      </c>
      <c r="D45" s="18">
        <v>114</v>
      </c>
    </row>
    <row r="46" spans="1:4" ht="18" customHeight="1" x14ac:dyDescent="0.15">
      <c r="A46" s="5">
        <v>34</v>
      </c>
      <c r="B46" s="22">
        <v>67</v>
      </c>
      <c r="C46" s="14">
        <v>64</v>
      </c>
      <c r="D46" s="18">
        <v>131</v>
      </c>
    </row>
    <row r="47" spans="1:4" ht="18" customHeight="1" x14ac:dyDescent="0.15">
      <c r="A47" s="5" t="s">
        <v>15</v>
      </c>
      <c r="B47" s="22">
        <v>349</v>
      </c>
      <c r="C47" s="14">
        <v>330</v>
      </c>
      <c r="D47" s="18">
        <v>679</v>
      </c>
    </row>
    <row r="48" spans="1:4" ht="18" customHeight="1" x14ac:dyDescent="0.15">
      <c r="A48" s="5">
        <v>35</v>
      </c>
      <c r="B48" s="22">
        <v>58</v>
      </c>
      <c r="C48" s="14">
        <v>60</v>
      </c>
      <c r="D48" s="18">
        <v>118</v>
      </c>
    </row>
    <row r="49" spans="1:4" ht="18" customHeight="1" x14ac:dyDescent="0.15">
      <c r="A49" s="5">
        <v>36</v>
      </c>
      <c r="B49" s="22">
        <v>70</v>
      </c>
      <c r="C49" s="14">
        <v>62</v>
      </c>
      <c r="D49" s="18">
        <v>132</v>
      </c>
    </row>
    <row r="50" spans="1:4" ht="18" customHeight="1" x14ac:dyDescent="0.15">
      <c r="A50" s="5">
        <v>37</v>
      </c>
      <c r="B50" s="22">
        <v>73</v>
      </c>
      <c r="C50" s="14">
        <v>68</v>
      </c>
      <c r="D50" s="18">
        <v>141</v>
      </c>
    </row>
    <row r="51" spans="1:4" ht="18" customHeight="1" x14ac:dyDescent="0.15">
      <c r="A51" s="5">
        <v>38</v>
      </c>
      <c r="B51" s="22">
        <v>67</v>
      </c>
      <c r="C51" s="14">
        <v>67</v>
      </c>
      <c r="D51" s="18">
        <v>134</v>
      </c>
    </row>
    <row r="52" spans="1:4" ht="18" customHeight="1" x14ac:dyDescent="0.15">
      <c r="A52" s="5">
        <v>39</v>
      </c>
      <c r="B52" s="22">
        <v>65</v>
      </c>
      <c r="C52" s="14">
        <v>74</v>
      </c>
      <c r="D52" s="18">
        <v>139</v>
      </c>
    </row>
    <row r="53" spans="1:4" ht="18" customHeight="1" x14ac:dyDescent="0.15">
      <c r="A53" s="5" t="s">
        <v>18</v>
      </c>
      <c r="B53" s="22">
        <v>333</v>
      </c>
      <c r="C53" s="14">
        <v>331</v>
      </c>
      <c r="D53" s="18">
        <v>664</v>
      </c>
    </row>
    <row r="54" spans="1:4" ht="18" customHeight="1" x14ac:dyDescent="0.15">
      <c r="A54" s="5">
        <v>40</v>
      </c>
      <c r="B54" s="22">
        <v>83</v>
      </c>
      <c r="C54" s="14">
        <v>68</v>
      </c>
      <c r="D54" s="18">
        <v>151</v>
      </c>
    </row>
    <row r="55" spans="1:4" ht="18" customHeight="1" x14ac:dyDescent="0.15">
      <c r="A55" s="5">
        <v>41</v>
      </c>
      <c r="B55" s="22">
        <v>88</v>
      </c>
      <c r="C55" s="14">
        <v>69</v>
      </c>
      <c r="D55" s="18">
        <v>157</v>
      </c>
    </row>
    <row r="56" spans="1:4" ht="18" customHeight="1" x14ac:dyDescent="0.15">
      <c r="A56" s="5">
        <v>42</v>
      </c>
      <c r="B56" s="22">
        <v>65</v>
      </c>
      <c r="C56" s="14">
        <v>64</v>
      </c>
      <c r="D56" s="18">
        <v>129</v>
      </c>
    </row>
    <row r="57" spans="1:4" ht="18" customHeight="1" x14ac:dyDescent="0.15">
      <c r="A57" s="5">
        <v>43</v>
      </c>
      <c r="B57" s="22">
        <v>79</v>
      </c>
      <c r="C57" s="14">
        <v>73</v>
      </c>
      <c r="D57" s="18">
        <v>152</v>
      </c>
    </row>
    <row r="58" spans="1:4" ht="18" customHeight="1" x14ac:dyDescent="0.15">
      <c r="A58" s="5">
        <v>44</v>
      </c>
      <c r="B58" s="22">
        <v>74</v>
      </c>
      <c r="C58" s="14">
        <v>69</v>
      </c>
      <c r="D58" s="18">
        <v>143</v>
      </c>
    </row>
    <row r="59" spans="1:4" ht="18" customHeight="1" x14ac:dyDescent="0.15">
      <c r="A59" s="5" t="s">
        <v>21</v>
      </c>
      <c r="B59" s="22">
        <v>389</v>
      </c>
      <c r="C59" s="14">
        <v>343</v>
      </c>
      <c r="D59" s="18">
        <v>732</v>
      </c>
    </row>
    <row r="60" spans="1:4" ht="18" customHeight="1" x14ac:dyDescent="0.15">
      <c r="A60" s="5">
        <v>45</v>
      </c>
      <c r="B60" s="22">
        <v>76</v>
      </c>
      <c r="C60" s="14">
        <v>86</v>
      </c>
      <c r="D60" s="18">
        <v>162</v>
      </c>
    </row>
    <row r="61" spans="1:4" ht="18" customHeight="1" x14ac:dyDescent="0.15">
      <c r="A61" s="5">
        <v>46</v>
      </c>
      <c r="B61" s="22">
        <v>66</v>
      </c>
      <c r="C61" s="14">
        <v>59</v>
      </c>
      <c r="D61" s="18">
        <v>125</v>
      </c>
    </row>
    <row r="62" spans="1:4" ht="18" customHeight="1" x14ac:dyDescent="0.15">
      <c r="A62" s="5">
        <v>47</v>
      </c>
      <c r="B62" s="22">
        <v>98</v>
      </c>
      <c r="C62" s="14">
        <v>95</v>
      </c>
      <c r="D62" s="18">
        <v>193</v>
      </c>
    </row>
    <row r="63" spans="1:4" ht="18" customHeight="1" x14ac:dyDescent="0.15">
      <c r="A63" s="5">
        <v>48</v>
      </c>
      <c r="B63" s="22">
        <v>69</v>
      </c>
      <c r="C63" s="14">
        <v>87</v>
      </c>
      <c r="D63" s="18">
        <v>156</v>
      </c>
    </row>
    <row r="64" spans="1:4" ht="18" customHeight="1" x14ac:dyDescent="0.15">
      <c r="A64" s="5">
        <v>49</v>
      </c>
      <c r="B64" s="22">
        <v>91</v>
      </c>
      <c r="C64" s="14">
        <v>83</v>
      </c>
      <c r="D64" s="18">
        <v>174</v>
      </c>
    </row>
    <row r="65" spans="1:4" ht="18" customHeight="1" x14ac:dyDescent="0.15">
      <c r="A65" s="5" t="s">
        <v>17</v>
      </c>
      <c r="B65" s="22">
        <v>400</v>
      </c>
      <c r="C65" s="14">
        <v>410</v>
      </c>
      <c r="D65" s="18">
        <v>810</v>
      </c>
    </row>
    <row r="66" spans="1:4" ht="18" customHeight="1" x14ac:dyDescent="0.15">
      <c r="A66" s="5">
        <v>50</v>
      </c>
      <c r="B66" s="22">
        <v>114</v>
      </c>
      <c r="C66" s="14">
        <v>87</v>
      </c>
      <c r="D66" s="18">
        <v>201</v>
      </c>
    </row>
    <row r="67" spans="1:4" ht="18" customHeight="1" x14ac:dyDescent="0.15">
      <c r="A67" s="5">
        <v>51</v>
      </c>
      <c r="B67" s="22">
        <v>106</v>
      </c>
      <c r="C67" s="14">
        <v>92</v>
      </c>
      <c r="D67" s="18">
        <v>198</v>
      </c>
    </row>
    <row r="68" spans="1:4" ht="18" customHeight="1" x14ac:dyDescent="0.15">
      <c r="A68" s="5">
        <v>52</v>
      </c>
      <c r="B68" s="22">
        <v>91</v>
      </c>
      <c r="C68" s="14">
        <v>78</v>
      </c>
      <c r="D68" s="18">
        <v>169</v>
      </c>
    </row>
    <row r="69" spans="1:4" ht="18" customHeight="1" x14ac:dyDescent="0.15">
      <c r="A69" s="5">
        <v>53</v>
      </c>
      <c r="B69" s="22">
        <v>93</v>
      </c>
      <c r="C69" s="14">
        <v>96</v>
      </c>
      <c r="D69" s="18">
        <v>189</v>
      </c>
    </row>
    <row r="70" spans="1:4" ht="18" customHeight="1" x14ac:dyDescent="0.15">
      <c r="A70" s="5">
        <v>54</v>
      </c>
      <c r="B70" s="22">
        <v>102</v>
      </c>
      <c r="C70" s="14">
        <v>78</v>
      </c>
      <c r="D70" s="18">
        <v>180</v>
      </c>
    </row>
    <row r="71" spans="1:4" ht="18" customHeight="1" x14ac:dyDescent="0.15">
      <c r="A71" s="5" t="s">
        <v>22</v>
      </c>
      <c r="B71" s="22">
        <v>506</v>
      </c>
      <c r="C71" s="14">
        <v>431</v>
      </c>
      <c r="D71" s="18">
        <v>937</v>
      </c>
    </row>
    <row r="72" spans="1:4" ht="18" customHeight="1" x14ac:dyDescent="0.15">
      <c r="A72" s="5">
        <v>55</v>
      </c>
      <c r="B72" s="22">
        <v>82</v>
      </c>
      <c r="C72" s="14">
        <v>81</v>
      </c>
      <c r="D72" s="18">
        <v>163</v>
      </c>
    </row>
    <row r="73" spans="1:4" ht="18" customHeight="1" x14ac:dyDescent="0.15">
      <c r="A73" s="5">
        <v>56</v>
      </c>
      <c r="B73" s="22">
        <v>83</v>
      </c>
      <c r="C73" s="14">
        <v>80</v>
      </c>
      <c r="D73" s="18">
        <v>163</v>
      </c>
    </row>
    <row r="74" spans="1:4" ht="18" customHeight="1" x14ac:dyDescent="0.15">
      <c r="A74" s="5">
        <v>57</v>
      </c>
      <c r="B74" s="22">
        <v>66</v>
      </c>
      <c r="C74" s="14">
        <v>68</v>
      </c>
      <c r="D74" s="18">
        <v>134</v>
      </c>
    </row>
    <row r="75" spans="1:4" ht="18" customHeight="1" x14ac:dyDescent="0.15">
      <c r="A75" s="5">
        <v>58</v>
      </c>
      <c r="B75" s="22">
        <v>91</v>
      </c>
      <c r="C75" s="14">
        <v>84</v>
      </c>
      <c r="D75" s="18">
        <v>175</v>
      </c>
    </row>
    <row r="76" spans="1:4" ht="18" customHeight="1" x14ac:dyDescent="0.15">
      <c r="A76" s="5">
        <v>59</v>
      </c>
      <c r="B76" s="22">
        <v>46</v>
      </c>
      <c r="C76" s="14">
        <v>59</v>
      </c>
      <c r="D76" s="18">
        <v>105</v>
      </c>
    </row>
    <row r="77" spans="1:4" ht="18" customHeight="1" x14ac:dyDescent="0.15">
      <c r="A77" s="5" t="s">
        <v>27</v>
      </c>
      <c r="B77" s="22">
        <v>368</v>
      </c>
      <c r="C77" s="14">
        <v>372</v>
      </c>
      <c r="D77" s="18">
        <v>740</v>
      </c>
    </row>
    <row r="78" spans="1:4" ht="18" customHeight="1" x14ac:dyDescent="0.15">
      <c r="A78" s="5">
        <v>60</v>
      </c>
      <c r="B78" s="22">
        <v>58</v>
      </c>
      <c r="C78" s="14">
        <v>72</v>
      </c>
      <c r="D78" s="18">
        <v>130</v>
      </c>
    </row>
    <row r="79" spans="1:4" ht="18" customHeight="1" x14ac:dyDescent="0.15">
      <c r="A79" s="5">
        <v>61</v>
      </c>
      <c r="B79" s="22">
        <v>57</v>
      </c>
      <c r="C79" s="14">
        <v>69</v>
      </c>
      <c r="D79" s="18">
        <v>126</v>
      </c>
    </row>
    <row r="80" spans="1:4" ht="18" customHeight="1" x14ac:dyDescent="0.15">
      <c r="A80" s="5">
        <v>62</v>
      </c>
      <c r="B80" s="22">
        <v>75</v>
      </c>
      <c r="C80" s="14">
        <v>61</v>
      </c>
      <c r="D80" s="18">
        <v>136</v>
      </c>
    </row>
    <row r="81" spans="1:4" ht="18" customHeight="1" x14ac:dyDescent="0.15">
      <c r="A81" s="5">
        <v>63</v>
      </c>
      <c r="B81" s="22">
        <v>61</v>
      </c>
      <c r="C81" s="14">
        <v>66</v>
      </c>
      <c r="D81" s="18">
        <v>127</v>
      </c>
    </row>
    <row r="82" spans="1:4" ht="18" customHeight="1" x14ac:dyDescent="0.15">
      <c r="A82" s="5">
        <v>64</v>
      </c>
      <c r="B82" s="22">
        <v>52</v>
      </c>
      <c r="C82" s="14">
        <v>64</v>
      </c>
      <c r="D82" s="18">
        <v>116</v>
      </c>
    </row>
    <row r="83" spans="1:4" ht="18" customHeight="1" x14ac:dyDescent="0.15">
      <c r="A83" s="5" t="s">
        <v>28</v>
      </c>
      <c r="B83" s="22">
        <v>303</v>
      </c>
      <c r="C83" s="14">
        <v>332</v>
      </c>
      <c r="D83" s="18">
        <v>635</v>
      </c>
    </row>
    <row r="84" spans="1:4" ht="18" customHeight="1" x14ac:dyDescent="0.15">
      <c r="A84" s="5" t="s">
        <v>31</v>
      </c>
      <c r="B84" s="22">
        <v>3425</v>
      </c>
      <c r="C84" s="14">
        <v>3354</v>
      </c>
      <c r="D84" s="18">
        <v>6779</v>
      </c>
    </row>
    <row r="85" spans="1:4" ht="18" customHeight="1" x14ac:dyDescent="0.15">
      <c r="A85" s="5">
        <v>65</v>
      </c>
      <c r="B85" s="22">
        <v>64</v>
      </c>
      <c r="C85" s="14">
        <v>57</v>
      </c>
      <c r="D85" s="18">
        <v>121</v>
      </c>
    </row>
    <row r="86" spans="1:4" ht="18" customHeight="1" x14ac:dyDescent="0.15">
      <c r="A86" s="5">
        <v>66</v>
      </c>
      <c r="B86" s="22">
        <v>64</v>
      </c>
      <c r="C86" s="14">
        <v>49</v>
      </c>
      <c r="D86" s="18">
        <v>113</v>
      </c>
    </row>
    <row r="87" spans="1:4" ht="18" customHeight="1" x14ac:dyDescent="0.15">
      <c r="A87" s="5">
        <v>67</v>
      </c>
      <c r="B87" s="22">
        <v>64</v>
      </c>
      <c r="C87" s="14">
        <v>68</v>
      </c>
      <c r="D87" s="18">
        <v>132</v>
      </c>
    </row>
    <row r="88" spans="1:4" ht="18" customHeight="1" x14ac:dyDescent="0.15">
      <c r="A88" s="5">
        <v>68</v>
      </c>
      <c r="B88" s="22">
        <v>54</v>
      </c>
      <c r="C88" s="14">
        <v>61</v>
      </c>
      <c r="D88" s="18">
        <v>115</v>
      </c>
    </row>
    <row r="89" spans="1:4" ht="18" customHeight="1" x14ac:dyDescent="0.15">
      <c r="A89" s="5">
        <v>69</v>
      </c>
      <c r="B89" s="22">
        <v>46</v>
      </c>
      <c r="C89" s="14">
        <v>70</v>
      </c>
      <c r="D89" s="18">
        <v>116</v>
      </c>
    </row>
    <row r="90" spans="1:4" ht="18" customHeight="1" x14ac:dyDescent="0.15">
      <c r="A90" s="5" t="s">
        <v>20</v>
      </c>
      <c r="B90" s="22">
        <v>292</v>
      </c>
      <c r="C90" s="14">
        <v>305</v>
      </c>
      <c r="D90" s="18">
        <v>597</v>
      </c>
    </row>
    <row r="91" spans="1:4" ht="18" customHeight="1" x14ac:dyDescent="0.15">
      <c r="A91" s="5">
        <v>70</v>
      </c>
      <c r="B91" s="22">
        <v>57</v>
      </c>
      <c r="C91" s="14">
        <v>67</v>
      </c>
      <c r="D91" s="18">
        <v>124</v>
      </c>
    </row>
    <row r="92" spans="1:4" ht="18" customHeight="1" x14ac:dyDescent="0.15">
      <c r="A92" s="5">
        <v>71</v>
      </c>
      <c r="B92" s="22">
        <v>69</v>
      </c>
      <c r="C92" s="14">
        <v>68</v>
      </c>
      <c r="D92" s="18">
        <v>137</v>
      </c>
    </row>
    <row r="93" spans="1:4" ht="18" customHeight="1" x14ac:dyDescent="0.15">
      <c r="A93" s="5">
        <v>72</v>
      </c>
      <c r="B93" s="22">
        <v>52</v>
      </c>
      <c r="C93" s="14">
        <v>69</v>
      </c>
      <c r="D93" s="18">
        <v>121</v>
      </c>
    </row>
    <row r="94" spans="1:4" ht="18" customHeight="1" x14ac:dyDescent="0.15">
      <c r="A94" s="5">
        <v>73</v>
      </c>
      <c r="B94" s="22">
        <v>69</v>
      </c>
      <c r="C94" s="14">
        <v>56</v>
      </c>
      <c r="D94" s="18">
        <v>125</v>
      </c>
    </row>
    <row r="95" spans="1:4" ht="18" customHeight="1" x14ac:dyDescent="0.15">
      <c r="A95" s="5">
        <v>74</v>
      </c>
      <c r="B95" s="22">
        <v>42</v>
      </c>
      <c r="C95" s="14">
        <v>89</v>
      </c>
      <c r="D95" s="18">
        <v>131</v>
      </c>
    </row>
    <row r="96" spans="1:4" ht="18" customHeight="1" x14ac:dyDescent="0.15">
      <c r="A96" s="5" t="s">
        <v>33</v>
      </c>
      <c r="B96" s="22">
        <v>289</v>
      </c>
      <c r="C96" s="14">
        <v>349</v>
      </c>
      <c r="D96" s="18">
        <v>638</v>
      </c>
    </row>
    <row r="97" spans="1:4" ht="18" customHeight="1" x14ac:dyDescent="0.15">
      <c r="A97" s="5">
        <v>75</v>
      </c>
      <c r="B97" s="22">
        <v>70</v>
      </c>
      <c r="C97" s="14">
        <v>99</v>
      </c>
      <c r="D97" s="18">
        <v>169</v>
      </c>
    </row>
    <row r="98" spans="1:4" ht="18" customHeight="1" x14ac:dyDescent="0.15">
      <c r="A98" s="5">
        <v>76</v>
      </c>
      <c r="B98" s="22">
        <v>65</v>
      </c>
      <c r="C98" s="14">
        <v>97</v>
      </c>
      <c r="D98" s="18">
        <v>162</v>
      </c>
    </row>
    <row r="99" spans="1:4" ht="18" customHeight="1" x14ac:dyDescent="0.15">
      <c r="A99" s="5">
        <v>77</v>
      </c>
      <c r="B99" s="22">
        <v>72</v>
      </c>
      <c r="C99" s="14">
        <v>106</v>
      </c>
      <c r="D99" s="18">
        <v>178</v>
      </c>
    </row>
    <row r="100" spans="1:4" ht="18" customHeight="1" x14ac:dyDescent="0.15">
      <c r="A100" s="5">
        <v>78</v>
      </c>
      <c r="B100" s="22">
        <v>70</v>
      </c>
      <c r="C100" s="14">
        <v>91</v>
      </c>
      <c r="D100" s="18">
        <v>161</v>
      </c>
    </row>
    <row r="101" spans="1:4" ht="18" customHeight="1" x14ac:dyDescent="0.15">
      <c r="A101" s="5">
        <v>79</v>
      </c>
      <c r="B101" s="22">
        <v>49</v>
      </c>
      <c r="C101" s="14">
        <v>94</v>
      </c>
      <c r="D101" s="18">
        <v>143</v>
      </c>
    </row>
    <row r="102" spans="1:4" ht="18" customHeight="1" x14ac:dyDescent="0.15">
      <c r="A102" s="5" t="s">
        <v>0</v>
      </c>
      <c r="B102" s="22">
        <v>326</v>
      </c>
      <c r="C102" s="14">
        <v>487</v>
      </c>
      <c r="D102" s="18">
        <v>813</v>
      </c>
    </row>
    <row r="103" spans="1:4" ht="18" customHeight="1" x14ac:dyDescent="0.15">
      <c r="A103" s="5">
        <v>80</v>
      </c>
      <c r="B103" s="22">
        <v>37</v>
      </c>
      <c r="C103" s="14">
        <v>59</v>
      </c>
      <c r="D103" s="18">
        <v>96</v>
      </c>
    </row>
    <row r="104" spans="1:4" ht="18" customHeight="1" x14ac:dyDescent="0.15">
      <c r="A104" s="5">
        <v>81</v>
      </c>
      <c r="B104" s="22">
        <v>55</v>
      </c>
      <c r="C104" s="14">
        <v>78</v>
      </c>
      <c r="D104" s="18">
        <v>133</v>
      </c>
    </row>
    <row r="105" spans="1:4" ht="18" customHeight="1" x14ac:dyDescent="0.15">
      <c r="A105" s="5">
        <v>82</v>
      </c>
      <c r="B105" s="22">
        <v>61</v>
      </c>
      <c r="C105" s="14">
        <v>72</v>
      </c>
      <c r="D105" s="18">
        <v>133</v>
      </c>
    </row>
    <row r="106" spans="1:4" ht="18" customHeight="1" x14ac:dyDescent="0.15">
      <c r="A106" s="5">
        <v>83</v>
      </c>
      <c r="B106" s="22">
        <v>44</v>
      </c>
      <c r="C106" s="14">
        <v>84</v>
      </c>
      <c r="D106" s="18">
        <v>128</v>
      </c>
    </row>
    <row r="107" spans="1:4" ht="18" customHeight="1" x14ac:dyDescent="0.15">
      <c r="A107" s="5">
        <v>84</v>
      </c>
      <c r="B107" s="22">
        <v>50</v>
      </c>
      <c r="C107" s="14">
        <v>91</v>
      </c>
      <c r="D107" s="18">
        <v>141</v>
      </c>
    </row>
    <row r="108" spans="1:4" ht="18" customHeight="1" x14ac:dyDescent="0.15">
      <c r="A108" s="5" t="s">
        <v>35</v>
      </c>
      <c r="B108" s="22">
        <v>247</v>
      </c>
      <c r="C108" s="14">
        <v>384</v>
      </c>
      <c r="D108" s="18">
        <v>631</v>
      </c>
    </row>
    <row r="109" spans="1:4" ht="18" customHeight="1" x14ac:dyDescent="0.15">
      <c r="A109" s="5">
        <v>85</v>
      </c>
      <c r="B109" s="22">
        <v>38</v>
      </c>
      <c r="C109" s="14">
        <v>52</v>
      </c>
      <c r="D109" s="18">
        <v>90</v>
      </c>
    </row>
    <row r="110" spans="1:4" ht="18" customHeight="1" x14ac:dyDescent="0.15">
      <c r="A110" s="5">
        <v>86</v>
      </c>
      <c r="B110" s="22">
        <v>39</v>
      </c>
      <c r="C110" s="14">
        <v>51</v>
      </c>
      <c r="D110" s="18">
        <v>90</v>
      </c>
    </row>
    <row r="111" spans="1:4" ht="18" customHeight="1" x14ac:dyDescent="0.15">
      <c r="A111" s="5">
        <v>87</v>
      </c>
      <c r="B111" s="22">
        <v>22</v>
      </c>
      <c r="C111" s="14">
        <v>48</v>
      </c>
      <c r="D111" s="18">
        <v>70</v>
      </c>
    </row>
    <row r="112" spans="1:4" ht="18" customHeight="1" x14ac:dyDescent="0.15">
      <c r="A112" s="5">
        <v>88</v>
      </c>
      <c r="B112" s="22">
        <v>17</v>
      </c>
      <c r="C112" s="14">
        <v>49</v>
      </c>
      <c r="D112" s="18">
        <v>66</v>
      </c>
    </row>
    <row r="113" spans="1:4" ht="18" customHeight="1" x14ac:dyDescent="0.15">
      <c r="A113" s="5">
        <v>89</v>
      </c>
      <c r="B113" s="22">
        <v>20</v>
      </c>
      <c r="C113" s="14">
        <v>41</v>
      </c>
      <c r="D113" s="18">
        <v>61</v>
      </c>
    </row>
    <row r="114" spans="1:4" ht="18" customHeight="1" x14ac:dyDescent="0.15">
      <c r="A114" s="5" t="s">
        <v>37</v>
      </c>
      <c r="B114" s="22">
        <v>136</v>
      </c>
      <c r="C114" s="14">
        <v>241</v>
      </c>
      <c r="D114" s="18">
        <v>377</v>
      </c>
    </row>
    <row r="115" spans="1:4" ht="18" customHeight="1" x14ac:dyDescent="0.15">
      <c r="A115" s="5">
        <v>90</v>
      </c>
      <c r="B115" s="22">
        <v>24</v>
      </c>
      <c r="C115" s="14">
        <v>42</v>
      </c>
      <c r="D115" s="18">
        <v>66</v>
      </c>
    </row>
    <row r="116" spans="1:4" ht="18" customHeight="1" x14ac:dyDescent="0.15">
      <c r="A116" s="5">
        <v>91</v>
      </c>
      <c r="B116" s="22">
        <v>15</v>
      </c>
      <c r="C116" s="14">
        <v>27</v>
      </c>
      <c r="D116" s="18">
        <v>42</v>
      </c>
    </row>
    <row r="117" spans="1:4" ht="18" customHeight="1" x14ac:dyDescent="0.15">
      <c r="A117" s="5">
        <v>92</v>
      </c>
      <c r="B117" s="22">
        <v>12</v>
      </c>
      <c r="C117" s="14">
        <v>24</v>
      </c>
      <c r="D117" s="18">
        <v>36</v>
      </c>
    </row>
    <row r="118" spans="1:4" ht="18" customHeight="1" x14ac:dyDescent="0.15">
      <c r="A118" s="5">
        <v>93</v>
      </c>
      <c r="B118" s="22">
        <v>14</v>
      </c>
      <c r="C118" s="14">
        <v>27</v>
      </c>
      <c r="D118" s="18">
        <v>41</v>
      </c>
    </row>
    <row r="119" spans="1:4" ht="18" customHeight="1" x14ac:dyDescent="0.15">
      <c r="A119" s="5">
        <v>94</v>
      </c>
      <c r="B119" s="22">
        <v>4</v>
      </c>
      <c r="C119" s="14">
        <v>26</v>
      </c>
      <c r="D119" s="18">
        <v>30</v>
      </c>
    </row>
    <row r="120" spans="1:4" ht="18" customHeight="1" x14ac:dyDescent="0.15">
      <c r="A120" s="5" t="s">
        <v>39</v>
      </c>
      <c r="B120" s="22">
        <v>69</v>
      </c>
      <c r="C120" s="14">
        <v>146</v>
      </c>
      <c r="D120" s="18">
        <v>215</v>
      </c>
    </row>
    <row r="121" spans="1:4" ht="18" customHeight="1" x14ac:dyDescent="0.15">
      <c r="A121" s="5">
        <v>95</v>
      </c>
      <c r="B121" s="22">
        <v>4</v>
      </c>
      <c r="C121" s="14">
        <v>21</v>
      </c>
      <c r="D121" s="18">
        <v>25</v>
      </c>
    </row>
    <row r="122" spans="1:4" ht="18" customHeight="1" x14ac:dyDescent="0.15">
      <c r="A122" s="5">
        <v>96</v>
      </c>
      <c r="B122" s="22">
        <v>4</v>
      </c>
      <c r="C122" s="14">
        <v>10</v>
      </c>
      <c r="D122" s="18">
        <v>14</v>
      </c>
    </row>
    <row r="123" spans="1:4" ht="18" customHeight="1" x14ac:dyDescent="0.15">
      <c r="A123" s="5">
        <v>97</v>
      </c>
      <c r="B123" s="22">
        <v>3</v>
      </c>
      <c r="C123" s="14">
        <v>11</v>
      </c>
      <c r="D123" s="18">
        <v>14</v>
      </c>
    </row>
    <row r="124" spans="1:4" ht="18" customHeight="1" x14ac:dyDescent="0.15">
      <c r="A124" s="5">
        <v>98</v>
      </c>
      <c r="B124" s="22">
        <v>3</v>
      </c>
      <c r="C124" s="14">
        <v>7</v>
      </c>
      <c r="D124" s="18">
        <v>10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14</v>
      </c>
      <c r="C126" s="14">
        <v>51</v>
      </c>
      <c r="D126" s="18">
        <v>65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1373</v>
      </c>
      <c r="C130" s="14">
        <v>1967</v>
      </c>
      <c r="D130" s="18">
        <v>3340</v>
      </c>
    </row>
    <row r="131" spans="1:4" ht="18" customHeight="1" x14ac:dyDescent="0.15">
      <c r="A131" s="7" t="s">
        <v>45</v>
      </c>
      <c r="B131" s="23">
        <v>5500</v>
      </c>
      <c r="C131" s="15">
        <v>5980</v>
      </c>
      <c r="D131" s="19">
        <v>1148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B00-000000000000}">
  <sheetPr codeName="Sheet3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7</v>
      </c>
      <c r="C5" s="13">
        <v>41</v>
      </c>
      <c r="D5" s="17">
        <v>78</v>
      </c>
    </row>
    <row r="6" spans="1:4" ht="18" customHeight="1" x14ac:dyDescent="0.15">
      <c r="A6" s="5">
        <v>1</v>
      </c>
      <c r="B6" s="22">
        <v>36</v>
      </c>
      <c r="C6" s="14">
        <v>34</v>
      </c>
      <c r="D6" s="18">
        <v>70</v>
      </c>
    </row>
    <row r="7" spans="1:4" ht="18" customHeight="1" x14ac:dyDescent="0.15">
      <c r="A7" s="5">
        <v>2</v>
      </c>
      <c r="B7" s="22">
        <v>40</v>
      </c>
      <c r="C7" s="14">
        <v>28</v>
      </c>
      <c r="D7" s="18">
        <v>68</v>
      </c>
    </row>
    <row r="8" spans="1:4" ht="18" customHeight="1" x14ac:dyDescent="0.15">
      <c r="A8" s="5">
        <v>3</v>
      </c>
      <c r="B8" s="22">
        <v>39</v>
      </c>
      <c r="C8" s="14">
        <v>25</v>
      </c>
      <c r="D8" s="18">
        <v>64</v>
      </c>
    </row>
    <row r="9" spans="1:4" ht="18" customHeight="1" x14ac:dyDescent="0.15">
      <c r="A9" s="5">
        <v>4</v>
      </c>
      <c r="B9" s="22">
        <v>32</v>
      </c>
      <c r="C9" s="14">
        <v>44</v>
      </c>
      <c r="D9" s="18">
        <v>76</v>
      </c>
    </row>
    <row r="10" spans="1:4" ht="18" customHeight="1" x14ac:dyDescent="0.15">
      <c r="A10" s="5" t="s">
        <v>7</v>
      </c>
      <c r="B10" s="22">
        <v>184</v>
      </c>
      <c r="C10" s="14">
        <v>172</v>
      </c>
      <c r="D10" s="18">
        <v>356</v>
      </c>
    </row>
    <row r="11" spans="1:4" ht="18" customHeight="1" x14ac:dyDescent="0.15">
      <c r="A11" s="5">
        <v>5</v>
      </c>
      <c r="B11" s="22">
        <v>31</v>
      </c>
      <c r="C11" s="14">
        <v>43</v>
      </c>
      <c r="D11" s="18">
        <v>74</v>
      </c>
    </row>
    <row r="12" spans="1:4" ht="18" customHeight="1" x14ac:dyDescent="0.15">
      <c r="A12" s="5">
        <v>6</v>
      </c>
      <c r="B12" s="22">
        <v>31</v>
      </c>
      <c r="C12" s="14">
        <v>38</v>
      </c>
      <c r="D12" s="18">
        <v>69</v>
      </c>
    </row>
    <row r="13" spans="1:4" ht="18" customHeight="1" x14ac:dyDescent="0.15">
      <c r="A13" s="5">
        <v>7</v>
      </c>
      <c r="B13" s="22">
        <v>36</v>
      </c>
      <c r="C13" s="14">
        <v>45</v>
      </c>
      <c r="D13" s="18">
        <v>81</v>
      </c>
    </row>
    <row r="14" spans="1:4" ht="18" customHeight="1" x14ac:dyDescent="0.15">
      <c r="A14" s="5">
        <v>8</v>
      </c>
      <c r="B14" s="22">
        <v>48</v>
      </c>
      <c r="C14" s="14">
        <v>37</v>
      </c>
      <c r="D14" s="18">
        <v>85</v>
      </c>
    </row>
    <row r="15" spans="1:4" ht="18" customHeight="1" x14ac:dyDescent="0.15">
      <c r="A15" s="5">
        <v>9</v>
      </c>
      <c r="B15" s="22">
        <v>40</v>
      </c>
      <c r="C15" s="14">
        <v>35</v>
      </c>
      <c r="D15" s="18">
        <v>75</v>
      </c>
    </row>
    <row r="16" spans="1:4" ht="18" customHeight="1" x14ac:dyDescent="0.15">
      <c r="A16" s="5" t="s">
        <v>11</v>
      </c>
      <c r="B16" s="22">
        <v>186</v>
      </c>
      <c r="C16" s="14">
        <v>198</v>
      </c>
      <c r="D16" s="18">
        <v>384</v>
      </c>
    </row>
    <row r="17" spans="1:4" ht="18" customHeight="1" x14ac:dyDescent="0.15">
      <c r="A17" s="5">
        <v>10</v>
      </c>
      <c r="B17" s="22">
        <v>40</v>
      </c>
      <c r="C17" s="14">
        <v>40</v>
      </c>
      <c r="D17" s="18">
        <v>80</v>
      </c>
    </row>
    <row r="18" spans="1:4" ht="18" customHeight="1" x14ac:dyDescent="0.15">
      <c r="A18" s="5">
        <v>11</v>
      </c>
      <c r="B18" s="22">
        <v>39</v>
      </c>
      <c r="C18" s="14">
        <v>41</v>
      </c>
      <c r="D18" s="18">
        <v>80</v>
      </c>
    </row>
    <row r="19" spans="1:4" ht="18" customHeight="1" x14ac:dyDescent="0.15">
      <c r="A19" s="5">
        <v>12</v>
      </c>
      <c r="B19" s="22">
        <v>50</v>
      </c>
      <c r="C19" s="14">
        <v>44</v>
      </c>
      <c r="D19" s="18">
        <v>94</v>
      </c>
    </row>
    <row r="20" spans="1:4" ht="18" customHeight="1" x14ac:dyDescent="0.15">
      <c r="A20" s="5">
        <v>13</v>
      </c>
      <c r="B20" s="22">
        <v>49</v>
      </c>
      <c r="C20" s="14">
        <v>41</v>
      </c>
      <c r="D20" s="18">
        <v>90</v>
      </c>
    </row>
    <row r="21" spans="1:4" ht="18" customHeight="1" x14ac:dyDescent="0.15">
      <c r="A21" s="5">
        <v>14</v>
      </c>
      <c r="B21" s="22">
        <v>44</v>
      </c>
      <c r="C21" s="14">
        <v>51</v>
      </c>
      <c r="D21" s="18">
        <v>95</v>
      </c>
    </row>
    <row r="22" spans="1:4" ht="18" customHeight="1" x14ac:dyDescent="0.15">
      <c r="A22" s="5" t="s">
        <v>12</v>
      </c>
      <c r="B22" s="22">
        <v>222</v>
      </c>
      <c r="C22" s="14">
        <v>217</v>
      </c>
      <c r="D22" s="18">
        <v>439</v>
      </c>
    </row>
    <row r="23" spans="1:4" ht="18" customHeight="1" x14ac:dyDescent="0.15">
      <c r="A23" s="5" t="s">
        <v>6</v>
      </c>
      <c r="B23" s="22">
        <v>592</v>
      </c>
      <c r="C23" s="14">
        <v>587</v>
      </c>
      <c r="D23" s="18">
        <v>1179</v>
      </c>
    </row>
    <row r="24" spans="1:4" ht="18" customHeight="1" x14ac:dyDescent="0.15">
      <c r="A24" s="5">
        <v>15</v>
      </c>
      <c r="B24" s="22">
        <v>46</v>
      </c>
      <c r="C24" s="14">
        <v>44</v>
      </c>
      <c r="D24" s="18">
        <v>90</v>
      </c>
    </row>
    <row r="25" spans="1:4" ht="18" customHeight="1" x14ac:dyDescent="0.15">
      <c r="A25" s="5">
        <v>16</v>
      </c>
      <c r="B25" s="22">
        <v>48</v>
      </c>
      <c r="C25" s="14">
        <v>55</v>
      </c>
      <c r="D25" s="18">
        <v>103</v>
      </c>
    </row>
    <row r="26" spans="1:4" ht="18" customHeight="1" x14ac:dyDescent="0.15">
      <c r="A26" s="5">
        <v>17</v>
      </c>
      <c r="B26" s="22">
        <v>54</v>
      </c>
      <c r="C26" s="14">
        <v>52</v>
      </c>
      <c r="D26" s="18">
        <v>106</v>
      </c>
    </row>
    <row r="27" spans="1:4" ht="18" customHeight="1" x14ac:dyDescent="0.15">
      <c r="A27" s="5">
        <v>18</v>
      </c>
      <c r="B27" s="22">
        <v>61</v>
      </c>
      <c r="C27" s="14">
        <v>51</v>
      </c>
      <c r="D27" s="18">
        <v>112</v>
      </c>
    </row>
    <row r="28" spans="1:4" ht="18" customHeight="1" x14ac:dyDescent="0.15">
      <c r="A28" s="5">
        <v>19</v>
      </c>
      <c r="B28" s="22">
        <v>64</v>
      </c>
      <c r="C28" s="14">
        <v>45</v>
      </c>
      <c r="D28" s="18">
        <v>109</v>
      </c>
    </row>
    <row r="29" spans="1:4" ht="18" customHeight="1" x14ac:dyDescent="0.15">
      <c r="A29" s="5" t="s">
        <v>14</v>
      </c>
      <c r="B29" s="22">
        <v>273</v>
      </c>
      <c r="C29" s="14">
        <v>247</v>
      </c>
      <c r="D29" s="18">
        <v>520</v>
      </c>
    </row>
    <row r="30" spans="1:4" ht="18" customHeight="1" x14ac:dyDescent="0.15">
      <c r="A30" s="5">
        <v>20</v>
      </c>
      <c r="B30" s="22">
        <v>45</v>
      </c>
      <c r="C30" s="14">
        <v>57</v>
      </c>
      <c r="D30" s="18">
        <v>102</v>
      </c>
    </row>
    <row r="31" spans="1:4" ht="18" customHeight="1" x14ac:dyDescent="0.15">
      <c r="A31" s="5">
        <v>21</v>
      </c>
      <c r="B31" s="22">
        <v>71</v>
      </c>
      <c r="C31" s="14">
        <v>61</v>
      </c>
      <c r="D31" s="18">
        <v>132</v>
      </c>
    </row>
    <row r="32" spans="1:4" ht="18" customHeight="1" x14ac:dyDescent="0.15">
      <c r="A32" s="5">
        <v>22</v>
      </c>
      <c r="B32" s="22">
        <v>68</v>
      </c>
      <c r="C32" s="14">
        <v>52</v>
      </c>
      <c r="D32" s="18">
        <v>120</v>
      </c>
    </row>
    <row r="33" spans="1:4" ht="18" customHeight="1" x14ac:dyDescent="0.15">
      <c r="A33" s="5">
        <v>23</v>
      </c>
      <c r="B33" s="22">
        <v>52</v>
      </c>
      <c r="C33" s="14">
        <v>50</v>
      </c>
      <c r="D33" s="18">
        <v>102</v>
      </c>
    </row>
    <row r="34" spans="1:4" ht="18" customHeight="1" x14ac:dyDescent="0.15">
      <c r="A34" s="5">
        <v>24</v>
      </c>
      <c r="B34" s="22">
        <v>60</v>
      </c>
      <c r="C34" s="14">
        <v>60</v>
      </c>
      <c r="D34" s="18">
        <v>120</v>
      </c>
    </row>
    <row r="35" spans="1:4" ht="18" customHeight="1" x14ac:dyDescent="0.15">
      <c r="A35" s="5" t="s">
        <v>9</v>
      </c>
      <c r="B35" s="22">
        <v>296</v>
      </c>
      <c r="C35" s="14">
        <v>280</v>
      </c>
      <c r="D35" s="18">
        <v>576</v>
      </c>
    </row>
    <row r="36" spans="1:4" ht="18" customHeight="1" x14ac:dyDescent="0.15">
      <c r="A36" s="5">
        <v>25</v>
      </c>
      <c r="B36" s="22">
        <v>57</v>
      </c>
      <c r="C36" s="14">
        <v>58</v>
      </c>
      <c r="D36" s="18">
        <v>115</v>
      </c>
    </row>
    <row r="37" spans="1:4" ht="18" customHeight="1" x14ac:dyDescent="0.15">
      <c r="A37" s="5">
        <v>26</v>
      </c>
      <c r="B37" s="22">
        <v>65</v>
      </c>
      <c r="C37" s="14">
        <v>60</v>
      </c>
      <c r="D37" s="18">
        <v>125</v>
      </c>
    </row>
    <row r="38" spans="1:4" ht="18" customHeight="1" x14ac:dyDescent="0.15">
      <c r="A38" s="5">
        <v>27</v>
      </c>
      <c r="B38" s="22">
        <v>61</v>
      </c>
      <c r="C38" s="14">
        <v>48</v>
      </c>
      <c r="D38" s="18">
        <v>109</v>
      </c>
    </row>
    <row r="39" spans="1:4" ht="18" customHeight="1" x14ac:dyDescent="0.15">
      <c r="A39" s="5">
        <v>28</v>
      </c>
      <c r="B39" s="22">
        <v>62</v>
      </c>
      <c r="C39" s="14">
        <v>61</v>
      </c>
      <c r="D39" s="18">
        <v>123</v>
      </c>
    </row>
    <row r="40" spans="1:4" ht="18" customHeight="1" x14ac:dyDescent="0.15">
      <c r="A40" s="5">
        <v>29</v>
      </c>
      <c r="B40" s="22">
        <v>53</v>
      </c>
      <c r="C40" s="14">
        <v>53</v>
      </c>
      <c r="D40" s="18">
        <v>106</v>
      </c>
    </row>
    <row r="41" spans="1:4" ht="18" customHeight="1" x14ac:dyDescent="0.15">
      <c r="A41" s="5" t="s">
        <v>2</v>
      </c>
      <c r="B41" s="22">
        <v>298</v>
      </c>
      <c r="C41" s="14">
        <v>280</v>
      </c>
      <c r="D41" s="18">
        <v>578</v>
      </c>
    </row>
    <row r="42" spans="1:4" ht="18" customHeight="1" x14ac:dyDescent="0.15">
      <c r="A42" s="5">
        <v>30</v>
      </c>
      <c r="B42" s="22">
        <v>61</v>
      </c>
      <c r="C42" s="14">
        <v>66</v>
      </c>
      <c r="D42" s="18">
        <v>127</v>
      </c>
    </row>
    <row r="43" spans="1:4" ht="18" customHeight="1" x14ac:dyDescent="0.15">
      <c r="A43" s="5">
        <v>31</v>
      </c>
      <c r="B43" s="22">
        <v>68</v>
      </c>
      <c r="C43" s="14">
        <v>63</v>
      </c>
      <c r="D43" s="18">
        <v>131</v>
      </c>
    </row>
    <row r="44" spans="1:4" ht="18" customHeight="1" x14ac:dyDescent="0.15">
      <c r="A44" s="5">
        <v>32</v>
      </c>
      <c r="B44" s="22">
        <v>61</v>
      </c>
      <c r="C44" s="14">
        <v>54</v>
      </c>
      <c r="D44" s="18">
        <v>115</v>
      </c>
    </row>
    <row r="45" spans="1:4" ht="18" customHeight="1" x14ac:dyDescent="0.15">
      <c r="A45" s="5">
        <v>33</v>
      </c>
      <c r="B45" s="22">
        <v>53</v>
      </c>
      <c r="C45" s="14">
        <v>51</v>
      </c>
      <c r="D45" s="18">
        <v>104</v>
      </c>
    </row>
    <row r="46" spans="1:4" ht="18" customHeight="1" x14ac:dyDescent="0.15">
      <c r="A46" s="5">
        <v>34</v>
      </c>
      <c r="B46" s="22">
        <v>59</v>
      </c>
      <c r="C46" s="14">
        <v>54</v>
      </c>
      <c r="D46" s="18">
        <v>113</v>
      </c>
    </row>
    <row r="47" spans="1:4" ht="18" customHeight="1" x14ac:dyDescent="0.15">
      <c r="A47" s="5" t="s">
        <v>15</v>
      </c>
      <c r="B47" s="22">
        <v>302</v>
      </c>
      <c r="C47" s="14">
        <v>288</v>
      </c>
      <c r="D47" s="18">
        <v>590</v>
      </c>
    </row>
    <row r="48" spans="1:4" ht="18" customHeight="1" x14ac:dyDescent="0.15">
      <c r="A48" s="5">
        <v>35</v>
      </c>
      <c r="B48" s="22">
        <v>56</v>
      </c>
      <c r="C48" s="14">
        <v>45</v>
      </c>
      <c r="D48" s="18">
        <v>101</v>
      </c>
    </row>
    <row r="49" spans="1:4" ht="18" customHeight="1" x14ac:dyDescent="0.15">
      <c r="A49" s="5">
        <v>36</v>
      </c>
      <c r="B49" s="22">
        <v>55</v>
      </c>
      <c r="C49" s="14">
        <v>62</v>
      </c>
      <c r="D49" s="18">
        <v>117</v>
      </c>
    </row>
    <row r="50" spans="1:4" ht="18" customHeight="1" x14ac:dyDescent="0.15">
      <c r="A50" s="5">
        <v>37</v>
      </c>
      <c r="B50" s="22">
        <v>57</v>
      </c>
      <c r="C50" s="14">
        <v>51</v>
      </c>
      <c r="D50" s="18">
        <v>108</v>
      </c>
    </row>
    <row r="51" spans="1:4" ht="18" customHeight="1" x14ac:dyDescent="0.15">
      <c r="A51" s="5">
        <v>38</v>
      </c>
      <c r="B51" s="22">
        <v>65</v>
      </c>
      <c r="C51" s="14">
        <v>56</v>
      </c>
      <c r="D51" s="18">
        <v>121</v>
      </c>
    </row>
    <row r="52" spans="1:4" ht="18" customHeight="1" x14ac:dyDescent="0.15">
      <c r="A52" s="5">
        <v>39</v>
      </c>
      <c r="B52" s="22">
        <v>55</v>
      </c>
      <c r="C52" s="14">
        <v>67</v>
      </c>
      <c r="D52" s="18">
        <v>122</v>
      </c>
    </row>
    <row r="53" spans="1:4" ht="18" customHeight="1" x14ac:dyDescent="0.15">
      <c r="A53" s="5" t="s">
        <v>18</v>
      </c>
      <c r="B53" s="22">
        <v>288</v>
      </c>
      <c r="C53" s="14">
        <v>281</v>
      </c>
      <c r="D53" s="18">
        <v>569</v>
      </c>
    </row>
    <row r="54" spans="1:4" ht="18" customHeight="1" x14ac:dyDescent="0.15">
      <c r="A54" s="5">
        <v>40</v>
      </c>
      <c r="B54" s="22">
        <v>56</v>
      </c>
      <c r="C54" s="14">
        <v>55</v>
      </c>
      <c r="D54" s="18">
        <v>111</v>
      </c>
    </row>
    <row r="55" spans="1:4" ht="18" customHeight="1" x14ac:dyDescent="0.15">
      <c r="A55" s="5">
        <v>41</v>
      </c>
      <c r="B55" s="22">
        <v>66</v>
      </c>
      <c r="C55" s="14">
        <v>55</v>
      </c>
      <c r="D55" s="18">
        <v>121</v>
      </c>
    </row>
    <row r="56" spans="1:4" ht="18" customHeight="1" x14ac:dyDescent="0.15">
      <c r="A56" s="5">
        <v>42</v>
      </c>
      <c r="B56" s="22">
        <v>53</v>
      </c>
      <c r="C56" s="14">
        <v>64</v>
      </c>
      <c r="D56" s="18">
        <v>117</v>
      </c>
    </row>
    <row r="57" spans="1:4" ht="18" customHeight="1" x14ac:dyDescent="0.15">
      <c r="A57" s="5">
        <v>43</v>
      </c>
      <c r="B57" s="22">
        <v>76</v>
      </c>
      <c r="C57" s="14">
        <v>51</v>
      </c>
      <c r="D57" s="18">
        <v>127</v>
      </c>
    </row>
    <row r="58" spans="1:4" ht="18" customHeight="1" x14ac:dyDescent="0.15">
      <c r="A58" s="5">
        <v>44</v>
      </c>
      <c r="B58" s="22">
        <v>69</v>
      </c>
      <c r="C58" s="14">
        <v>69</v>
      </c>
      <c r="D58" s="18">
        <v>138</v>
      </c>
    </row>
    <row r="59" spans="1:4" ht="18" customHeight="1" x14ac:dyDescent="0.15">
      <c r="A59" s="5" t="s">
        <v>21</v>
      </c>
      <c r="B59" s="22">
        <v>320</v>
      </c>
      <c r="C59" s="14">
        <v>294</v>
      </c>
      <c r="D59" s="18">
        <v>614</v>
      </c>
    </row>
    <row r="60" spans="1:4" ht="18" customHeight="1" x14ac:dyDescent="0.15">
      <c r="A60" s="5">
        <v>45</v>
      </c>
      <c r="B60" s="22">
        <v>63</v>
      </c>
      <c r="C60" s="14">
        <v>61</v>
      </c>
      <c r="D60" s="18">
        <v>124</v>
      </c>
    </row>
    <row r="61" spans="1:4" ht="18" customHeight="1" x14ac:dyDescent="0.15">
      <c r="A61" s="5">
        <v>46</v>
      </c>
      <c r="B61" s="22">
        <v>73</v>
      </c>
      <c r="C61" s="14">
        <v>62</v>
      </c>
      <c r="D61" s="18">
        <v>135</v>
      </c>
    </row>
    <row r="62" spans="1:4" ht="18" customHeight="1" x14ac:dyDescent="0.15">
      <c r="A62" s="5">
        <v>47</v>
      </c>
      <c r="B62" s="22">
        <v>90</v>
      </c>
      <c r="C62" s="14">
        <v>84</v>
      </c>
      <c r="D62" s="18">
        <v>174</v>
      </c>
    </row>
    <row r="63" spans="1:4" ht="18" customHeight="1" x14ac:dyDescent="0.15">
      <c r="A63" s="5">
        <v>48</v>
      </c>
      <c r="B63" s="22">
        <v>89</v>
      </c>
      <c r="C63" s="14">
        <v>95</v>
      </c>
      <c r="D63" s="18">
        <v>184</v>
      </c>
    </row>
    <row r="64" spans="1:4" ht="18" customHeight="1" x14ac:dyDescent="0.15">
      <c r="A64" s="5">
        <v>49</v>
      </c>
      <c r="B64" s="22">
        <v>80</v>
      </c>
      <c r="C64" s="14">
        <v>79</v>
      </c>
      <c r="D64" s="18">
        <v>159</v>
      </c>
    </row>
    <row r="65" spans="1:4" ht="18" customHeight="1" x14ac:dyDescent="0.15">
      <c r="A65" s="5" t="s">
        <v>17</v>
      </c>
      <c r="B65" s="22">
        <v>395</v>
      </c>
      <c r="C65" s="14">
        <v>381</v>
      </c>
      <c r="D65" s="18">
        <v>776</v>
      </c>
    </row>
    <row r="66" spans="1:4" ht="18" customHeight="1" x14ac:dyDescent="0.15">
      <c r="A66" s="5">
        <v>50</v>
      </c>
      <c r="B66" s="22">
        <v>95</v>
      </c>
      <c r="C66" s="14">
        <v>101</v>
      </c>
      <c r="D66" s="18">
        <v>196</v>
      </c>
    </row>
    <row r="67" spans="1:4" ht="18" customHeight="1" x14ac:dyDescent="0.15">
      <c r="A67" s="5">
        <v>51</v>
      </c>
      <c r="B67" s="22">
        <v>105</v>
      </c>
      <c r="C67" s="14">
        <v>96</v>
      </c>
      <c r="D67" s="18">
        <v>201</v>
      </c>
    </row>
    <row r="68" spans="1:4" ht="18" customHeight="1" x14ac:dyDescent="0.15">
      <c r="A68" s="5">
        <v>52</v>
      </c>
      <c r="B68" s="22">
        <v>98</v>
      </c>
      <c r="C68" s="14">
        <v>107</v>
      </c>
      <c r="D68" s="18">
        <v>205</v>
      </c>
    </row>
    <row r="69" spans="1:4" ht="18" customHeight="1" x14ac:dyDescent="0.15">
      <c r="A69" s="5">
        <v>53</v>
      </c>
      <c r="B69" s="22">
        <v>124</v>
      </c>
      <c r="C69" s="14">
        <v>97</v>
      </c>
      <c r="D69" s="18">
        <v>221</v>
      </c>
    </row>
    <row r="70" spans="1:4" ht="18" customHeight="1" x14ac:dyDescent="0.15">
      <c r="A70" s="5">
        <v>54</v>
      </c>
      <c r="B70" s="22">
        <v>89</v>
      </c>
      <c r="C70" s="14">
        <v>99</v>
      </c>
      <c r="D70" s="18">
        <v>188</v>
      </c>
    </row>
    <row r="71" spans="1:4" ht="18" customHeight="1" x14ac:dyDescent="0.15">
      <c r="A71" s="5" t="s">
        <v>22</v>
      </c>
      <c r="B71" s="22">
        <v>511</v>
      </c>
      <c r="C71" s="14">
        <v>500</v>
      </c>
      <c r="D71" s="18">
        <v>1011</v>
      </c>
    </row>
    <row r="72" spans="1:4" ht="18" customHeight="1" x14ac:dyDescent="0.15">
      <c r="A72" s="5">
        <v>55</v>
      </c>
      <c r="B72" s="22">
        <v>108</v>
      </c>
      <c r="C72" s="14">
        <v>88</v>
      </c>
      <c r="D72" s="18">
        <v>196</v>
      </c>
    </row>
    <row r="73" spans="1:4" ht="18" customHeight="1" x14ac:dyDescent="0.15">
      <c r="A73" s="5">
        <v>56</v>
      </c>
      <c r="B73" s="22">
        <v>92</v>
      </c>
      <c r="C73" s="14">
        <v>87</v>
      </c>
      <c r="D73" s="18">
        <v>179</v>
      </c>
    </row>
    <row r="74" spans="1:4" ht="18" customHeight="1" x14ac:dyDescent="0.15">
      <c r="A74" s="5">
        <v>57</v>
      </c>
      <c r="B74" s="22">
        <v>94</v>
      </c>
      <c r="C74" s="14">
        <v>87</v>
      </c>
      <c r="D74" s="18">
        <v>181</v>
      </c>
    </row>
    <row r="75" spans="1:4" ht="18" customHeight="1" x14ac:dyDescent="0.15">
      <c r="A75" s="5">
        <v>58</v>
      </c>
      <c r="B75" s="22">
        <v>79</v>
      </c>
      <c r="C75" s="14">
        <v>92</v>
      </c>
      <c r="D75" s="18">
        <v>171</v>
      </c>
    </row>
    <row r="76" spans="1:4" ht="18" customHeight="1" x14ac:dyDescent="0.15">
      <c r="A76" s="5">
        <v>59</v>
      </c>
      <c r="B76" s="22">
        <v>56</v>
      </c>
      <c r="C76" s="14">
        <v>95</v>
      </c>
      <c r="D76" s="18">
        <v>151</v>
      </c>
    </row>
    <row r="77" spans="1:4" ht="18" customHeight="1" x14ac:dyDescent="0.15">
      <c r="A77" s="5" t="s">
        <v>27</v>
      </c>
      <c r="B77" s="22">
        <v>429</v>
      </c>
      <c r="C77" s="14">
        <v>449</v>
      </c>
      <c r="D77" s="18">
        <v>878</v>
      </c>
    </row>
    <row r="78" spans="1:4" ht="18" customHeight="1" x14ac:dyDescent="0.15">
      <c r="A78" s="5">
        <v>60</v>
      </c>
      <c r="B78" s="22">
        <v>91</v>
      </c>
      <c r="C78" s="14">
        <v>76</v>
      </c>
      <c r="D78" s="18">
        <v>167</v>
      </c>
    </row>
    <row r="79" spans="1:4" ht="18" customHeight="1" x14ac:dyDescent="0.15">
      <c r="A79" s="5">
        <v>61</v>
      </c>
      <c r="B79" s="22">
        <v>82</v>
      </c>
      <c r="C79" s="14">
        <v>87</v>
      </c>
      <c r="D79" s="18">
        <v>169</v>
      </c>
    </row>
    <row r="80" spans="1:4" ht="18" customHeight="1" x14ac:dyDescent="0.15">
      <c r="A80" s="5">
        <v>62</v>
      </c>
      <c r="B80" s="22">
        <v>76</v>
      </c>
      <c r="C80" s="14">
        <v>55</v>
      </c>
      <c r="D80" s="18">
        <v>131</v>
      </c>
    </row>
    <row r="81" spans="1:4" ht="18" customHeight="1" x14ac:dyDescent="0.15">
      <c r="A81" s="5">
        <v>63</v>
      </c>
      <c r="B81" s="22">
        <v>70</v>
      </c>
      <c r="C81" s="14">
        <v>69</v>
      </c>
      <c r="D81" s="18">
        <v>139</v>
      </c>
    </row>
    <row r="82" spans="1:4" ht="18" customHeight="1" x14ac:dyDescent="0.15">
      <c r="A82" s="5">
        <v>64</v>
      </c>
      <c r="B82" s="22">
        <v>53</v>
      </c>
      <c r="C82" s="14">
        <v>59</v>
      </c>
      <c r="D82" s="18">
        <v>112</v>
      </c>
    </row>
    <row r="83" spans="1:4" ht="18" customHeight="1" x14ac:dyDescent="0.15">
      <c r="A83" s="5" t="s">
        <v>28</v>
      </c>
      <c r="B83" s="22">
        <v>372</v>
      </c>
      <c r="C83" s="14">
        <v>346</v>
      </c>
      <c r="D83" s="18">
        <v>718</v>
      </c>
    </row>
    <row r="84" spans="1:4" ht="18" customHeight="1" x14ac:dyDescent="0.15">
      <c r="A84" s="5" t="s">
        <v>31</v>
      </c>
      <c r="B84" s="22">
        <v>3484</v>
      </c>
      <c r="C84" s="14">
        <v>3346</v>
      </c>
      <c r="D84" s="18">
        <v>6830</v>
      </c>
    </row>
    <row r="85" spans="1:4" ht="18" customHeight="1" x14ac:dyDescent="0.15">
      <c r="A85" s="5">
        <v>65</v>
      </c>
      <c r="B85" s="22">
        <v>56</v>
      </c>
      <c r="C85" s="14">
        <v>62</v>
      </c>
      <c r="D85" s="18">
        <v>118</v>
      </c>
    </row>
    <row r="86" spans="1:4" ht="18" customHeight="1" x14ac:dyDescent="0.15">
      <c r="A86" s="5">
        <v>66</v>
      </c>
      <c r="B86" s="22">
        <v>63</v>
      </c>
      <c r="C86" s="14">
        <v>61</v>
      </c>
      <c r="D86" s="18">
        <v>124</v>
      </c>
    </row>
    <row r="87" spans="1:4" ht="18" customHeight="1" x14ac:dyDescent="0.15">
      <c r="A87" s="5">
        <v>67</v>
      </c>
      <c r="B87" s="22">
        <v>53</v>
      </c>
      <c r="C87" s="14">
        <v>59</v>
      </c>
      <c r="D87" s="18">
        <v>112</v>
      </c>
    </row>
    <row r="88" spans="1:4" ht="18" customHeight="1" x14ac:dyDescent="0.15">
      <c r="A88" s="5">
        <v>68</v>
      </c>
      <c r="B88" s="22">
        <v>56</v>
      </c>
      <c r="C88" s="14">
        <v>58</v>
      </c>
      <c r="D88" s="18">
        <v>114</v>
      </c>
    </row>
    <row r="89" spans="1:4" ht="18" customHeight="1" x14ac:dyDescent="0.15">
      <c r="A89" s="5">
        <v>69</v>
      </c>
      <c r="B89" s="22">
        <v>51</v>
      </c>
      <c r="C89" s="14">
        <v>61</v>
      </c>
      <c r="D89" s="18">
        <v>112</v>
      </c>
    </row>
    <row r="90" spans="1:4" ht="18" customHeight="1" x14ac:dyDescent="0.15">
      <c r="A90" s="5" t="s">
        <v>20</v>
      </c>
      <c r="B90" s="22">
        <v>279</v>
      </c>
      <c r="C90" s="14">
        <v>301</v>
      </c>
      <c r="D90" s="18">
        <v>580</v>
      </c>
    </row>
    <row r="91" spans="1:4" ht="18" customHeight="1" x14ac:dyDescent="0.15">
      <c r="A91" s="5">
        <v>70</v>
      </c>
      <c r="B91" s="22">
        <v>50</v>
      </c>
      <c r="C91" s="14">
        <v>60</v>
      </c>
      <c r="D91" s="18">
        <v>110</v>
      </c>
    </row>
    <row r="92" spans="1:4" ht="18" customHeight="1" x14ac:dyDescent="0.15">
      <c r="A92" s="5">
        <v>71</v>
      </c>
      <c r="B92" s="22">
        <v>47</v>
      </c>
      <c r="C92" s="14">
        <v>63</v>
      </c>
      <c r="D92" s="18">
        <v>110</v>
      </c>
    </row>
    <row r="93" spans="1:4" ht="18" customHeight="1" x14ac:dyDescent="0.15">
      <c r="A93" s="5">
        <v>72</v>
      </c>
      <c r="B93" s="22">
        <v>61</v>
      </c>
      <c r="C93" s="14">
        <v>65</v>
      </c>
      <c r="D93" s="18">
        <v>126</v>
      </c>
    </row>
    <row r="94" spans="1:4" ht="18" customHeight="1" x14ac:dyDescent="0.15">
      <c r="A94" s="5">
        <v>73</v>
      </c>
      <c r="B94" s="22">
        <v>61</v>
      </c>
      <c r="C94" s="14">
        <v>69</v>
      </c>
      <c r="D94" s="18">
        <v>130</v>
      </c>
    </row>
    <row r="95" spans="1:4" ht="18" customHeight="1" x14ac:dyDescent="0.15">
      <c r="A95" s="5">
        <v>74</v>
      </c>
      <c r="B95" s="22">
        <v>47</v>
      </c>
      <c r="C95" s="14">
        <v>64</v>
      </c>
      <c r="D95" s="18">
        <v>111</v>
      </c>
    </row>
    <row r="96" spans="1:4" ht="18" customHeight="1" x14ac:dyDescent="0.15">
      <c r="A96" s="5" t="s">
        <v>33</v>
      </c>
      <c r="B96" s="22">
        <v>266</v>
      </c>
      <c r="C96" s="14">
        <v>321</v>
      </c>
      <c r="D96" s="18">
        <v>587</v>
      </c>
    </row>
    <row r="97" spans="1:4" ht="18" customHeight="1" x14ac:dyDescent="0.15">
      <c r="A97" s="5">
        <v>75</v>
      </c>
      <c r="B97" s="22">
        <v>64</v>
      </c>
      <c r="C97" s="14">
        <v>70</v>
      </c>
      <c r="D97" s="18">
        <v>134</v>
      </c>
    </row>
    <row r="98" spans="1:4" ht="18" customHeight="1" x14ac:dyDescent="0.15">
      <c r="A98" s="5">
        <v>76</v>
      </c>
      <c r="B98" s="22">
        <v>66</v>
      </c>
      <c r="C98" s="14">
        <v>116</v>
      </c>
      <c r="D98" s="18">
        <v>182</v>
      </c>
    </row>
    <row r="99" spans="1:4" ht="18" customHeight="1" x14ac:dyDescent="0.15">
      <c r="A99" s="5">
        <v>77</v>
      </c>
      <c r="B99" s="22">
        <v>76</v>
      </c>
      <c r="C99" s="14">
        <v>81</v>
      </c>
      <c r="D99" s="18">
        <v>157</v>
      </c>
    </row>
    <row r="100" spans="1:4" ht="18" customHeight="1" x14ac:dyDescent="0.15">
      <c r="A100" s="5">
        <v>78</v>
      </c>
      <c r="B100" s="22">
        <v>70</v>
      </c>
      <c r="C100" s="14">
        <v>108</v>
      </c>
      <c r="D100" s="18">
        <v>178</v>
      </c>
    </row>
    <row r="101" spans="1:4" ht="18" customHeight="1" x14ac:dyDescent="0.15">
      <c r="A101" s="5">
        <v>79</v>
      </c>
      <c r="B101" s="22">
        <v>81</v>
      </c>
      <c r="C101" s="14">
        <v>75</v>
      </c>
      <c r="D101" s="18">
        <v>156</v>
      </c>
    </row>
    <row r="102" spans="1:4" ht="18" customHeight="1" x14ac:dyDescent="0.15">
      <c r="A102" s="5" t="s">
        <v>0</v>
      </c>
      <c r="B102" s="22">
        <v>357</v>
      </c>
      <c r="C102" s="14">
        <v>450</v>
      </c>
      <c r="D102" s="18">
        <v>807</v>
      </c>
    </row>
    <row r="103" spans="1:4" ht="18" customHeight="1" x14ac:dyDescent="0.15">
      <c r="A103" s="5">
        <v>80</v>
      </c>
      <c r="B103" s="22">
        <v>38</v>
      </c>
      <c r="C103" s="14">
        <v>55</v>
      </c>
      <c r="D103" s="18">
        <v>93</v>
      </c>
    </row>
    <row r="104" spans="1:4" ht="18" customHeight="1" x14ac:dyDescent="0.15">
      <c r="A104" s="5">
        <v>81</v>
      </c>
      <c r="B104" s="22">
        <v>45</v>
      </c>
      <c r="C104" s="14">
        <v>52</v>
      </c>
      <c r="D104" s="18">
        <v>97</v>
      </c>
    </row>
    <row r="105" spans="1:4" ht="18" customHeight="1" x14ac:dyDescent="0.15">
      <c r="A105" s="5">
        <v>82</v>
      </c>
      <c r="B105" s="22">
        <v>49</v>
      </c>
      <c r="C105" s="14">
        <v>82</v>
      </c>
      <c r="D105" s="18">
        <v>131</v>
      </c>
    </row>
    <row r="106" spans="1:4" ht="18" customHeight="1" x14ac:dyDescent="0.15">
      <c r="A106" s="5">
        <v>83</v>
      </c>
      <c r="B106" s="22">
        <v>41</v>
      </c>
      <c r="C106" s="14">
        <v>66</v>
      </c>
      <c r="D106" s="18">
        <v>107</v>
      </c>
    </row>
    <row r="107" spans="1:4" ht="18" customHeight="1" x14ac:dyDescent="0.15">
      <c r="A107" s="5">
        <v>84</v>
      </c>
      <c r="B107" s="22">
        <v>44</v>
      </c>
      <c r="C107" s="14">
        <v>61</v>
      </c>
      <c r="D107" s="18">
        <v>105</v>
      </c>
    </row>
    <row r="108" spans="1:4" ht="18" customHeight="1" x14ac:dyDescent="0.15">
      <c r="A108" s="5" t="s">
        <v>35</v>
      </c>
      <c r="B108" s="22">
        <v>217</v>
      </c>
      <c r="C108" s="14">
        <v>316</v>
      </c>
      <c r="D108" s="18">
        <v>533</v>
      </c>
    </row>
    <row r="109" spans="1:4" ht="18" customHeight="1" x14ac:dyDescent="0.15">
      <c r="A109" s="5">
        <v>85</v>
      </c>
      <c r="B109" s="22">
        <v>42</v>
      </c>
      <c r="C109" s="14">
        <v>59</v>
      </c>
      <c r="D109" s="18">
        <v>101</v>
      </c>
    </row>
    <row r="110" spans="1:4" ht="18" customHeight="1" x14ac:dyDescent="0.15">
      <c r="A110" s="5">
        <v>86</v>
      </c>
      <c r="B110" s="22">
        <v>32</v>
      </c>
      <c r="C110" s="14">
        <v>42</v>
      </c>
      <c r="D110" s="18">
        <v>74</v>
      </c>
    </row>
    <row r="111" spans="1:4" ht="18" customHeight="1" x14ac:dyDescent="0.15">
      <c r="A111" s="5">
        <v>87</v>
      </c>
      <c r="B111" s="22">
        <v>22</v>
      </c>
      <c r="C111" s="14">
        <v>36</v>
      </c>
      <c r="D111" s="18">
        <v>58</v>
      </c>
    </row>
    <row r="112" spans="1:4" ht="18" customHeight="1" x14ac:dyDescent="0.15">
      <c r="A112" s="5">
        <v>88</v>
      </c>
      <c r="B112" s="22">
        <v>29</v>
      </c>
      <c r="C112" s="14">
        <v>40</v>
      </c>
      <c r="D112" s="18">
        <v>69</v>
      </c>
    </row>
    <row r="113" spans="1:4" ht="18" customHeight="1" x14ac:dyDescent="0.15">
      <c r="A113" s="5">
        <v>89</v>
      </c>
      <c r="B113" s="22">
        <v>20</v>
      </c>
      <c r="C113" s="14">
        <v>30</v>
      </c>
      <c r="D113" s="18">
        <v>50</v>
      </c>
    </row>
    <row r="114" spans="1:4" ht="18" customHeight="1" x14ac:dyDescent="0.15">
      <c r="A114" s="5" t="s">
        <v>37</v>
      </c>
      <c r="B114" s="22">
        <v>145</v>
      </c>
      <c r="C114" s="14">
        <v>207</v>
      </c>
      <c r="D114" s="18">
        <v>352</v>
      </c>
    </row>
    <row r="115" spans="1:4" ht="18" customHeight="1" x14ac:dyDescent="0.15">
      <c r="A115" s="5">
        <v>90</v>
      </c>
      <c r="B115" s="22">
        <v>16</v>
      </c>
      <c r="C115" s="14">
        <v>39</v>
      </c>
      <c r="D115" s="18">
        <v>55</v>
      </c>
    </row>
    <row r="116" spans="1:4" ht="18" customHeight="1" x14ac:dyDescent="0.15">
      <c r="A116" s="5">
        <v>91</v>
      </c>
      <c r="B116" s="22">
        <v>12</v>
      </c>
      <c r="C116" s="14">
        <v>23</v>
      </c>
      <c r="D116" s="18">
        <v>35</v>
      </c>
    </row>
    <row r="117" spans="1:4" ht="18" customHeight="1" x14ac:dyDescent="0.15">
      <c r="A117" s="5">
        <v>92</v>
      </c>
      <c r="B117" s="22">
        <v>11</v>
      </c>
      <c r="C117" s="14">
        <v>19</v>
      </c>
      <c r="D117" s="18">
        <v>30</v>
      </c>
    </row>
    <row r="118" spans="1:4" ht="18" customHeight="1" x14ac:dyDescent="0.15">
      <c r="A118" s="5">
        <v>93</v>
      </c>
      <c r="B118" s="22">
        <v>4</v>
      </c>
      <c r="C118" s="14">
        <v>29</v>
      </c>
      <c r="D118" s="18">
        <v>33</v>
      </c>
    </row>
    <row r="119" spans="1:4" ht="18" customHeight="1" x14ac:dyDescent="0.15">
      <c r="A119" s="5">
        <v>94</v>
      </c>
      <c r="B119" s="22">
        <v>8</v>
      </c>
      <c r="C119" s="14">
        <v>12</v>
      </c>
      <c r="D119" s="18">
        <v>20</v>
      </c>
    </row>
    <row r="120" spans="1:4" ht="18" customHeight="1" x14ac:dyDescent="0.15">
      <c r="A120" s="5" t="s">
        <v>39</v>
      </c>
      <c r="B120" s="22">
        <v>51</v>
      </c>
      <c r="C120" s="14">
        <v>122</v>
      </c>
      <c r="D120" s="18">
        <v>173</v>
      </c>
    </row>
    <row r="121" spans="1:4" ht="18" customHeight="1" x14ac:dyDescent="0.15">
      <c r="A121" s="5">
        <v>95</v>
      </c>
      <c r="B121" s="22">
        <v>2</v>
      </c>
      <c r="C121" s="14">
        <v>13</v>
      </c>
      <c r="D121" s="18">
        <v>15</v>
      </c>
    </row>
    <row r="122" spans="1:4" ht="18" customHeight="1" x14ac:dyDescent="0.15">
      <c r="A122" s="5">
        <v>96</v>
      </c>
      <c r="B122" s="22">
        <v>2</v>
      </c>
      <c r="C122" s="14">
        <v>10</v>
      </c>
      <c r="D122" s="18">
        <v>12</v>
      </c>
    </row>
    <row r="123" spans="1:4" ht="18" customHeight="1" x14ac:dyDescent="0.15">
      <c r="A123" s="5">
        <v>97</v>
      </c>
      <c r="B123" s="22">
        <v>2</v>
      </c>
      <c r="C123" s="14">
        <v>4</v>
      </c>
      <c r="D123" s="18">
        <v>6</v>
      </c>
    </row>
    <row r="124" spans="1:4" ht="18" customHeight="1" x14ac:dyDescent="0.15">
      <c r="A124" s="5">
        <v>98</v>
      </c>
      <c r="B124" s="22">
        <v>0</v>
      </c>
      <c r="C124" s="14">
        <v>6</v>
      </c>
      <c r="D124" s="18">
        <v>6</v>
      </c>
    </row>
    <row r="125" spans="1:4" ht="18" customHeight="1" x14ac:dyDescent="0.15">
      <c r="A125" s="5">
        <v>99</v>
      </c>
      <c r="B125" s="22">
        <v>2</v>
      </c>
      <c r="C125" s="14">
        <v>3</v>
      </c>
      <c r="D125" s="18">
        <v>5</v>
      </c>
    </row>
    <row r="126" spans="1:4" ht="18" customHeight="1" x14ac:dyDescent="0.15">
      <c r="A126" s="5" t="s">
        <v>40</v>
      </c>
      <c r="B126" s="22">
        <v>8</v>
      </c>
      <c r="C126" s="14">
        <v>36</v>
      </c>
      <c r="D126" s="18">
        <v>44</v>
      </c>
    </row>
    <row r="127" spans="1:4" ht="18" customHeight="1" x14ac:dyDescent="0.15">
      <c r="A127" s="5">
        <v>100</v>
      </c>
      <c r="B127" s="22">
        <v>2</v>
      </c>
      <c r="C127" s="14">
        <v>2</v>
      </c>
      <c r="D127" s="18">
        <v>4</v>
      </c>
    </row>
    <row r="128" spans="1:4" ht="18" customHeight="1" x14ac:dyDescent="0.15">
      <c r="A128" s="6" t="s">
        <v>43</v>
      </c>
      <c r="B128" s="22">
        <v>1</v>
      </c>
      <c r="C128" s="14">
        <v>5</v>
      </c>
      <c r="D128" s="18">
        <v>6</v>
      </c>
    </row>
    <row r="129" spans="1:4" ht="18" customHeight="1" x14ac:dyDescent="0.15">
      <c r="A129" s="5" t="s">
        <v>44</v>
      </c>
      <c r="B129" s="22">
        <v>3</v>
      </c>
      <c r="C129" s="14">
        <v>7</v>
      </c>
      <c r="D129" s="18">
        <v>10</v>
      </c>
    </row>
    <row r="130" spans="1:4" ht="18" customHeight="1" x14ac:dyDescent="0.15">
      <c r="A130" s="5" t="s">
        <v>46</v>
      </c>
      <c r="B130" s="22">
        <v>1326</v>
      </c>
      <c r="C130" s="14">
        <v>1760</v>
      </c>
      <c r="D130" s="18">
        <v>3086</v>
      </c>
    </row>
    <row r="131" spans="1:4" ht="18" customHeight="1" x14ac:dyDescent="0.15">
      <c r="A131" s="7" t="s">
        <v>45</v>
      </c>
      <c r="B131" s="23">
        <v>5402</v>
      </c>
      <c r="C131" s="15">
        <v>5693</v>
      </c>
      <c r="D131" s="19">
        <v>1109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1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0</v>
      </c>
      <c r="C5" s="13">
        <v>17</v>
      </c>
      <c r="D5" s="17">
        <v>47</v>
      </c>
    </row>
    <row r="6" spans="1:4" ht="18" customHeight="1" x14ac:dyDescent="0.15">
      <c r="A6" s="5">
        <v>1</v>
      </c>
      <c r="B6" s="22">
        <v>19</v>
      </c>
      <c r="C6" s="14">
        <v>11</v>
      </c>
      <c r="D6" s="18">
        <v>30</v>
      </c>
    </row>
    <row r="7" spans="1:4" ht="18" customHeight="1" x14ac:dyDescent="0.15">
      <c r="A7" s="5">
        <v>2</v>
      </c>
      <c r="B7" s="22">
        <v>24</v>
      </c>
      <c r="C7" s="14">
        <v>26</v>
      </c>
      <c r="D7" s="18">
        <v>50</v>
      </c>
    </row>
    <row r="8" spans="1:4" ht="18" customHeight="1" x14ac:dyDescent="0.15">
      <c r="A8" s="5">
        <v>3</v>
      </c>
      <c r="B8" s="22">
        <v>15</v>
      </c>
      <c r="C8" s="14">
        <v>14</v>
      </c>
      <c r="D8" s="18">
        <v>29</v>
      </c>
    </row>
    <row r="9" spans="1:4" ht="18" customHeight="1" x14ac:dyDescent="0.15">
      <c r="A9" s="5">
        <v>4</v>
      </c>
      <c r="B9" s="22">
        <v>20</v>
      </c>
      <c r="C9" s="14">
        <v>22</v>
      </c>
      <c r="D9" s="18">
        <v>42</v>
      </c>
    </row>
    <row r="10" spans="1:4" ht="18" customHeight="1" x14ac:dyDescent="0.15">
      <c r="A10" s="5" t="s">
        <v>7</v>
      </c>
      <c r="B10" s="22">
        <v>108</v>
      </c>
      <c r="C10" s="14">
        <v>90</v>
      </c>
      <c r="D10" s="18">
        <v>198</v>
      </c>
    </row>
    <row r="11" spans="1:4" ht="18" customHeight="1" x14ac:dyDescent="0.15">
      <c r="A11" s="5">
        <v>5</v>
      </c>
      <c r="B11" s="22">
        <v>12</v>
      </c>
      <c r="C11" s="14">
        <v>18</v>
      </c>
      <c r="D11" s="18">
        <v>30</v>
      </c>
    </row>
    <row r="12" spans="1:4" ht="18" customHeight="1" x14ac:dyDescent="0.15">
      <c r="A12" s="5">
        <v>6</v>
      </c>
      <c r="B12" s="22">
        <v>22</v>
      </c>
      <c r="C12" s="14">
        <v>18</v>
      </c>
      <c r="D12" s="18">
        <v>40</v>
      </c>
    </row>
    <row r="13" spans="1:4" ht="18" customHeight="1" x14ac:dyDescent="0.15">
      <c r="A13" s="5">
        <v>7</v>
      </c>
      <c r="B13" s="22">
        <v>23</v>
      </c>
      <c r="C13" s="14">
        <v>26</v>
      </c>
      <c r="D13" s="18">
        <v>49</v>
      </c>
    </row>
    <row r="14" spans="1:4" ht="18" customHeight="1" x14ac:dyDescent="0.15">
      <c r="A14" s="5">
        <v>8</v>
      </c>
      <c r="B14" s="22">
        <v>21</v>
      </c>
      <c r="C14" s="14">
        <v>14</v>
      </c>
      <c r="D14" s="18">
        <v>35</v>
      </c>
    </row>
    <row r="15" spans="1:4" ht="18" customHeight="1" x14ac:dyDescent="0.15">
      <c r="A15" s="5">
        <v>9</v>
      </c>
      <c r="B15" s="22">
        <v>27</v>
      </c>
      <c r="C15" s="14">
        <v>22</v>
      </c>
      <c r="D15" s="18">
        <v>49</v>
      </c>
    </row>
    <row r="16" spans="1:4" ht="18" customHeight="1" x14ac:dyDescent="0.15">
      <c r="A16" s="5" t="s">
        <v>11</v>
      </c>
      <c r="B16" s="22">
        <v>105</v>
      </c>
      <c r="C16" s="14">
        <v>98</v>
      </c>
      <c r="D16" s="18">
        <v>203</v>
      </c>
    </row>
    <row r="17" spans="1:4" ht="18" customHeight="1" x14ac:dyDescent="0.15">
      <c r="A17" s="5">
        <v>10</v>
      </c>
      <c r="B17" s="22">
        <v>20</v>
      </c>
      <c r="C17" s="14">
        <v>24</v>
      </c>
      <c r="D17" s="18">
        <v>44</v>
      </c>
    </row>
    <row r="18" spans="1:4" ht="18" customHeight="1" x14ac:dyDescent="0.15">
      <c r="A18" s="5">
        <v>11</v>
      </c>
      <c r="B18" s="22">
        <v>11</v>
      </c>
      <c r="C18" s="14">
        <v>30</v>
      </c>
      <c r="D18" s="18">
        <v>41</v>
      </c>
    </row>
    <row r="19" spans="1:4" ht="18" customHeight="1" x14ac:dyDescent="0.15">
      <c r="A19" s="5">
        <v>12</v>
      </c>
      <c r="B19" s="22">
        <v>25</v>
      </c>
      <c r="C19" s="14">
        <v>24</v>
      </c>
      <c r="D19" s="18">
        <v>49</v>
      </c>
    </row>
    <row r="20" spans="1:4" ht="18" customHeight="1" x14ac:dyDescent="0.15">
      <c r="A20" s="5">
        <v>13</v>
      </c>
      <c r="B20" s="22">
        <v>22</v>
      </c>
      <c r="C20" s="14">
        <v>11</v>
      </c>
      <c r="D20" s="18">
        <v>33</v>
      </c>
    </row>
    <row r="21" spans="1:4" ht="18" customHeight="1" x14ac:dyDescent="0.15">
      <c r="A21" s="5">
        <v>14</v>
      </c>
      <c r="B21" s="22">
        <v>28</v>
      </c>
      <c r="C21" s="14">
        <v>19</v>
      </c>
      <c r="D21" s="18">
        <v>47</v>
      </c>
    </row>
    <row r="22" spans="1:4" ht="18" customHeight="1" x14ac:dyDescent="0.15">
      <c r="A22" s="5" t="s">
        <v>12</v>
      </c>
      <c r="B22" s="22">
        <v>106</v>
      </c>
      <c r="C22" s="14">
        <v>108</v>
      </c>
      <c r="D22" s="18">
        <v>214</v>
      </c>
    </row>
    <row r="23" spans="1:4" ht="18" customHeight="1" x14ac:dyDescent="0.15">
      <c r="A23" s="5" t="s">
        <v>6</v>
      </c>
      <c r="B23" s="22">
        <v>319</v>
      </c>
      <c r="C23" s="14">
        <v>296</v>
      </c>
      <c r="D23" s="18">
        <v>615</v>
      </c>
    </row>
    <row r="24" spans="1:4" ht="18" customHeight="1" x14ac:dyDescent="0.15">
      <c r="A24" s="5">
        <v>15</v>
      </c>
      <c r="B24" s="22">
        <v>28</v>
      </c>
      <c r="C24" s="14">
        <v>24</v>
      </c>
      <c r="D24" s="18">
        <v>52</v>
      </c>
    </row>
    <row r="25" spans="1:4" ht="18" customHeight="1" x14ac:dyDescent="0.15">
      <c r="A25" s="5">
        <v>16</v>
      </c>
      <c r="B25" s="22">
        <v>17</v>
      </c>
      <c r="C25" s="14">
        <v>21</v>
      </c>
      <c r="D25" s="18">
        <v>38</v>
      </c>
    </row>
    <row r="26" spans="1:4" ht="18" customHeight="1" x14ac:dyDescent="0.15">
      <c r="A26" s="5">
        <v>17</v>
      </c>
      <c r="B26" s="22">
        <v>18</v>
      </c>
      <c r="C26" s="14">
        <v>21</v>
      </c>
      <c r="D26" s="18">
        <v>39</v>
      </c>
    </row>
    <row r="27" spans="1:4" ht="18" customHeight="1" x14ac:dyDescent="0.15">
      <c r="A27" s="5">
        <v>18</v>
      </c>
      <c r="B27" s="22">
        <v>14</v>
      </c>
      <c r="C27" s="14">
        <v>12</v>
      </c>
      <c r="D27" s="18">
        <v>26</v>
      </c>
    </row>
    <row r="28" spans="1:4" ht="18" customHeight="1" x14ac:dyDescent="0.15">
      <c r="A28" s="5">
        <v>19</v>
      </c>
      <c r="B28" s="22">
        <v>15</v>
      </c>
      <c r="C28" s="14">
        <v>31</v>
      </c>
      <c r="D28" s="18">
        <v>46</v>
      </c>
    </row>
    <row r="29" spans="1:4" ht="18" customHeight="1" x14ac:dyDescent="0.15">
      <c r="A29" s="5" t="s">
        <v>14</v>
      </c>
      <c r="B29" s="22">
        <v>92</v>
      </c>
      <c r="C29" s="14">
        <v>109</v>
      </c>
      <c r="D29" s="18">
        <v>201</v>
      </c>
    </row>
    <row r="30" spans="1:4" ht="18" customHeight="1" x14ac:dyDescent="0.15">
      <c r="A30" s="5">
        <v>20</v>
      </c>
      <c r="B30" s="22">
        <v>21</v>
      </c>
      <c r="C30" s="14">
        <v>20</v>
      </c>
      <c r="D30" s="18">
        <v>41</v>
      </c>
    </row>
    <row r="31" spans="1:4" ht="18" customHeight="1" x14ac:dyDescent="0.15">
      <c r="A31" s="5">
        <v>21</v>
      </c>
      <c r="B31" s="22">
        <v>19</v>
      </c>
      <c r="C31" s="14">
        <v>19</v>
      </c>
      <c r="D31" s="18">
        <v>38</v>
      </c>
    </row>
    <row r="32" spans="1:4" ht="18" customHeight="1" x14ac:dyDescent="0.15">
      <c r="A32" s="5">
        <v>22</v>
      </c>
      <c r="B32" s="22">
        <v>19</v>
      </c>
      <c r="C32" s="14">
        <v>21</v>
      </c>
      <c r="D32" s="18">
        <v>40</v>
      </c>
    </row>
    <row r="33" spans="1:4" ht="18" customHeight="1" x14ac:dyDescent="0.15">
      <c r="A33" s="5">
        <v>23</v>
      </c>
      <c r="B33" s="22">
        <v>31</v>
      </c>
      <c r="C33" s="14">
        <v>27</v>
      </c>
      <c r="D33" s="18">
        <v>58</v>
      </c>
    </row>
    <row r="34" spans="1:4" ht="18" customHeight="1" x14ac:dyDescent="0.15">
      <c r="A34" s="5">
        <v>24</v>
      </c>
      <c r="B34" s="22">
        <v>23</v>
      </c>
      <c r="C34" s="14">
        <v>14</v>
      </c>
      <c r="D34" s="18">
        <v>37</v>
      </c>
    </row>
    <row r="35" spans="1:4" ht="18" customHeight="1" x14ac:dyDescent="0.15">
      <c r="A35" s="5" t="s">
        <v>9</v>
      </c>
      <c r="B35" s="22">
        <v>113</v>
      </c>
      <c r="C35" s="14">
        <v>101</v>
      </c>
      <c r="D35" s="18">
        <v>214</v>
      </c>
    </row>
    <row r="36" spans="1:4" ht="18" customHeight="1" x14ac:dyDescent="0.15">
      <c r="A36" s="5">
        <v>25</v>
      </c>
      <c r="B36" s="22">
        <v>28</v>
      </c>
      <c r="C36" s="14">
        <v>17</v>
      </c>
      <c r="D36" s="18">
        <v>45</v>
      </c>
    </row>
    <row r="37" spans="1:4" ht="18" customHeight="1" x14ac:dyDescent="0.15">
      <c r="A37" s="5">
        <v>26</v>
      </c>
      <c r="B37" s="22">
        <v>33</v>
      </c>
      <c r="C37" s="14">
        <v>24</v>
      </c>
      <c r="D37" s="18">
        <v>57</v>
      </c>
    </row>
    <row r="38" spans="1:4" ht="18" customHeight="1" x14ac:dyDescent="0.15">
      <c r="A38" s="5">
        <v>27</v>
      </c>
      <c r="B38" s="22">
        <v>27</v>
      </c>
      <c r="C38" s="14">
        <v>16</v>
      </c>
      <c r="D38" s="18">
        <v>43</v>
      </c>
    </row>
    <row r="39" spans="1:4" ht="18" customHeight="1" x14ac:dyDescent="0.15">
      <c r="A39" s="5">
        <v>28</v>
      </c>
      <c r="B39" s="22">
        <v>37</v>
      </c>
      <c r="C39" s="14">
        <v>20</v>
      </c>
      <c r="D39" s="18">
        <v>57</v>
      </c>
    </row>
    <row r="40" spans="1:4" ht="18" customHeight="1" x14ac:dyDescent="0.15">
      <c r="A40" s="5">
        <v>29</v>
      </c>
      <c r="B40" s="22">
        <v>32</v>
      </c>
      <c r="C40" s="14">
        <v>28</v>
      </c>
      <c r="D40" s="18">
        <v>60</v>
      </c>
    </row>
    <row r="41" spans="1:4" ht="18" customHeight="1" x14ac:dyDescent="0.15">
      <c r="A41" s="5" t="s">
        <v>2</v>
      </c>
      <c r="B41" s="22">
        <v>157</v>
      </c>
      <c r="C41" s="14">
        <v>105</v>
      </c>
      <c r="D41" s="18">
        <v>262</v>
      </c>
    </row>
    <row r="42" spans="1:4" ht="18" customHeight="1" x14ac:dyDescent="0.15">
      <c r="A42" s="5">
        <v>30</v>
      </c>
      <c r="B42" s="22">
        <v>26</v>
      </c>
      <c r="C42" s="14">
        <v>19</v>
      </c>
      <c r="D42" s="18">
        <v>45</v>
      </c>
    </row>
    <row r="43" spans="1:4" ht="18" customHeight="1" x14ac:dyDescent="0.15">
      <c r="A43" s="5">
        <v>31</v>
      </c>
      <c r="B43" s="22">
        <v>36</v>
      </c>
      <c r="C43" s="14">
        <v>27</v>
      </c>
      <c r="D43" s="18">
        <v>63</v>
      </c>
    </row>
    <row r="44" spans="1:4" ht="18" customHeight="1" x14ac:dyDescent="0.15">
      <c r="A44" s="5">
        <v>32</v>
      </c>
      <c r="B44" s="22">
        <v>22</v>
      </c>
      <c r="C44" s="14">
        <v>17</v>
      </c>
      <c r="D44" s="18">
        <v>39</v>
      </c>
    </row>
    <row r="45" spans="1:4" ht="18" customHeight="1" x14ac:dyDescent="0.15">
      <c r="A45" s="5">
        <v>33</v>
      </c>
      <c r="B45" s="22">
        <v>34</v>
      </c>
      <c r="C45" s="14">
        <v>23</v>
      </c>
      <c r="D45" s="18">
        <v>57</v>
      </c>
    </row>
    <row r="46" spans="1:4" ht="18" customHeight="1" x14ac:dyDescent="0.15">
      <c r="A46" s="5">
        <v>34</v>
      </c>
      <c r="B46" s="22">
        <v>23</v>
      </c>
      <c r="C46" s="14">
        <v>26</v>
      </c>
      <c r="D46" s="18">
        <v>49</v>
      </c>
    </row>
    <row r="47" spans="1:4" ht="18" customHeight="1" x14ac:dyDescent="0.15">
      <c r="A47" s="5" t="s">
        <v>15</v>
      </c>
      <c r="B47" s="22">
        <v>141</v>
      </c>
      <c r="C47" s="14">
        <v>112</v>
      </c>
      <c r="D47" s="18">
        <v>253</v>
      </c>
    </row>
    <row r="48" spans="1:4" ht="18" customHeight="1" x14ac:dyDescent="0.15">
      <c r="A48" s="5">
        <v>35</v>
      </c>
      <c r="B48" s="22">
        <v>21</v>
      </c>
      <c r="C48" s="14">
        <v>28</v>
      </c>
      <c r="D48" s="18">
        <v>49</v>
      </c>
    </row>
    <row r="49" spans="1:4" ht="18" customHeight="1" x14ac:dyDescent="0.15">
      <c r="A49" s="5">
        <v>36</v>
      </c>
      <c r="B49" s="22">
        <v>23</v>
      </c>
      <c r="C49" s="14">
        <v>20</v>
      </c>
      <c r="D49" s="18">
        <v>43</v>
      </c>
    </row>
    <row r="50" spans="1:4" ht="18" customHeight="1" x14ac:dyDescent="0.15">
      <c r="A50" s="5">
        <v>37</v>
      </c>
      <c r="B50" s="22">
        <v>27</v>
      </c>
      <c r="C50" s="14">
        <v>25</v>
      </c>
      <c r="D50" s="18">
        <v>52</v>
      </c>
    </row>
    <row r="51" spans="1:4" ht="18" customHeight="1" x14ac:dyDescent="0.15">
      <c r="A51" s="5">
        <v>38</v>
      </c>
      <c r="B51" s="22">
        <v>24</v>
      </c>
      <c r="C51" s="14">
        <v>19</v>
      </c>
      <c r="D51" s="18">
        <v>43</v>
      </c>
    </row>
    <row r="52" spans="1:4" ht="18" customHeight="1" x14ac:dyDescent="0.15">
      <c r="A52" s="5">
        <v>39</v>
      </c>
      <c r="B52" s="22">
        <v>32</v>
      </c>
      <c r="C52" s="14">
        <v>27</v>
      </c>
      <c r="D52" s="18">
        <v>59</v>
      </c>
    </row>
    <row r="53" spans="1:4" ht="18" customHeight="1" x14ac:dyDescent="0.15">
      <c r="A53" s="5" t="s">
        <v>18</v>
      </c>
      <c r="B53" s="22">
        <v>127</v>
      </c>
      <c r="C53" s="14">
        <v>119</v>
      </c>
      <c r="D53" s="18">
        <v>246</v>
      </c>
    </row>
    <row r="54" spans="1:4" ht="18" customHeight="1" x14ac:dyDescent="0.15">
      <c r="A54" s="5">
        <v>40</v>
      </c>
      <c r="B54" s="22">
        <v>33</v>
      </c>
      <c r="C54" s="14">
        <v>41</v>
      </c>
      <c r="D54" s="18">
        <v>74</v>
      </c>
    </row>
    <row r="55" spans="1:4" ht="18" customHeight="1" x14ac:dyDescent="0.15">
      <c r="A55" s="5">
        <v>41</v>
      </c>
      <c r="B55" s="22">
        <v>24</v>
      </c>
      <c r="C55" s="14">
        <v>28</v>
      </c>
      <c r="D55" s="18">
        <v>52</v>
      </c>
    </row>
    <row r="56" spans="1:4" ht="18" customHeight="1" x14ac:dyDescent="0.15">
      <c r="A56" s="5">
        <v>42</v>
      </c>
      <c r="B56" s="22">
        <v>33</v>
      </c>
      <c r="C56" s="14">
        <v>35</v>
      </c>
      <c r="D56" s="18">
        <v>68</v>
      </c>
    </row>
    <row r="57" spans="1:4" ht="18" customHeight="1" x14ac:dyDescent="0.15">
      <c r="A57" s="5">
        <v>43</v>
      </c>
      <c r="B57" s="22">
        <v>28</v>
      </c>
      <c r="C57" s="14">
        <v>36</v>
      </c>
      <c r="D57" s="18">
        <v>64</v>
      </c>
    </row>
    <row r="58" spans="1:4" ht="18" customHeight="1" x14ac:dyDescent="0.15">
      <c r="A58" s="5">
        <v>44</v>
      </c>
      <c r="B58" s="22">
        <v>34</v>
      </c>
      <c r="C58" s="14">
        <v>34</v>
      </c>
      <c r="D58" s="18">
        <v>68</v>
      </c>
    </row>
    <row r="59" spans="1:4" ht="18" customHeight="1" x14ac:dyDescent="0.15">
      <c r="A59" s="5" t="s">
        <v>21</v>
      </c>
      <c r="B59" s="22">
        <v>152</v>
      </c>
      <c r="C59" s="14">
        <v>174</v>
      </c>
      <c r="D59" s="18">
        <v>326</v>
      </c>
    </row>
    <row r="60" spans="1:4" ht="18" customHeight="1" x14ac:dyDescent="0.15">
      <c r="A60" s="5">
        <v>45</v>
      </c>
      <c r="B60" s="22">
        <v>28</v>
      </c>
      <c r="C60" s="14">
        <v>33</v>
      </c>
      <c r="D60" s="18">
        <v>61</v>
      </c>
    </row>
    <row r="61" spans="1:4" ht="18" customHeight="1" x14ac:dyDescent="0.15">
      <c r="A61" s="5">
        <v>46</v>
      </c>
      <c r="B61" s="22">
        <v>38</v>
      </c>
      <c r="C61" s="14">
        <v>36</v>
      </c>
      <c r="D61" s="18">
        <v>74</v>
      </c>
    </row>
    <row r="62" spans="1:4" ht="18" customHeight="1" x14ac:dyDescent="0.15">
      <c r="A62" s="5">
        <v>47</v>
      </c>
      <c r="B62" s="22">
        <v>39</v>
      </c>
      <c r="C62" s="14">
        <v>35</v>
      </c>
      <c r="D62" s="18">
        <v>74</v>
      </c>
    </row>
    <row r="63" spans="1:4" ht="18" customHeight="1" x14ac:dyDescent="0.15">
      <c r="A63" s="5">
        <v>48</v>
      </c>
      <c r="B63" s="22">
        <v>41</v>
      </c>
      <c r="C63" s="14">
        <v>33</v>
      </c>
      <c r="D63" s="18">
        <v>74</v>
      </c>
    </row>
    <row r="64" spans="1:4" ht="18" customHeight="1" x14ac:dyDescent="0.15">
      <c r="A64" s="5">
        <v>49</v>
      </c>
      <c r="B64" s="22">
        <v>51</v>
      </c>
      <c r="C64" s="14">
        <v>35</v>
      </c>
      <c r="D64" s="18">
        <v>86</v>
      </c>
    </row>
    <row r="65" spans="1:4" ht="18" customHeight="1" x14ac:dyDescent="0.15">
      <c r="A65" s="5" t="s">
        <v>17</v>
      </c>
      <c r="B65" s="22">
        <v>197</v>
      </c>
      <c r="C65" s="14">
        <v>172</v>
      </c>
      <c r="D65" s="18">
        <v>369</v>
      </c>
    </row>
    <row r="66" spans="1:4" ht="18" customHeight="1" x14ac:dyDescent="0.15">
      <c r="A66" s="5">
        <v>50</v>
      </c>
      <c r="B66" s="22">
        <v>38</v>
      </c>
      <c r="C66" s="14">
        <v>37</v>
      </c>
      <c r="D66" s="18">
        <v>75</v>
      </c>
    </row>
    <row r="67" spans="1:4" ht="18" customHeight="1" x14ac:dyDescent="0.15">
      <c r="A67" s="5">
        <v>51</v>
      </c>
      <c r="B67" s="22">
        <v>36</v>
      </c>
      <c r="C67" s="14">
        <v>38</v>
      </c>
      <c r="D67" s="18">
        <v>74</v>
      </c>
    </row>
    <row r="68" spans="1:4" ht="18" customHeight="1" x14ac:dyDescent="0.15">
      <c r="A68" s="5">
        <v>52</v>
      </c>
      <c r="B68" s="22">
        <v>43</v>
      </c>
      <c r="C68" s="14">
        <v>47</v>
      </c>
      <c r="D68" s="18">
        <v>90</v>
      </c>
    </row>
    <row r="69" spans="1:4" ht="18" customHeight="1" x14ac:dyDescent="0.15">
      <c r="A69" s="5">
        <v>53</v>
      </c>
      <c r="B69" s="22">
        <v>43</v>
      </c>
      <c r="C69" s="14">
        <v>38</v>
      </c>
      <c r="D69" s="18">
        <v>81</v>
      </c>
    </row>
    <row r="70" spans="1:4" ht="18" customHeight="1" x14ac:dyDescent="0.15">
      <c r="A70" s="5">
        <v>54</v>
      </c>
      <c r="B70" s="22">
        <v>54</v>
      </c>
      <c r="C70" s="14">
        <v>35</v>
      </c>
      <c r="D70" s="18">
        <v>89</v>
      </c>
    </row>
    <row r="71" spans="1:4" ht="18" customHeight="1" x14ac:dyDescent="0.15">
      <c r="A71" s="5" t="s">
        <v>22</v>
      </c>
      <c r="B71" s="22">
        <v>214</v>
      </c>
      <c r="C71" s="14">
        <v>195</v>
      </c>
      <c r="D71" s="18">
        <v>409</v>
      </c>
    </row>
    <row r="72" spans="1:4" ht="18" customHeight="1" x14ac:dyDescent="0.15">
      <c r="A72" s="5">
        <v>55</v>
      </c>
      <c r="B72" s="22">
        <v>38</v>
      </c>
      <c r="C72" s="14">
        <v>30</v>
      </c>
      <c r="D72" s="18">
        <v>68</v>
      </c>
    </row>
    <row r="73" spans="1:4" ht="18" customHeight="1" x14ac:dyDescent="0.15">
      <c r="A73" s="5">
        <v>56</v>
      </c>
      <c r="B73" s="22">
        <v>34</v>
      </c>
      <c r="C73" s="14">
        <v>32</v>
      </c>
      <c r="D73" s="18">
        <v>66</v>
      </c>
    </row>
    <row r="74" spans="1:4" ht="18" customHeight="1" x14ac:dyDescent="0.15">
      <c r="A74" s="5">
        <v>57</v>
      </c>
      <c r="B74" s="22">
        <v>46</v>
      </c>
      <c r="C74" s="14">
        <v>53</v>
      </c>
      <c r="D74" s="18">
        <v>99</v>
      </c>
    </row>
    <row r="75" spans="1:4" ht="18" customHeight="1" x14ac:dyDescent="0.15">
      <c r="A75" s="5">
        <v>58</v>
      </c>
      <c r="B75" s="22">
        <v>26</v>
      </c>
      <c r="C75" s="14">
        <v>30</v>
      </c>
      <c r="D75" s="18">
        <v>56</v>
      </c>
    </row>
    <row r="76" spans="1:4" ht="18" customHeight="1" x14ac:dyDescent="0.15">
      <c r="A76" s="5">
        <v>59</v>
      </c>
      <c r="B76" s="22">
        <v>25</v>
      </c>
      <c r="C76" s="14">
        <v>27</v>
      </c>
      <c r="D76" s="18">
        <v>52</v>
      </c>
    </row>
    <row r="77" spans="1:4" ht="18" customHeight="1" x14ac:dyDescent="0.15">
      <c r="A77" s="5" t="s">
        <v>27</v>
      </c>
      <c r="B77" s="22">
        <v>169</v>
      </c>
      <c r="C77" s="14">
        <v>172</v>
      </c>
      <c r="D77" s="18">
        <v>341</v>
      </c>
    </row>
    <row r="78" spans="1:4" ht="18" customHeight="1" x14ac:dyDescent="0.15">
      <c r="A78" s="5">
        <v>60</v>
      </c>
      <c r="B78" s="22">
        <v>30</v>
      </c>
      <c r="C78" s="14">
        <v>29</v>
      </c>
      <c r="D78" s="18">
        <v>59</v>
      </c>
    </row>
    <row r="79" spans="1:4" ht="18" customHeight="1" x14ac:dyDescent="0.15">
      <c r="A79" s="5">
        <v>61</v>
      </c>
      <c r="B79" s="22">
        <v>43</v>
      </c>
      <c r="C79" s="14">
        <v>32</v>
      </c>
      <c r="D79" s="18">
        <v>75</v>
      </c>
    </row>
    <row r="80" spans="1:4" ht="18" customHeight="1" x14ac:dyDescent="0.15">
      <c r="A80" s="5">
        <v>62</v>
      </c>
      <c r="B80" s="22">
        <v>36</v>
      </c>
      <c r="C80" s="14">
        <v>30</v>
      </c>
      <c r="D80" s="18">
        <v>66</v>
      </c>
    </row>
    <row r="81" spans="1:4" ht="18" customHeight="1" x14ac:dyDescent="0.15">
      <c r="A81" s="5">
        <v>63</v>
      </c>
      <c r="B81" s="22">
        <v>25</v>
      </c>
      <c r="C81" s="14">
        <v>27</v>
      </c>
      <c r="D81" s="18">
        <v>52</v>
      </c>
    </row>
    <row r="82" spans="1:4" ht="18" customHeight="1" x14ac:dyDescent="0.15">
      <c r="A82" s="5">
        <v>64</v>
      </c>
      <c r="B82" s="22">
        <v>30</v>
      </c>
      <c r="C82" s="14">
        <v>32</v>
      </c>
      <c r="D82" s="18">
        <v>62</v>
      </c>
    </row>
    <row r="83" spans="1:4" ht="18" customHeight="1" x14ac:dyDescent="0.15">
      <c r="A83" s="5" t="s">
        <v>28</v>
      </c>
      <c r="B83" s="22">
        <v>164</v>
      </c>
      <c r="C83" s="14">
        <v>150</v>
      </c>
      <c r="D83" s="18">
        <v>314</v>
      </c>
    </row>
    <row r="84" spans="1:4" ht="18" customHeight="1" x14ac:dyDescent="0.15">
      <c r="A84" s="5" t="s">
        <v>31</v>
      </c>
      <c r="B84" s="22">
        <v>1526</v>
      </c>
      <c r="C84" s="14">
        <v>1409</v>
      </c>
      <c r="D84" s="18">
        <v>2935</v>
      </c>
    </row>
    <row r="85" spans="1:4" ht="18" customHeight="1" x14ac:dyDescent="0.15">
      <c r="A85" s="5">
        <v>65</v>
      </c>
      <c r="B85" s="22">
        <v>25</v>
      </c>
      <c r="C85" s="14">
        <v>23</v>
      </c>
      <c r="D85" s="18">
        <v>48</v>
      </c>
    </row>
    <row r="86" spans="1:4" ht="18" customHeight="1" x14ac:dyDescent="0.15">
      <c r="A86" s="5">
        <v>66</v>
      </c>
      <c r="B86" s="22">
        <v>31</v>
      </c>
      <c r="C86" s="14">
        <v>45</v>
      </c>
      <c r="D86" s="18">
        <v>76</v>
      </c>
    </row>
    <row r="87" spans="1:4" ht="18" customHeight="1" x14ac:dyDescent="0.15">
      <c r="A87" s="5">
        <v>67</v>
      </c>
      <c r="B87" s="22">
        <v>26</v>
      </c>
      <c r="C87" s="14">
        <v>31</v>
      </c>
      <c r="D87" s="18">
        <v>57</v>
      </c>
    </row>
    <row r="88" spans="1:4" ht="18" customHeight="1" x14ac:dyDescent="0.15">
      <c r="A88" s="5">
        <v>68</v>
      </c>
      <c r="B88" s="22">
        <v>30</v>
      </c>
      <c r="C88" s="14">
        <v>33</v>
      </c>
      <c r="D88" s="18">
        <v>63</v>
      </c>
    </row>
    <row r="89" spans="1:4" ht="18" customHeight="1" x14ac:dyDescent="0.15">
      <c r="A89" s="5">
        <v>69</v>
      </c>
      <c r="B89" s="22">
        <v>23</v>
      </c>
      <c r="C89" s="14">
        <v>26</v>
      </c>
      <c r="D89" s="18">
        <v>49</v>
      </c>
    </row>
    <row r="90" spans="1:4" ht="18" customHeight="1" x14ac:dyDescent="0.15">
      <c r="A90" s="5" t="s">
        <v>20</v>
      </c>
      <c r="B90" s="22">
        <v>135</v>
      </c>
      <c r="C90" s="14">
        <v>158</v>
      </c>
      <c r="D90" s="18">
        <v>293</v>
      </c>
    </row>
    <row r="91" spans="1:4" ht="18" customHeight="1" x14ac:dyDescent="0.15">
      <c r="A91" s="5">
        <v>70</v>
      </c>
      <c r="B91" s="22">
        <v>32</v>
      </c>
      <c r="C91" s="14">
        <v>25</v>
      </c>
      <c r="D91" s="18">
        <v>57</v>
      </c>
    </row>
    <row r="92" spans="1:4" ht="18" customHeight="1" x14ac:dyDescent="0.15">
      <c r="A92" s="5">
        <v>71</v>
      </c>
      <c r="B92" s="22">
        <v>22</v>
      </c>
      <c r="C92" s="14">
        <v>26</v>
      </c>
      <c r="D92" s="18">
        <v>48</v>
      </c>
    </row>
    <row r="93" spans="1:4" ht="18" customHeight="1" x14ac:dyDescent="0.15">
      <c r="A93" s="5">
        <v>72</v>
      </c>
      <c r="B93" s="22">
        <v>22</v>
      </c>
      <c r="C93" s="14">
        <v>30</v>
      </c>
      <c r="D93" s="18">
        <v>52</v>
      </c>
    </row>
    <row r="94" spans="1:4" ht="18" customHeight="1" x14ac:dyDescent="0.15">
      <c r="A94" s="5">
        <v>73</v>
      </c>
      <c r="B94" s="22">
        <v>24</v>
      </c>
      <c r="C94" s="14">
        <v>30</v>
      </c>
      <c r="D94" s="18">
        <v>54</v>
      </c>
    </row>
    <row r="95" spans="1:4" ht="18" customHeight="1" x14ac:dyDescent="0.15">
      <c r="A95" s="5">
        <v>74</v>
      </c>
      <c r="B95" s="22">
        <v>20</v>
      </c>
      <c r="C95" s="14">
        <v>22</v>
      </c>
      <c r="D95" s="18">
        <v>42</v>
      </c>
    </row>
    <row r="96" spans="1:4" ht="18" customHeight="1" x14ac:dyDescent="0.15">
      <c r="A96" s="5" t="s">
        <v>33</v>
      </c>
      <c r="B96" s="22">
        <v>120</v>
      </c>
      <c r="C96" s="14">
        <v>133</v>
      </c>
      <c r="D96" s="18">
        <v>253</v>
      </c>
    </row>
    <row r="97" spans="1:4" ht="18" customHeight="1" x14ac:dyDescent="0.15">
      <c r="A97" s="5">
        <v>75</v>
      </c>
      <c r="B97" s="22">
        <v>21</v>
      </c>
      <c r="C97" s="14">
        <v>34</v>
      </c>
      <c r="D97" s="18">
        <v>55</v>
      </c>
    </row>
    <row r="98" spans="1:4" ht="18" customHeight="1" x14ac:dyDescent="0.15">
      <c r="A98" s="5">
        <v>76</v>
      </c>
      <c r="B98" s="22">
        <v>32</v>
      </c>
      <c r="C98" s="14">
        <v>24</v>
      </c>
      <c r="D98" s="18">
        <v>56</v>
      </c>
    </row>
    <row r="99" spans="1:4" ht="18" customHeight="1" x14ac:dyDescent="0.15">
      <c r="A99" s="5">
        <v>77</v>
      </c>
      <c r="B99" s="22">
        <v>35</v>
      </c>
      <c r="C99" s="14">
        <v>37</v>
      </c>
      <c r="D99" s="18">
        <v>72</v>
      </c>
    </row>
    <row r="100" spans="1:4" ht="18" customHeight="1" x14ac:dyDescent="0.15">
      <c r="A100" s="5">
        <v>78</v>
      </c>
      <c r="B100" s="22">
        <v>26</v>
      </c>
      <c r="C100" s="14">
        <v>34</v>
      </c>
      <c r="D100" s="18">
        <v>60</v>
      </c>
    </row>
    <row r="101" spans="1:4" ht="18" customHeight="1" x14ac:dyDescent="0.15">
      <c r="A101" s="5">
        <v>79</v>
      </c>
      <c r="B101" s="22">
        <v>16</v>
      </c>
      <c r="C101" s="14">
        <v>31</v>
      </c>
      <c r="D101" s="18">
        <v>47</v>
      </c>
    </row>
    <row r="102" spans="1:4" ht="18" customHeight="1" x14ac:dyDescent="0.15">
      <c r="A102" s="5" t="s">
        <v>0</v>
      </c>
      <c r="B102" s="22">
        <v>130</v>
      </c>
      <c r="C102" s="14">
        <v>160</v>
      </c>
      <c r="D102" s="18">
        <v>290</v>
      </c>
    </row>
    <row r="103" spans="1:4" ht="18" customHeight="1" x14ac:dyDescent="0.15">
      <c r="A103" s="5">
        <v>80</v>
      </c>
      <c r="B103" s="22">
        <v>13</v>
      </c>
      <c r="C103" s="14">
        <v>17</v>
      </c>
      <c r="D103" s="18">
        <v>30</v>
      </c>
    </row>
    <row r="104" spans="1:4" ht="18" customHeight="1" x14ac:dyDescent="0.15">
      <c r="A104" s="5">
        <v>81</v>
      </c>
      <c r="B104" s="22">
        <v>14</v>
      </c>
      <c r="C104" s="14">
        <v>27</v>
      </c>
      <c r="D104" s="18">
        <v>41</v>
      </c>
    </row>
    <row r="105" spans="1:4" ht="18" customHeight="1" x14ac:dyDescent="0.15">
      <c r="A105" s="5">
        <v>82</v>
      </c>
      <c r="B105" s="22">
        <v>21</v>
      </c>
      <c r="C105" s="14">
        <v>26</v>
      </c>
      <c r="D105" s="18">
        <v>47</v>
      </c>
    </row>
    <row r="106" spans="1:4" ht="18" customHeight="1" x14ac:dyDescent="0.15">
      <c r="A106" s="5">
        <v>83</v>
      </c>
      <c r="B106" s="22">
        <v>24</v>
      </c>
      <c r="C106" s="14">
        <v>19</v>
      </c>
      <c r="D106" s="18">
        <v>43</v>
      </c>
    </row>
    <row r="107" spans="1:4" ht="18" customHeight="1" x14ac:dyDescent="0.15">
      <c r="A107" s="5">
        <v>84</v>
      </c>
      <c r="B107" s="22">
        <v>18</v>
      </c>
      <c r="C107" s="14">
        <v>22</v>
      </c>
      <c r="D107" s="18">
        <v>40</v>
      </c>
    </row>
    <row r="108" spans="1:4" ht="18" customHeight="1" x14ac:dyDescent="0.15">
      <c r="A108" s="5" t="s">
        <v>35</v>
      </c>
      <c r="B108" s="22">
        <v>90</v>
      </c>
      <c r="C108" s="14">
        <v>111</v>
      </c>
      <c r="D108" s="18">
        <v>201</v>
      </c>
    </row>
    <row r="109" spans="1:4" ht="18" customHeight="1" x14ac:dyDescent="0.15">
      <c r="A109" s="5">
        <v>85</v>
      </c>
      <c r="B109" s="22">
        <v>14</v>
      </c>
      <c r="C109" s="14">
        <v>22</v>
      </c>
      <c r="D109" s="18">
        <v>36</v>
      </c>
    </row>
    <row r="110" spans="1:4" ht="18" customHeight="1" x14ac:dyDescent="0.15">
      <c r="A110" s="5">
        <v>86</v>
      </c>
      <c r="B110" s="22">
        <v>8</v>
      </c>
      <c r="C110" s="14">
        <v>20</v>
      </c>
      <c r="D110" s="18">
        <v>28</v>
      </c>
    </row>
    <row r="111" spans="1:4" ht="18" customHeight="1" x14ac:dyDescent="0.15">
      <c r="A111" s="5">
        <v>87</v>
      </c>
      <c r="B111" s="22">
        <v>4</v>
      </c>
      <c r="C111" s="14">
        <v>10</v>
      </c>
      <c r="D111" s="18">
        <v>14</v>
      </c>
    </row>
    <row r="112" spans="1:4" ht="18" customHeight="1" x14ac:dyDescent="0.15">
      <c r="A112" s="5">
        <v>88</v>
      </c>
      <c r="B112" s="22">
        <v>6</v>
      </c>
      <c r="C112" s="14">
        <v>21</v>
      </c>
      <c r="D112" s="18">
        <v>27</v>
      </c>
    </row>
    <row r="113" spans="1:4" ht="18" customHeight="1" x14ac:dyDescent="0.15">
      <c r="A113" s="5">
        <v>89</v>
      </c>
      <c r="B113" s="22">
        <v>6</v>
      </c>
      <c r="C113" s="14">
        <v>22</v>
      </c>
      <c r="D113" s="18">
        <v>28</v>
      </c>
    </row>
    <row r="114" spans="1:4" ht="18" customHeight="1" x14ac:dyDescent="0.15">
      <c r="A114" s="5" t="s">
        <v>37</v>
      </c>
      <c r="B114" s="22">
        <v>38</v>
      </c>
      <c r="C114" s="14">
        <v>95</v>
      </c>
      <c r="D114" s="18">
        <v>133</v>
      </c>
    </row>
    <row r="115" spans="1:4" ht="18" customHeight="1" x14ac:dyDescent="0.15">
      <c r="A115" s="5">
        <v>90</v>
      </c>
      <c r="B115" s="22">
        <v>5</v>
      </c>
      <c r="C115" s="14">
        <v>19</v>
      </c>
      <c r="D115" s="18">
        <v>24</v>
      </c>
    </row>
    <row r="116" spans="1:4" ht="18" customHeight="1" x14ac:dyDescent="0.15">
      <c r="A116" s="5">
        <v>91</v>
      </c>
      <c r="B116" s="22">
        <v>7</v>
      </c>
      <c r="C116" s="14">
        <v>12</v>
      </c>
      <c r="D116" s="18">
        <v>19</v>
      </c>
    </row>
    <row r="117" spans="1:4" ht="18" customHeight="1" x14ac:dyDescent="0.15">
      <c r="A117" s="5">
        <v>92</v>
      </c>
      <c r="B117" s="22">
        <v>3</v>
      </c>
      <c r="C117" s="14">
        <v>12</v>
      </c>
      <c r="D117" s="18">
        <v>15</v>
      </c>
    </row>
    <row r="118" spans="1:4" ht="18" customHeight="1" x14ac:dyDescent="0.15">
      <c r="A118" s="5">
        <v>93</v>
      </c>
      <c r="B118" s="22">
        <v>5</v>
      </c>
      <c r="C118" s="14">
        <v>15</v>
      </c>
      <c r="D118" s="18">
        <v>20</v>
      </c>
    </row>
    <row r="119" spans="1:4" ht="18" customHeight="1" x14ac:dyDescent="0.15">
      <c r="A119" s="5">
        <v>94</v>
      </c>
      <c r="B119" s="22">
        <v>3</v>
      </c>
      <c r="C119" s="14">
        <v>2</v>
      </c>
      <c r="D119" s="18">
        <v>5</v>
      </c>
    </row>
    <row r="120" spans="1:4" ht="18" customHeight="1" x14ac:dyDescent="0.15">
      <c r="A120" s="5" t="s">
        <v>39</v>
      </c>
      <c r="B120" s="22">
        <v>23</v>
      </c>
      <c r="C120" s="14">
        <v>60</v>
      </c>
      <c r="D120" s="18">
        <v>83</v>
      </c>
    </row>
    <row r="121" spans="1:4" ht="18" customHeight="1" x14ac:dyDescent="0.15">
      <c r="A121" s="5">
        <v>95</v>
      </c>
      <c r="B121" s="22">
        <v>0</v>
      </c>
      <c r="C121" s="14">
        <v>6</v>
      </c>
      <c r="D121" s="18">
        <v>6</v>
      </c>
    </row>
    <row r="122" spans="1:4" ht="18" customHeight="1" x14ac:dyDescent="0.15">
      <c r="A122" s="5">
        <v>96</v>
      </c>
      <c r="B122" s="22">
        <v>1</v>
      </c>
      <c r="C122" s="14">
        <v>10</v>
      </c>
      <c r="D122" s="18">
        <v>11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3</v>
      </c>
      <c r="C126" s="14">
        <v>23</v>
      </c>
      <c r="D126" s="18">
        <v>26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6</v>
      </c>
      <c r="D129" s="18">
        <v>6</v>
      </c>
    </row>
    <row r="130" spans="1:4" ht="18" customHeight="1" x14ac:dyDescent="0.15">
      <c r="A130" s="5" t="s">
        <v>46</v>
      </c>
      <c r="B130" s="22">
        <v>539</v>
      </c>
      <c r="C130" s="14">
        <v>746</v>
      </c>
      <c r="D130" s="18">
        <v>1285</v>
      </c>
    </row>
    <row r="131" spans="1:4" ht="18" customHeight="1" x14ac:dyDescent="0.15">
      <c r="A131" s="7" t="s">
        <v>45</v>
      </c>
      <c r="B131" s="23">
        <v>2384</v>
      </c>
      <c r="C131" s="15">
        <v>2451</v>
      </c>
      <c r="D131" s="19">
        <v>483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C00-000000000000}">
  <sheetPr codeName="Sheet4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2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5</v>
      </c>
      <c r="C5" s="13">
        <v>11</v>
      </c>
      <c r="D5" s="17">
        <v>26</v>
      </c>
    </row>
    <row r="6" spans="1:4" ht="18" customHeight="1" x14ac:dyDescent="0.15">
      <c r="A6" s="5">
        <v>1</v>
      </c>
      <c r="B6" s="22">
        <v>12</v>
      </c>
      <c r="C6" s="14">
        <v>13</v>
      </c>
      <c r="D6" s="18">
        <v>25</v>
      </c>
    </row>
    <row r="7" spans="1:4" ht="18" customHeight="1" x14ac:dyDescent="0.15">
      <c r="A7" s="5">
        <v>2</v>
      </c>
      <c r="B7" s="22">
        <v>21</v>
      </c>
      <c r="C7" s="14">
        <v>16</v>
      </c>
      <c r="D7" s="18">
        <v>37</v>
      </c>
    </row>
    <row r="8" spans="1:4" ht="18" customHeight="1" x14ac:dyDescent="0.15">
      <c r="A8" s="5">
        <v>3</v>
      </c>
      <c r="B8" s="22">
        <v>8</v>
      </c>
      <c r="C8" s="14">
        <v>13</v>
      </c>
      <c r="D8" s="18">
        <v>21</v>
      </c>
    </row>
    <row r="9" spans="1:4" ht="18" customHeight="1" x14ac:dyDescent="0.15">
      <c r="A9" s="5">
        <v>4</v>
      </c>
      <c r="B9" s="22">
        <v>7</v>
      </c>
      <c r="C9" s="14">
        <v>11</v>
      </c>
      <c r="D9" s="18">
        <v>18</v>
      </c>
    </row>
    <row r="10" spans="1:4" ht="18" customHeight="1" x14ac:dyDescent="0.15">
      <c r="A10" s="5" t="s">
        <v>7</v>
      </c>
      <c r="B10" s="22">
        <v>63</v>
      </c>
      <c r="C10" s="14">
        <v>64</v>
      </c>
      <c r="D10" s="18">
        <v>127</v>
      </c>
    </row>
    <row r="11" spans="1:4" ht="18" customHeight="1" x14ac:dyDescent="0.15">
      <c r="A11" s="5">
        <v>5</v>
      </c>
      <c r="B11" s="22">
        <v>11</v>
      </c>
      <c r="C11" s="14">
        <v>17</v>
      </c>
      <c r="D11" s="18">
        <v>28</v>
      </c>
    </row>
    <row r="12" spans="1:4" ht="18" customHeight="1" x14ac:dyDescent="0.15">
      <c r="A12" s="5">
        <v>6</v>
      </c>
      <c r="B12" s="22">
        <v>13</v>
      </c>
      <c r="C12" s="14">
        <v>17</v>
      </c>
      <c r="D12" s="18">
        <v>30</v>
      </c>
    </row>
    <row r="13" spans="1:4" ht="18" customHeight="1" x14ac:dyDescent="0.15">
      <c r="A13" s="5">
        <v>7</v>
      </c>
      <c r="B13" s="22">
        <v>20</v>
      </c>
      <c r="C13" s="14">
        <v>17</v>
      </c>
      <c r="D13" s="18">
        <v>37</v>
      </c>
    </row>
    <row r="14" spans="1:4" ht="18" customHeight="1" x14ac:dyDescent="0.15">
      <c r="A14" s="5">
        <v>8</v>
      </c>
      <c r="B14" s="22">
        <v>12</v>
      </c>
      <c r="C14" s="14">
        <v>15</v>
      </c>
      <c r="D14" s="18">
        <v>27</v>
      </c>
    </row>
    <row r="15" spans="1:4" ht="18" customHeight="1" x14ac:dyDescent="0.15">
      <c r="A15" s="5">
        <v>9</v>
      </c>
      <c r="B15" s="22">
        <v>19</v>
      </c>
      <c r="C15" s="14">
        <v>16</v>
      </c>
      <c r="D15" s="18">
        <v>35</v>
      </c>
    </row>
    <row r="16" spans="1:4" ht="18" customHeight="1" x14ac:dyDescent="0.15">
      <c r="A16" s="5" t="s">
        <v>11</v>
      </c>
      <c r="B16" s="22">
        <v>75</v>
      </c>
      <c r="C16" s="14">
        <v>82</v>
      </c>
      <c r="D16" s="18">
        <v>157</v>
      </c>
    </row>
    <row r="17" spans="1:4" ht="18" customHeight="1" x14ac:dyDescent="0.15">
      <c r="A17" s="5">
        <v>10</v>
      </c>
      <c r="B17" s="22">
        <v>11</v>
      </c>
      <c r="C17" s="14">
        <v>10</v>
      </c>
      <c r="D17" s="18">
        <v>21</v>
      </c>
    </row>
    <row r="18" spans="1:4" ht="18" customHeight="1" x14ac:dyDescent="0.15">
      <c r="A18" s="5">
        <v>11</v>
      </c>
      <c r="B18" s="22">
        <v>21</v>
      </c>
      <c r="C18" s="14">
        <v>26</v>
      </c>
      <c r="D18" s="18">
        <v>47</v>
      </c>
    </row>
    <row r="19" spans="1:4" ht="18" customHeight="1" x14ac:dyDescent="0.15">
      <c r="A19" s="5">
        <v>12</v>
      </c>
      <c r="B19" s="22">
        <v>24</v>
      </c>
      <c r="C19" s="14">
        <v>14</v>
      </c>
      <c r="D19" s="18">
        <v>38</v>
      </c>
    </row>
    <row r="20" spans="1:4" ht="18" customHeight="1" x14ac:dyDescent="0.15">
      <c r="A20" s="5">
        <v>13</v>
      </c>
      <c r="B20" s="22">
        <v>24</v>
      </c>
      <c r="C20" s="14">
        <v>25</v>
      </c>
      <c r="D20" s="18">
        <v>49</v>
      </c>
    </row>
    <row r="21" spans="1:4" ht="18" customHeight="1" x14ac:dyDescent="0.15">
      <c r="A21" s="5">
        <v>14</v>
      </c>
      <c r="B21" s="22">
        <v>25</v>
      </c>
      <c r="C21" s="14">
        <v>24</v>
      </c>
      <c r="D21" s="18">
        <v>49</v>
      </c>
    </row>
    <row r="22" spans="1:4" ht="18" customHeight="1" x14ac:dyDescent="0.15">
      <c r="A22" s="5" t="s">
        <v>12</v>
      </c>
      <c r="B22" s="22">
        <v>105</v>
      </c>
      <c r="C22" s="14">
        <v>99</v>
      </c>
      <c r="D22" s="18">
        <v>204</v>
      </c>
    </row>
    <row r="23" spans="1:4" ht="18" customHeight="1" x14ac:dyDescent="0.15">
      <c r="A23" s="5" t="s">
        <v>6</v>
      </c>
      <c r="B23" s="22">
        <v>243</v>
      </c>
      <c r="C23" s="14">
        <v>245</v>
      </c>
      <c r="D23" s="18">
        <v>488</v>
      </c>
    </row>
    <row r="24" spans="1:4" ht="18" customHeight="1" x14ac:dyDescent="0.15">
      <c r="A24" s="5">
        <v>15</v>
      </c>
      <c r="B24" s="22">
        <v>34</v>
      </c>
      <c r="C24" s="14">
        <v>15</v>
      </c>
      <c r="D24" s="18">
        <v>49</v>
      </c>
    </row>
    <row r="25" spans="1:4" ht="18" customHeight="1" x14ac:dyDescent="0.15">
      <c r="A25" s="5">
        <v>16</v>
      </c>
      <c r="B25" s="22">
        <v>24</v>
      </c>
      <c r="C25" s="14">
        <v>23</v>
      </c>
      <c r="D25" s="18">
        <v>47</v>
      </c>
    </row>
    <row r="26" spans="1:4" ht="18" customHeight="1" x14ac:dyDescent="0.15">
      <c r="A26" s="5">
        <v>17</v>
      </c>
      <c r="B26" s="22">
        <v>25</v>
      </c>
      <c r="C26" s="14">
        <v>26</v>
      </c>
      <c r="D26" s="18">
        <v>51</v>
      </c>
    </row>
    <row r="27" spans="1:4" ht="18" customHeight="1" x14ac:dyDescent="0.15">
      <c r="A27" s="5">
        <v>18</v>
      </c>
      <c r="B27" s="22">
        <v>17</v>
      </c>
      <c r="C27" s="14">
        <v>28</v>
      </c>
      <c r="D27" s="18">
        <v>45</v>
      </c>
    </row>
    <row r="28" spans="1:4" ht="18" customHeight="1" x14ac:dyDescent="0.15">
      <c r="A28" s="5">
        <v>19</v>
      </c>
      <c r="B28" s="22">
        <v>26</v>
      </c>
      <c r="C28" s="14">
        <v>21</v>
      </c>
      <c r="D28" s="18">
        <v>47</v>
      </c>
    </row>
    <row r="29" spans="1:4" ht="18" customHeight="1" x14ac:dyDescent="0.15">
      <c r="A29" s="5" t="s">
        <v>14</v>
      </c>
      <c r="B29" s="22">
        <v>126</v>
      </c>
      <c r="C29" s="14">
        <v>113</v>
      </c>
      <c r="D29" s="18">
        <v>239</v>
      </c>
    </row>
    <row r="30" spans="1:4" ht="18" customHeight="1" x14ac:dyDescent="0.15">
      <c r="A30" s="5">
        <v>20</v>
      </c>
      <c r="B30" s="22">
        <v>22</v>
      </c>
      <c r="C30" s="14">
        <v>18</v>
      </c>
      <c r="D30" s="18">
        <v>40</v>
      </c>
    </row>
    <row r="31" spans="1:4" ht="18" customHeight="1" x14ac:dyDescent="0.15">
      <c r="A31" s="5">
        <v>21</v>
      </c>
      <c r="B31" s="22">
        <v>26</v>
      </c>
      <c r="C31" s="14">
        <v>19</v>
      </c>
      <c r="D31" s="18">
        <v>45</v>
      </c>
    </row>
    <row r="32" spans="1:4" ht="18" customHeight="1" x14ac:dyDescent="0.15">
      <c r="A32" s="5">
        <v>22</v>
      </c>
      <c r="B32" s="22">
        <v>26</v>
      </c>
      <c r="C32" s="14">
        <v>26</v>
      </c>
      <c r="D32" s="18">
        <v>52</v>
      </c>
    </row>
    <row r="33" spans="1:4" ht="18" customHeight="1" x14ac:dyDescent="0.15">
      <c r="A33" s="5">
        <v>23</v>
      </c>
      <c r="B33" s="22">
        <v>20</v>
      </c>
      <c r="C33" s="14">
        <v>17</v>
      </c>
      <c r="D33" s="18">
        <v>37</v>
      </c>
    </row>
    <row r="34" spans="1:4" ht="18" customHeight="1" x14ac:dyDescent="0.15">
      <c r="A34" s="5">
        <v>24</v>
      </c>
      <c r="B34" s="22">
        <v>26</v>
      </c>
      <c r="C34" s="14">
        <v>26</v>
      </c>
      <c r="D34" s="18">
        <v>52</v>
      </c>
    </row>
    <row r="35" spans="1:4" ht="18" customHeight="1" x14ac:dyDescent="0.15">
      <c r="A35" s="5" t="s">
        <v>9</v>
      </c>
      <c r="B35" s="22">
        <v>120</v>
      </c>
      <c r="C35" s="14">
        <v>106</v>
      </c>
      <c r="D35" s="18">
        <v>226</v>
      </c>
    </row>
    <row r="36" spans="1:4" ht="18" customHeight="1" x14ac:dyDescent="0.15">
      <c r="A36" s="5">
        <v>25</v>
      </c>
      <c r="B36" s="22">
        <v>19</v>
      </c>
      <c r="C36" s="14">
        <v>23</v>
      </c>
      <c r="D36" s="18">
        <v>42</v>
      </c>
    </row>
    <row r="37" spans="1:4" ht="18" customHeight="1" x14ac:dyDescent="0.15">
      <c r="A37" s="5">
        <v>26</v>
      </c>
      <c r="B37" s="22">
        <v>30</v>
      </c>
      <c r="C37" s="14">
        <v>32</v>
      </c>
      <c r="D37" s="18">
        <v>62</v>
      </c>
    </row>
    <row r="38" spans="1:4" ht="18" customHeight="1" x14ac:dyDescent="0.15">
      <c r="A38" s="5">
        <v>27</v>
      </c>
      <c r="B38" s="22">
        <v>29</v>
      </c>
      <c r="C38" s="14">
        <v>22</v>
      </c>
      <c r="D38" s="18">
        <v>51</v>
      </c>
    </row>
    <row r="39" spans="1:4" ht="18" customHeight="1" x14ac:dyDescent="0.15">
      <c r="A39" s="5">
        <v>28</v>
      </c>
      <c r="B39" s="22">
        <v>27</v>
      </c>
      <c r="C39" s="14">
        <v>32</v>
      </c>
      <c r="D39" s="18">
        <v>59</v>
      </c>
    </row>
    <row r="40" spans="1:4" ht="18" customHeight="1" x14ac:dyDescent="0.15">
      <c r="A40" s="5">
        <v>29</v>
      </c>
      <c r="B40" s="22">
        <v>28</v>
      </c>
      <c r="C40" s="14">
        <v>28</v>
      </c>
      <c r="D40" s="18">
        <v>56</v>
      </c>
    </row>
    <row r="41" spans="1:4" ht="18" customHeight="1" x14ac:dyDescent="0.15">
      <c r="A41" s="5" t="s">
        <v>2</v>
      </c>
      <c r="B41" s="22">
        <v>133</v>
      </c>
      <c r="C41" s="14">
        <v>137</v>
      </c>
      <c r="D41" s="18">
        <v>270</v>
      </c>
    </row>
    <row r="42" spans="1:4" ht="18" customHeight="1" x14ac:dyDescent="0.15">
      <c r="A42" s="5">
        <v>30</v>
      </c>
      <c r="B42" s="22">
        <v>29</v>
      </c>
      <c r="C42" s="14">
        <v>15</v>
      </c>
      <c r="D42" s="18">
        <v>44</v>
      </c>
    </row>
    <row r="43" spans="1:4" ht="18" customHeight="1" x14ac:dyDescent="0.15">
      <c r="A43" s="5">
        <v>31</v>
      </c>
      <c r="B43" s="22">
        <v>19</v>
      </c>
      <c r="C43" s="14">
        <v>16</v>
      </c>
      <c r="D43" s="18">
        <v>35</v>
      </c>
    </row>
    <row r="44" spans="1:4" ht="18" customHeight="1" x14ac:dyDescent="0.15">
      <c r="A44" s="5">
        <v>32</v>
      </c>
      <c r="B44" s="22">
        <v>37</v>
      </c>
      <c r="C44" s="14">
        <v>21</v>
      </c>
      <c r="D44" s="18">
        <v>58</v>
      </c>
    </row>
    <row r="45" spans="1:4" ht="18" customHeight="1" x14ac:dyDescent="0.15">
      <c r="A45" s="5">
        <v>33</v>
      </c>
      <c r="B45" s="22">
        <v>27</v>
      </c>
      <c r="C45" s="14">
        <v>15</v>
      </c>
      <c r="D45" s="18">
        <v>42</v>
      </c>
    </row>
    <row r="46" spans="1:4" ht="18" customHeight="1" x14ac:dyDescent="0.15">
      <c r="A46" s="5">
        <v>34</v>
      </c>
      <c r="B46" s="22">
        <v>26</v>
      </c>
      <c r="C46" s="14">
        <v>25</v>
      </c>
      <c r="D46" s="18">
        <v>51</v>
      </c>
    </row>
    <row r="47" spans="1:4" ht="18" customHeight="1" x14ac:dyDescent="0.15">
      <c r="A47" s="5" t="s">
        <v>15</v>
      </c>
      <c r="B47" s="22">
        <v>138</v>
      </c>
      <c r="C47" s="14">
        <v>92</v>
      </c>
      <c r="D47" s="18">
        <v>230</v>
      </c>
    </row>
    <row r="48" spans="1:4" ht="18" customHeight="1" x14ac:dyDescent="0.15">
      <c r="A48" s="5">
        <v>35</v>
      </c>
      <c r="B48" s="22">
        <v>19</v>
      </c>
      <c r="C48" s="14">
        <v>21</v>
      </c>
      <c r="D48" s="18">
        <v>40</v>
      </c>
    </row>
    <row r="49" spans="1:4" ht="18" customHeight="1" x14ac:dyDescent="0.15">
      <c r="A49" s="5">
        <v>36</v>
      </c>
      <c r="B49" s="22">
        <v>18</v>
      </c>
      <c r="C49" s="14">
        <v>18</v>
      </c>
      <c r="D49" s="18">
        <v>36</v>
      </c>
    </row>
    <row r="50" spans="1:4" ht="18" customHeight="1" x14ac:dyDescent="0.15">
      <c r="A50" s="5">
        <v>37</v>
      </c>
      <c r="B50" s="22">
        <v>23</v>
      </c>
      <c r="C50" s="14">
        <v>30</v>
      </c>
      <c r="D50" s="18">
        <v>53</v>
      </c>
    </row>
    <row r="51" spans="1:4" ht="18" customHeight="1" x14ac:dyDescent="0.15">
      <c r="A51" s="5">
        <v>38</v>
      </c>
      <c r="B51" s="22">
        <v>26</v>
      </c>
      <c r="C51" s="14">
        <v>19</v>
      </c>
      <c r="D51" s="18">
        <v>45</v>
      </c>
    </row>
    <row r="52" spans="1:4" ht="18" customHeight="1" x14ac:dyDescent="0.15">
      <c r="A52" s="5">
        <v>39</v>
      </c>
      <c r="B52" s="22">
        <v>29</v>
      </c>
      <c r="C52" s="14">
        <v>31</v>
      </c>
      <c r="D52" s="18">
        <v>60</v>
      </c>
    </row>
    <row r="53" spans="1:4" ht="18" customHeight="1" x14ac:dyDescent="0.15">
      <c r="A53" s="5" t="s">
        <v>18</v>
      </c>
      <c r="B53" s="22">
        <v>115</v>
      </c>
      <c r="C53" s="14">
        <v>119</v>
      </c>
      <c r="D53" s="18">
        <v>234</v>
      </c>
    </row>
    <row r="54" spans="1:4" ht="18" customHeight="1" x14ac:dyDescent="0.15">
      <c r="A54" s="5">
        <v>40</v>
      </c>
      <c r="B54" s="22">
        <v>30</v>
      </c>
      <c r="C54" s="14">
        <v>24</v>
      </c>
      <c r="D54" s="18">
        <v>54</v>
      </c>
    </row>
    <row r="55" spans="1:4" ht="18" customHeight="1" x14ac:dyDescent="0.15">
      <c r="A55" s="5">
        <v>41</v>
      </c>
      <c r="B55" s="22">
        <v>33</v>
      </c>
      <c r="C55" s="14">
        <v>26</v>
      </c>
      <c r="D55" s="18">
        <v>59</v>
      </c>
    </row>
    <row r="56" spans="1:4" ht="18" customHeight="1" x14ac:dyDescent="0.15">
      <c r="A56" s="5">
        <v>42</v>
      </c>
      <c r="B56" s="22">
        <v>33</v>
      </c>
      <c r="C56" s="14">
        <v>33</v>
      </c>
      <c r="D56" s="18">
        <v>66</v>
      </c>
    </row>
    <row r="57" spans="1:4" ht="18" customHeight="1" x14ac:dyDescent="0.15">
      <c r="A57" s="5">
        <v>43</v>
      </c>
      <c r="B57" s="22">
        <v>36</v>
      </c>
      <c r="C57" s="14">
        <v>28</v>
      </c>
      <c r="D57" s="18">
        <v>64</v>
      </c>
    </row>
    <row r="58" spans="1:4" ht="18" customHeight="1" x14ac:dyDescent="0.15">
      <c r="A58" s="5">
        <v>44</v>
      </c>
      <c r="B58" s="22">
        <v>36</v>
      </c>
      <c r="C58" s="14">
        <v>26</v>
      </c>
      <c r="D58" s="18">
        <v>62</v>
      </c>
    </row>
    <row r="59" spans="1:4" ht="18" customHeight="1" x14ac:dyDescent="0.15">
      <c r="A59" s="5" t="s">
        <v>21</v>
      </c>
      <c r="B59" s="22">
        <v>168</v>
      </c>
      <c r="C59" s="14">
        <v>137</v>
      </c>
      <c r="D59" s="18">
        <v>305</v>
      </c>
    </row>
    <row r="60" spans="1:4" ht="18" customHeight="1" x14ac:dyDescent="0.15">
      <c r="A60" s="5">
        <v>45</v>
      </c>
      <c r="B60" s="22">
        <v>31</v>
      </c>
      <c r="C60" s="14">
        <v>30</v>
      </c>
      <c r="D60" s="18">
        <v>61</v>
      </c>
    </row>
    <row r="61" spans="1:4" ht="18" customHeight="1" x14ac:dyDescent="0.15">
      <c r="A61" s="5">
        <v>46</v>
      </c>
      <c r="B61" s="22">
        <v>39</v>
      </c>
      <c r="C61" s="14">
        <v>25</v>
      </c>
      <c r="D61" s="18">
        <v>64</v>
      </c>
    </row>
    <row r="62" spans="1:4" ht="18" customHeight="1" x14ac:dyDescent="0.15">
      <c r="A62" s="5">
        <v>47</v>
      </c>
      <c r="B62" s="22">
        <v>31</v>
      </c>
      <c r="C62" s="14">
        <v>39</v>
      </c>
      <c r="D62" s="18">
        <v>70</v>
      </c>
    </row>
    <row r="63" spans="1:4" ht="18" customHeight="1" x14ac:dyDescent="0.15">
      <c r="A63" s="5">
        <v>48</v>
      </c>
      <c r="B63" s="22">
        <v>32</v>
      </c>
      <c r="C63" s="14">
        <v>37</v>
      </c>
      <c r="D63" s="18">
        <v>69</v>
      </c>
    </row>
    <row r="64" spans="1:4" ht="18" customHeight="1" x14ac:dyDescent="0.15">
      <c r="A64" s="5">
        <v>49</v>
      </c>
      <c r="B64" s="22">
        <v>44</v>
      </c>
      <c r="C64" s="14">
        <v>19</v>
      </c>
      <c r="D64" s="18">
        <v>63</v>
      </c>
    </row>
    <row r="65" spans="1:4" ht="18" customHeight="1" x14ac:dyDescent="0.15">
      <c r="A65" s="5" t="s">
        <v>17</v>
      </c>
      <c r="B65" s="22">
        <v>177</v>
      </c>
      <c r="C65" s="14">
        <v>150</v>
      </c>
      <c r="D65" s="18">
        <v>327</v>
      </c>
    </row>
    <row r="66" spans="1:4" ht="18" customHeight="1" x14ac:dyDescent="0.15">
      <c r="A66" s="5">
        <v>50</v>
      </c>
      <c r="B66" s="22">
        <v>40</v>
      </c>
      <c r="C66" s="14">
        <v>35</v>
      </c>
      <c r="D66" s="18">
        <v>75</v>
      </c>
    </row>
    <row r="67" spans="1:4" ht="18" customHeight="1" x14ac:dyDescent="0.15">
      <c r="A67" s="5">
        <v>51</v>
      </c>
      <c r="B67" s="22">
        <v>42</v>
      </c>
      <c r="C67" s="14">
        <v>47</v>
      </c>
      <c r="D67" s="18">
        <v>89</v>
      </c>
    </row>
    <row r="68" spans="1:4" ht="18" customHeight="1" x14ac:dyDescent="0.15">
      <c r="A68" s="5">
        <v>52</v>
      </c>
      <c r="B68" s="22">
        <v>46</v>
      </c>
      <c r="C68" s="14">
        <v>44</v>
      </c>
      <c r="D68" s="18">
        <v>90</v>
      </c>
    </row>
    <row r="69" spans="1:4" ht="18" customHeight="1" x14ac:dyDescent="0.15">
      <c r="A69" s="5">
        <v>53</v>
      </c>
      <c r="B69" s="22">
        <v>49</v>
      </c>
      <c r="C69" s="14">
        <v>36</v>
      </c>
      <c r="D69" s="18">
        <v>85</v>
      </c>
    </row>
    <row r="70" spans="1:4" ht="18" customHeight="1" x14ac:dyDescent="0.15">
      <c r="A70" s="5">
        <v>54</v>
      </c>
      <c r="B70" s="22">
        <v>47</v>
      </c>
      <c r="C70" s="14">
        <v>36</v>
      </c>
      <c r="D70" s="18">
        <v>83</v>
      </c>
    </row>
    <row r="71" spans="1:4" ht="18" customHeight="1" x14ac:dyDescent="0.15">
      <c r="A71" s="5" t="s">
        <v>22</v>
      </c>
      <c r="B71" s="22">
        <v>224</v>
      </c>
      <c r="C71" s="14">
        <v>198</v>
      </c>
      <c r="D71" s="18">
        <v>422</v>
      </c>
    </row>
    <row r="72" spans="1:4" ht="18" customHeight="1" x14ac:dyDescent="0.15">
      <c r="A72" s="5">
        <v>55</v>
      </c>
      <c r="B72" s="22">
        <v>44</v>
      </c>
      <c r="C72" s="14">
        <v>43</v>
      </c>
      <c r="D72" s="18">
        <v>87</v>
      </c>
    </row>
    <row r="73" spans="1:4" ht="18" customHeight="1" x14ac:dyDescent="0.15">
      <c r="A73" s="5">
        <v>56</v>
      </c>
      <c r="B73" s="22">
        <v>40</v>
      </c>
      <c r="C73" s="14">
        <v>44</v>
      </c>
      <c r="D73" s="18">
        <v>84</v>
      </c>
    </row>
    <row r="74" spans="1:4" ht="18" customHeight="1" x14ac:dyDescent="0.15">
      <c r="A74" s="5">
        <v>57</v>
      </c>
      <c r="B74" s="22">
        <v>47</v>
      </c>
      <c r="C74" s="14">
        <v>36</v>
      </c>
      <c r="D74" s="18">
        <v>83</v>
      </c>
    </row>
    <row r="75" spans="1:4" ht="18" customHeight="1" x14ac:dyDescent="0.15">
      <c r="A75" s="5">
        <v>58</v>
      </c>
      <c r="B75" s="22">
        <v>27</v>
      </c>
      <c r="C75" s="14">
        <v>28</v>
      </c>
      <c r="D75" s="18">
        <v>55</v>
      </c>
    </row>
    <row r="76" spans="1:4" ht="18" customHeight="1" x14ac:dyDescent="0.15">
      <c r="A76" s="5">
        <v>59</v>
      </c>
      <c r="B76" s="22">
        <v>22</v>
      </c>
      <c r="C76" s="14">
        <v>27</v>
      </c>
      <c r="D76" s="18">
        <v>49</v>
      </c>
    </row>
    <row r="77" spans="1:4" ht="18" customHeight="1" x14ac:dyDescent="0.15">
      <c r="A77" s="5" t="s">
        <v>27</v>
      </c>
      <c r="B77" s="22">
        <v>180</v>
      </c>
      <c r="C77" s="14">
        <v>178</v>
      </c>
      <c r="D77" s="18">
        <v>358</v>
      </c>
    </row>
    <row r="78" spans="1:4" ht="18" customHeight="1" x14ac:dyDescent="0.15">
      <c r="A78" s="5">
        <v>60</v>
      </c>
      <c r="B78" s="22">
        <v>32</v>
      </c>
      <c r="C78" s="14">
        <v>41</v>
      </c>
      <c r="D78" s="18">
        <v>73</v>
      </c>
    </row>
    <row r="79" spans="1:4" ht="18" customHeight="1" x14ac:dyDescent="0.15">
      <c r="A79" s="5">
        <v>61</v>
      </c>
      <c r="B79" s="22">
        <v>37</v>
      </c>
      <c r="C79" s="14">
        <v>28</v>
      </c>
      <c r="D79" s="18">
        <v>65</v>
      </c>
    </row>
    <row r="80" spans="1:4" ht="18" customHeight="1" x14ac:dyDescent="0.15">
      <c r="A80" s="5">
        <v>62</v>
      </c>
      <c r="B80" s="22">
        <v>37</v>
      </c>
      <c r="C80" s="14">
        <v>33</v>
      </c>
      <c r="D80" s="18">
        <v>70</v>
      </c>
    </row>
    <row r="81" spans="1:4" ht="18" customHeight="1" x14ac:dyDescent="0.15">
      <c r="A81" s="5">
        <v>63</v>
      </c>
      <c r="B81" s="22">
        <v>35</v>
      </c>
      <c r="C81" s="14">
        <v>31</v>
      </c>
      <c r="D81" s="18">
        <v>66</v>
      </c>
    </row>
    <row r="82" spans="1:4" ht="18" customHeight="1" x14ac:dyDescent="0.15">
      <c r="A82" s="5">
        <v>64</v>
      </c>
      <c r="B82" s="22">
        <v>29</v>
      </c>
      <c r="C82" s="14">
        <v>22</v>
      </c>
      <c r="D82" s="18">
        <v>51</v>
      </c>
    </row>
    <row r="83" spans="1:4" ht="18" customHeight="1" x14ac:dyDescent="0.15">
      <c r="A83" s="5" t="s">
        <v>28</v>
      </c>
      <c r="B83" s="22">
        <v>170</v>
      </c>
      <c r="C83" s="14">
        <v>155</v>
      </c>
      <c r="D83" s="18">
        <v>325</v>
      </c>
    </row>
    <row r="84" spans="1:4" ht="18" customHeight="1" x14ac:dyDescent="0.15">
      <c r="A84" s="5" t="s">
        <v>31</v>
      </c>
      <c r="B84" s="22">
        <v>1551</v>
      </c>
      <c r="C84" s="14">
        <v>1385</v>
      </c>
      <c r="D84" s="18">
        <v>2936</v>
      </c>
    </row>
    <row r="85" spans="1:4" ht="18" customHeight="1" x14ac:dyDescent="0.15">
      <c r="A85" s="5">
        <v>65</v>
      </c>
      <c r="B85" s="22">
        <v>23</v>
      </c>
      <c r="C85" s="14">
        <v>31</v>
      </c>
      <c r="D85" s="18">
        <v>54</v>
      </c>
    </row>
    <row r="86" spans="1:4" ht="18" customHeight="1" x14ac:dyDescent="0.15">
      <c r="A86" s="5">
        <v>66</v>
      </c>
      <c r="B86" s="22">
        <v>29</v>
      </c>
      <c r="C86" s="14">
        <v>30</v>
      </c>
      <c r="D86" s="18">
        <v>59</v>
      </c>
    </row>
    <row r="87" spans="1:4" ht="18" customHeight="1" x14ac:dyDescent="0.15">
      <c r="A87" s="5">
        <v>67</v>
      </c>
      <c r="B87" s="22">
        <v>25</v>
      </c>
      <c r="C87" s="14">
        <v>36</v>
      </c>
      <c r="D87" s="18">
        <v>61</v>
      </c>
    </row>
    <row r="88" spans="1:4" ht="18" customHeight="1" x14ac:dyDescent="0.15">
      <c r="A88" s="5">
        <v>68</v>
      </c>
      <c r="B88" s="22">
        <v>33</v>
      </c>
      <c r="C88" s="14">
        <v>32</v>
      </c>
      <c r="D88" s="18">
        <v>65</v>
      </c>
    </row>
    <row r="89" spans="1:4" ht="18" customHeight="1" x14ac:dyDescent="0.15">
      <c r="A89" s="5">
        <v>69</v>
      </c>
      <c r="B89" s="22">
        <v>38</v>
      </c>
      <c r="C89" s="14">
        <v>41</v>
      </c>
      <c r="D89" s="18">
        <v>79</v>
      </c>
    </row>
    <row r="90" spans="1:4" ht="18" customHeight="1" x14ac:dyDescent="0.15">
      <c r="A90" s="5" t="s">
        <v>20</v>
      </c>
      <c r="B90" s="22">
        <v>148</v>
      </c>
      <c r="C90" s="14">
        <v>170</v>
      </c>
      <c r="D90" s="18">
        <v>318</v>
      </c>
    </row>
    <row r="91" spans="1:4" ht="18" customHeight="1" x14ac:dyDescent="0.15">
      <c r="A91" s="5">
        <v>70</v>
      </c>
      <c r="B91" s="22">
        <v>36</v>
      </c>
      <c r="C91" s="14">
        <v>34</v>
      </c>
      <c r="D91" s="18">
        <v>70</v>
      </c>
    </row>
    <row r="92" spans="1:4" ht="18" customHeight="1" x14ac:dyDescent="0.15">
      <c r="A92" s="5">
        <v>71</v>
      </c>
      <c r="B92" s="22">
        <v>30</v>
      </c>
      <c r="C92" s="14">
        <v>45</v>
      </c>
      <c r="D92" s="18">
        <v>75</v>
      </c>
    </row>
    <row r="93" spans="1:4" ht="18" customHeight="1" x14ac:dyDescent="0.15">
      <c r="A93" s="5">
        <v>72</v>
      </c>
      <c r="B93" s="22">
        <v>36</v>
      </c>
      <c r="C93" s="14">
        <v>48</v>
      </c>
      <c r="D93" s="18">
        <v>84</v>
      </c>
    </row>
    <row r="94" spans="1:4" ht="18" customHeight="1" x14ac:dyDescent="0.15">
      <c r="A94" s="5">
        <v>73</v>
      </c>
      <c r="B94" s="22">
        <v>31</v>
      </c>
      <c r="C94" s="14">
        <v>43</v>
      </c>
      <c r="D94" s="18">
        <v>74</v>
      </c>
    </row>
    <row r="95" spans="1:4" ht="18" customHeight="1" x14ac:dyDescent="0.15">
      <c r="A95" s="5">
        <v>74</v>
      </c>
      <c r="B95" s="22">
        <v>35</v>
      </c>
      <c r="C95" s="14">
        <v>42</v>
      </c>
      <c r="D95" s="18">
        <v>77</v>
      </c>
    </row>
    <row r="96" spans="1:4" ht="18" customHeight="1" x14ac:dyDescent="0.15">
      <c r="A96" s="5" t="s">
        <v>33</v>
      </c>
      <c r="B96" s="22">
        <v>168</v>
      </c>
      <c r="C96" s="14">
        <v>212</v>
      </c>
      <c r="D96" s="18">
        <v>380</v>
      </c>
    </row>
    <row r="97" spans="1:4" ht="18" customHeight="1" x14ac:dyDescent="0.15">
      <c r="A97" s="5">
        <v>75</v>
      </c>
      <c r="B97" s="22">
        <v>56</v>
      </c>
      <c r="C97" s="14">
        <v>43</v>
      </c>
      <c r="D97" s="18">
        <v>99</v>
      </c>
    </row>
    <row r="98" spans="1:4" ht="18" customHeight="1" x14ac:dyDescent="0.15">
      <c r="A98" s="5">
        <v>76</v>
      </c>
      <c r="B98" s="22">
        <v>62</v>
      </c>
      <c r="C98" s="14">
        <v>71</v>
      </c>
      <c r="D98" s="18">
        <v>133</v>
      </c>
    </row>
    <row r="99" spans="1:4" ht="18" customHeight="1" x14ac:dyDescent="0.15">
      <c r="A99" s="5">
        <v>77</v>
      </c>
      <c r="B99" s="22">
        <v>53</v>
      </c>
      <c r="C99" s="14">
        <v>63</v>
      </c>
      <c r="D99" s="18">
        <v>116</v>
      </c>
    </row>
    <row r="100" spans="1:4" ht="18" customHeight="1" x14ac:dyDescent="0.15">
      <c r="A100" s="5">
        <v>78</v>
      </c>
      <c r="B100" s="22">
        <v>41</v>
      </c>
      <c r="C100" s="14">
        <v>69</v>
      </c>
      <c r="D100" s="18">
        <v>110</v>
      </c>
    </row>
    <row r="101" spans="1:4" ht="18" customHeight="1" x14ac:dyDescent="0.15">
      <c r="A101" s="5">
        <v>79</v>
      </c>
      <c r="B101" s="22">
        <v>46</v>
      </c>
      <c r="C101" s="14">
        <v>50</v>
      </c>
      <c r="D101" s="18">
        <v>96</v>
      </c>
    </row>
    <row r="102" spans="1:4" ht="18" customHeight="1" x14ac:dyDescent="0.15">
      <c r="A102" s="5" t="s">
        <v>0</v>
      </c>
      <c r="B102" s="22">
        <v>258</v>
      </c>
      <c r="C102" s="14">
        <v>296</v>
      </c>
      <c r="D102" s="18">
        <v>554</v>
      </c>
    </row>
    <row r="103" spans="1:4" ht="18" customHeight="1" x14ac:dyDescent="0.15">
      <c r="A103" s="5">
        <v>80</v>
      </c>
      <c r="B103" s="22">
        <v>22</v>
      </c>
      <c r="C103" s="14">
        <v>26</v>
      </c>
      <c r="D103" s="18">
        <v>48</v>
      </c>
    </row>
    <row r="104" spans="1:4" ht="18" customHeight="1" x14ac:dyDescent="0.15">
      <c r="A104" s="5">
        <v>81</v>
      </c>
      <c r="B104" s="22">
        <v>26</v>
      </c>
      <c r="C104" s="14">
        <v>56</v>
      </c>
      <c r="D104" s="18">
        <v>82</v>
      </c>
    </row>
    <row r="105" spans="1:4" ht="18" customHeight="1" x14ac:dyDescent="0.15">
      <c r="A105" s="5">
        <v>82</v>
      </c>
      <c r="B105" s="22">
        <v>41</v>
      </c>
      <c r="C105" s="14">
        <v>58</v>
      </c>
      <c r="D105" s="18">
        <v>99</v>
      </c>
    </row>
    <row r="106" spans="1:4" ht="18" customHeight="1" x14ac:dyDescent="0.15">
      <c r="A106" s="5">
        <v>83</v>
      </c>
      <c r="B106" s="22">
        <v>28</v>
      </c>
      <c r="C106" s="14">
        <v>44</v>
      </c>
      <c r="D106" s="18">
        <v>72</v>
      </c>
    </row>
    <row r="107" spans="1:4" ht="18" customHeight="1" x14ac:dyDescent="0.15">
      <c r="A107" s="5">
        <v>84</v>
      </c>
      <c r="B107" s="22">
        <v>37</v>
      </c>
      <c r="C107" s="14">
        <v>46</v>
      </c>
      <c r="D107" s="18">
        <v>83</v>
      </c>
    </row>
    <row r="108" spans="1:4" ht="18" customHeight="1" x14ac:dyDescent="0.15">
      <c r="A108" s="5" t="s">
        <v>35</v>
      </c>
      <c r="B108" s="22">
        <v>154</v>
      </c>
      <c r="C108" s="14">
        <v>230</v>
      </c>
      <c r="D108" s="18">
        <v>384</v>
      </c>
    </row>
    <row r="109" spans="1:4" ht="18" customHeight="1" x14ac:dyDescent="0.15">
      <c r="A109" s="5">
        <v>85</v>
      </c>
      <c r="B109" s="22">
        <v>21</v>
      </c>
      <c r="C109" s="14">
        <v>43</v>
      </c>
      <c r="D109" s="18">
        <v>64</v>
      </c>
    </row>
    <row r="110" spans="1:4" ht="18" customHeight="1" x14ac:dyDescent="0.15">
      <c r="A110" s="5">
        <v>86</v>
      </c>
      <c r="B110" s="22">
        <v>23</v>
      </c>
      <c r="C110" s="14">
        <v>20</v>
      </c>
      <c r="D110" s="18">
        <v>43</v>
      </c>
    </row>
    <row r="111" spans="1:4" ht="18" customHeight="1" x14ac:dyDescent="0.15">
      <c r="A111" s="5">
        <v>87</v>
      </c>
      <c r="B111" s="22">
        <v>11</v>
      </c>
      <c r="C111" s="14">
        <v>17</v>
      </c>
      <c r="D111" s="18">
        <v>28</v>
      </c>
    </row>
    <row r="112" spans="1:4" ht="18" customHeight="1" x14ac:dyDescent="0.15">
      <c r="A112" s="5">
        <v>88</v>
      </c>
      <c r="B112" s="22">
        <v>19</v>
      </c>
      <c r="C112" s="14">
        <v>30</v>
      </c>
      <c r="D112" s="18">
        <v>49</v>
      </c>
    </row>
    <row r="113" spans="1:4" ht="18" customHeight="1" x14ac:dyDescent="0.15">
      <c r="A113" s="5">
        <v>89</v>
      </c>
      <c r="B113" s="22">
        <v>16</v>
      </c>
      <c r="C113" s="14">
        <v>23</v>
      </c>
      <c r="D113" s="18">
        <v>39</v>
      </c>
    </row>
    <row r="114" spans="1:4" ht="18" customHeight="1" x14ac:dyDescent="0.15">
      <c r="A114" s="5" t="s">
        <v>37</v>
      </c>
      <c r="B114" s="22">
        <v>90</v>
      </c>
      <c r="C114" s="14">
        <v>133</v>
      </c>
      <c r="D114" s="18">
        <v>223</v>
      </c>
    </row>
    <row r="115" spans="1:4" ht="18" customHeight="1" x14ac:dyDescent="0.15">
      <c r="A115" s="5">
        <v>90</v>
      </c>
      <c r="B115" s="22">
        <v>10</v>
      </c>
      <c r="C115" s="14">
        <v>23</v>
      </c>
      <c r="D115" s="18">
        <v>33</v>
      </c>
    </row>
    <row r="116" spans="1:4" ht="18" customHeight="1" x14ac:dyDescent="0.15">
      <c r="A116" s="5">
        <v>91</v>
      </c>
      <c r="B116" s="22">
        <v>4</v>
      </c>
      <c r="C116" s="14">
        <v>17</v>
      </c>
      <c r="D116" s="18">
        <v>21</v>
      </c>
    </row>
    <row r="117" spans="1:4" ht="18" customHeight="1" x14ac:dyDescent="0.15">
      <c r="A117" s="5">
        <v>92</v>
      </c>
      <c r="B117" s="22">
        <v>13</v>
      </c>
      <c r="C117" s="14">
        <v>15</v>
      </c>
      <c r="D117" s="18">
        <v>28</v>
      </c>
    </row>
    <row r="118" spans="1:4" ht="18" customHeight="1" x14ac:dyDescent="0.15">
      <c r="A118" s="5">
        <v>93</v>
      </c>
      <c r="B118" s="22">
        <v>2</v>
      </c>
      <c r="C118" s="14">
        <v>21</v>
      </c>
      <c r="D118" s="18">
        <v>23</v>
      </c>
    </row>
    <row r="119" spans="1:4" ht="18" customHeight="1" x14ac:dyDescent="0.15">
      <c r="A119" s="5">
        <v>94</v>
      </c>
      <c r="B119" s="22">
        <v>4</v>
      </c>
      <c r="C119" s="14">
        <v>8</v>
      </c>
      <c r="D119" s="18">
        <v>12</v>
      </c>
    </row>
    <row r="120" spans="1:4" ht="18" customHeight="1" x14ac:dyDescent="0.15">
      <c r="A120" s="5" t="s">
        <v>39</v>
      </c>
      <c r="B120" s="22">
        <v>33</v>
      </c>
      <c r="C120" s="14">
        <v>84</v>
      </c>
      <c r="D120" s="18">
        <v>117</v>
      </c>
    </row>
    <row r="121" spans="1:4" ht="18" customHeight="1" x14ac:dyDescent="0.15">
      <c r="A121" s="5">
        <v>95</v>
      </c>
      <c r="B121" s="22">
        <v>1</v>
      </c>
      <c r="C121" s="14">
        <v>6</v>
      </c>
      <c r="D121" s="18">
        <v>7</v>
      </c>
    </row>
    <row r="122" spans="1:4" ht="18" customHeight="1" x14ac:dyDescent="0.15">
      <c r="A122" s="5">
        <v>96</v>
      </c>
      <c r="B122" s="22">
        <v>1</v>
      </c>
      <c r="C122" s="14">
        <v>8</v>
      </c>
      <c r="D122" s="18">
        <v>9</v>
      </c>
    </row>
    <row r="123" spans="1:4" ht="18" customHeight="1" x14ac:dyDescent="0.15">
      <c r="A123" s="5">
        <v>97</v>
      </c>
      <c r="B123" s="22">
        <v>2</v>
      </c>
      <c r="C123" s="14">
        <v>8</v>
      </c>
      <c r="D123" s="18">
        <v>10</v>
      </c>
    </row>
    <row r="124" spans="1:4" ht="18" customHeight="1" x14ac:dyDescent="0.15">
      <c r="A124" s="5">
        <v>98</v>
      </c>
      <c r="B124" s="22">
        <v>1</v>
      </c>
      <c r="C124" s="14">
        <v>5</v>
      </c>
      <c r="D124" s="18">
        <v>6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5</v>
      </c>
      <c r="C126" s="14">
        <v>30</v>
      </c>
      <c r="D126" s="18">
        <v>35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856</v>
      </c>
      <c r="C130" s="14">
        <v>1158</v>
      </c>
      <c r="D130" s="18">
        <v>2014</v>
      </c>
    </row>
    <row r="131" spans="1:4" ht="18" customHeight="1" x14ac:dyDescent="0.15">
      <c r="A131" s="7" t="s">
        <v>45</v>
      </c>
      <c r="B131" s="23">
        <v>2650</v>
      </c>
      <c r="C131" s="15">
        <v>2788</v>
      </c>
      <c r="D131" s="19">
        <v>543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D00-000000000000}">
  <sheetPr codeName="Sheet4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2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1</v>
      </c>
      <c r="C5" s="13">
        <v>51</v>
      </c>
      <c r="D5" s="17">
        <v>92</v>
      </c>
    </row>
    <row r="6" spans="1:4" ht="18" customHeight="1" x14ac:dyDescent="0.15">
      <c r="A6" s="5">
        <v>1</v>
      </c>
      <c r="B6" s="22">
        <v>43</v>
      </c>
      <c r="C6" s="14">
        <v>60</v>
      </c>
      <c r="D6" s="18">
        <v>103</v>
      </c>
    </row>
    <row r="7" spans="1:4" ht="18" customHeight="1" x14ac:dyDescent="0.15">
      <c r="A7" s="5">
        <v>2</v>
      </c>
      <c r="B7" s="22">
        <v>43</v>
      </c>
      <c r="C7" s="14">
        <v>54</v>
      </c>
      <c r="D7" s="18">
        <v>97</v>
      </c>
    </row>
    <row r="8" spans="1:4" ht="18" customHeight="1" x14ac:dyDescent="0.15">
      <c r="A8" s="5">
        <v>3</v>
      </c>
      <c r="B8" s="22">
        <v>47</v>
      </c>
      <c r="C8" s="14">
        <v>53</v>
      </c>
      <c r="D8" s="18">
        <v>100</v>
      </c>
    </row>
    <row r="9" spans="1:4" ht="18" customHeight="1" x14ac:dyDescent="0.15">
      <c r="A9" s="5">
        <v>4</v>
      </c>
      <c r="B9" s="22">
        <v>49</v>
      </c>
      <c r="C9" s="14">
        <v>46</v>
      </c>
      <c r="D9" s="18">
        <v>95</v>
      </c>
    </row>
    <row r="10" spans="1:4" ht="18" customHeight="1" x14ac:dyDescent="0.15">
      <c r="A10" s="5" t="s">
        <v>7</v>
      </c>
      <c r="B10" s="22">
        <v>223</v>
      </c>
      <c r="C10" s="14">
        <v>264</v>
      </c>
      <c r="D10" s="18">
        <v>487</v>
      </c>
    </row>
    <row r="11" spans="1:4" ht="18" customHeight="1" x14ac:dyDescent="0.15">
      <c r="A11" s="5">
        <v>5</v>
      </c>
      <c r="B11" s="22">
        <v>45</v>
      </c>
      <c r="C11" s="14">
        <v>41</v>
      </c>
      <c r="D11" s="18">
        <v>86</v>
      </c>
    </row>
    <row r="12" spans="1:4" ht="18" customHeight="1" x14ac:dyDescent="0.15">
      <c r="A12" s="5">
        <v>6</v>
      </c>
      <c r="B12" s="22">
        <v>46</v>
      </c>
      <c r="C12" s="14">
        <v>43</v>
      </c>
      <c r="D12" s="18">
        <v>89</v>
      </c>
    </row>
    <row r="13" spans="1:4" ht="18" customHeight="1" x14ac:dyDescent="0.15">
      <c r="A13" s="5">
        <v>7</v>
      </c>
      <c r="B13" s="22">
        <v>35</v>
      </c>
      <c r="C13" s="14">
        <v>49</v>
      </c>
      <c r="D13" s="18">
        <v>84</v>
      </c>
    </row>
    <row r="14" spans="1:4" ht="18" customHeight="1" x14ac:dyDescent="0.15">
      <c r="A14" s="5">
        <v>8</v>
      </c>
      <c r="B14" s="22">
        <v>50</v>
      </c>
      <c r="C14" s="14">
        <v>55</v>
      </c>
      <c r="D14" s="18">
        <v>105</v>
      </c>
    </row>
    <row r="15" spans="1:4" ht="18" customHeight="1" x14ac:dyDescent="0.15">
      <c r="A15" s="5">
        <v>9</v>
      </c>
      <c r="B15" s="22">
        <v>59</v>
      </c>
      <c r="C15" s="14">
        <v>59</v>
      </c>
      <c r="D15" s="18">
        <v>118</v>
      </c>
    </row>
    <row r="16" spans="1:4" ht="18" customHeight="1" x14ac:dyDescent="0.15">
      <c r="A16" s="5" t="s">
        <v>11</v>
      </c>
      <c r="B16" s="22">
        <v>235</v>
      </c>
      <c r="C16" s="14">
        <v>247</v>
      </c>
      <c r="D16" s="18">
        <v>482</v>
      </c>
    </row>
    <row r="17" spans="1:4" ht="18" customHeight="1" x14ac:dyDescent="0.15">
      <c r="A17" s="5">
        <v>10</v>
      </c>
      <c r="B17" s="22">
        <v>72</v>
      </c>
      <c r="C17" s="14">
        <v>44</v>
      </c>
      <c r="D17" s="18">
        <v>116</v>
      </c>
    </row>
    <row r="18" spans="1:4" ht="18" customHeight="1" x14ac:dyDescent="0.15">
      <c r="A18" s="5">
        <v>11</v>
      </c>
      <c r="B18" s="22">
        <v>58</v>
      </c>
      <c r="C18" s="14">
        <v>60</v>
      </c>
      <c r="D18" s="18">
        <v>118</v>
      </c>
    </row>
    <row r="19" spans="1:4" ht="18" customHeight="1" x14ac:dyDescent="0.15">
      <c r="A19" s="5">
        <v>12</v>
      </c>
      <c r="B19" s="22">
        <v>65</v>
      </c>
      <c r="C19" s="14">
        <v>53</v>
      </c>
      <c r="D19" s="18">
        <v>118</v>
      </c>
    </row>
    <row r="20" spans="1:4" ht="18" customHeight="1" x14ac:dyDescent="0.15">
      <c r="A20" s="5">
        <v>13</v>
      </c>
      <c r="B20" s="22">
        <v>54</v>
      </c>
      <c r="C20" s="14">
        <v>56</v>
      </c>
      <c r="D20" s="18">
        <v>110</v>
      </c>
    </row>
    <row r="21" spans="1:4" ht="18" customHeight="1" x14ac:dyDescent="0.15">
      <c r="A21" s="5">
        <v>14</v>
      </c>
      <c r="B21" s="22">
        <v>63</v>
      </c>
      <c r="C21" s="14">
        <v>54</v>
      </c>
      <c r="D21" s="18">
        <v>117</v>
      </c>
    </row>
    <row r="22" spans="1:4" ht="18" customHeight="1" x14ac:dyDescent="0.15">
      <c r="A22" s="5" t="s">
        <v>12</v>
      </c>
      <c r="B22" s="22">
        <v>312</v>
      </c>
      <c r="C22" s="14">
        <v>267</v>
      </c>
      <c r="D22" s="18">
        <v>579</v>
      </c>
    </row>
    <row r="23" spans="1:4" ht="18" customHeight="1" x14ac:dyDescent="0.15">
      <c r="A23" s="5" t="s">
        <v>6</v>
      </c>
      <c r="B23" s="22">
        <v>770</v>
      </c>
      <c r="C23" s="14">
        <v>778</v>
      </c>
      <c r="D23" s="18">
        <v>1548</v>
      </c>
    </row>
    <row r="24" spans="1:4" ht="18" customHeight="1" x14ac:dyDescent="0.15">
      <c r="A24" s="5">
        <v>15</v>
      </c>
      <c r="B24" s="22">
        <v>71</v>
      </c>
      <c r="C24" s="14">
        <v>68</v>
      </c>
      <c r="D24" s="18">
        <v>139</v>
      </c>
    </row>
    <row r="25" spans="1:4" ht="18" customHeight="1" x14ac:dyDescent="0.15">
      <c r="A25" s="5">
        <v>16</v>
      </c>
      <c r="B25" s="22">
        <v>59</v>
      </c>
      <c r="C25" s="14">
        <v>65</v>
      </c>
      <c r="D25" s="18">
        <v>124</v>
      </c>
    </row>
    <row r="26" spans="1:4" ht="18" customHeight="1" x14ac:dyDescent="0.15">
      <c r="A26" s="5">
        <v>17</v>
      </c>
      <c r="B26" s="22">
        <v>54</v>
      </c>
      <c r="C26" s="14">
        <v>48</v>
      </c>
      <c r="D26" s="18">
        <v>102</v>
      </c>
    </row>
    <row r="27" spans="1:4" ht="18" customHeight="1" x14ac:dyDescent="0.15">
      <c r="A27" s="5">
        <v>18</v>
      </c>
      <c r="B27" s="22">
        <v>55</v>
      </c>
      <c r="C27" s="14">
        <v>57</v>
      </c>
      <c r="D27" s="18">
        <v>112</v>
      </c>
    </row>
    <row r="28" spans="1:4" ht="18" customHeight="1" x14ac:dyDescent="0.15">
      <c r="A28" s="5">
        <v>19</v>
      </c>
      <c r="B28" s="22">
        <v>76</v>
      </c>
      <c r="C28" s="14">
        <v>50</v>
      </c>
      <c r="D28" s="18">
        <v>126</v>
      </c>
    </row>
    <row r="29" spans="1:4" ht="18" customHeight="1" x14ac:dyDescent="0.15">
      <c r="A29" s="5" t="s">
        <v>14</v>
      </c>
      <c r="B29" s="22">
        <v>315</v>
      </c>
      <c r="C29" s="14">
        <v>288</v>
      </c>
      <c r="D29" s="18">
        <v>603</v>
      </c>
    </row>
    <row r="30" spans="1:4" ht="18" customHeight="1" x14ac:dyDescent="0.15">
      <c r="A30" s="5">
        <v>20</v>
      </c>
      <c r="B30" s="22">
        <v>66</v>
      </c>
      <c r="C30" s="14">
        <v>60</v>
      </c>
      <c r="D30" s="18">
        <v>126</v>
      </c>
    </row>
    <row r="31" spans="1:4" ht="18" customHeight="1" x14ac:dyDescent="0.15">
      <c r="A31" s="5">
        <v>21</v>
      </c>
      <c r="B31" s="22">
        <v>47</v>
      </c>
      <c r="C31" s="14">
        <v>68</v>
      </c>
      <c r="D31" s="18">
        <v>115</v>
      </c>
    </row>
    <row r="32" spans="1:4" ht="18" customHeight="1" x14ac:dyDescent="0.15">
      <c r="A32" s="5">
        <v>22</v>
      </c>
      <c r="B32" s="22">
        <v>53</v>
      </c>
      <c r="C32" s="14">
        <v>69</v>
      </c>
      <c r="D32" s="18">
        <v>122</v>
      </c>
    </row>
    <row r="33" spans="1:4" ht="18" customHeight="1" x14ac:dyDescent="0.15">
      <c r="A33" s="5">
        <v>23</v>
      </c>
      <c r="B33" s="22">
        <v>76</v>
      </c>
      <c r="C33" s="14">
        <v>68</v>
      </c>
      <c r="D33" s="18">
        <v>144</v>
      </c>
    </row>
    <row r="34" spans="1:4" ht="18" customHeight="1" x14ac:dyDescent="0.15">
      <c r="A34" s="5">
        <v>24</v>
      </c>
      <c r="B34" s="22">
        <v>84</v>
      </c>
      <c r="C34" s="14">
        <v>80</v>
      </c>
      <c r="D34" s="18">
        <v>164</v>
      </c>
    </row>
    <row r="35" spans="1:4" ht="18" customHeight="1" x14ac:dyDescent="0.15">
      <c r="A35" s="5" t="s">
        <v>9</v>
      </c>
      <c r="B35" s="22">
        <v>326</v>
      </c>
      <c r="C35" s="14">
        <v>345</v>
      </c>
      <c r="D35" s="18">
        <v>671</v>
      </c>
    </row>
    <row r="36" spans="1:4" ht="18" customHeight="1" x14ac:dyDescent="0.15">
      <c r="A36" s="5">
        <v>25</v>
      </c>
      <c r="B36" s="22">
        <v>96</v>
      </c>
      <c r="C36" s="14">
        <v>86</v>
      </c>
      <c r="D36" s="18">
        <v>182</v>
      </c>
    </row>
    <row r="37" spans="1:4" ht="18" customHeight="1" x14ac:dyDescent="0.15">
      <c r="A37" s="5">
        <v>26</v>
      </c>
      <c r="B37" s="22">
        <v>86</v>
      </c>
      <c r="C37" s="14">
        <v>80</v>
      </c>
      <c r="D37" s="18">
        <v>166</v>
      </c>
    </row>
    <row r="38" spans="1:4" ht="18" customHeight="1" x14ac:dyDescent="0.15">
      <c r="A38" s="5">
        <v>27</v>
      </c>
      <c r="B38" s="22">
        <v>82</v>
      </c>
      <c r="C38" s="14">
        <v>81</v>
      </c>
      <c r="D38" s="18">
        <v>163</v>
      </c>
    </row>
    <row r="39" spans="1:4" ht="18" customHeight="1" x14ac:dyDescent="0.15">
      <c r="A39" s="5">
        <v>28</v>
      </c>
      <c r="B39" s="22">
        <v>89</v>
      </c>
      <c r="C39" s="14">
        <v>88</v>
      </c>
      <c r="D39" s="18">
        <v>177</v>
      </c>
    </row>
    <row r="40" spans="1:4" ht="18" customHeight="1" x14ac:dyDescent="0.15">
      <c r="A40" s="5">
        <v>29</v>
      </c>
      <c r="B40" s="22">
        <v>116</v>
      </c>
      <c r="C40" s="14">
        <v>81</v>
      </c>
      <c r="D40" s="18">
        <v>197</v>
      </c>
    </row>
    <row r="41" spans="1:4" ht="18" customHeight="1" x14ac:dyDescent="0.15">
      <c r="A41" s="5" t="s">
        <v>2</v>
      </c>
      <c r="B41" s="22">
        <v>469</v>
      </c>
      <c r="C41" s="14">
        <v>416</v>
      </c>
      <c r="D41" s="18">
        <v>885</v>
      </c>
    </row>
    <row r="42" spans="1:4" ht="18" customHeight="1" x14ac:dyDescent="0.15">
      <c r="A42" s="5">
        <v>30</v>
      </c>
      <c r="B42" s="22">
        <v>83</v>
      </c>
      <c r="C42" s="14">
        <v>79</v>
      </c>
      <c r="D42" s="18">
        <v>162</v>
      </c>
    </row>
    <row r="43" spans="1:4" ht="18" customHeight="1" x14ac:dyDescent="0.15">
      <c r="A43" s="5">
        <v>31</v>
      </c>
      <c r="B43" s="22">
        <v>125</v>
      </c>
      <c r="C43" s="14">
        <v>93</v>
      </c>
      <c r="D43" s="18">
        <v>218</v>
      </c>
    </row>
    <row r="44" spans="1:4" ht="18" customHeight="1" x14ac:dyDescent="0.15">
      <c r="A44" s="5">
        <v>32</v>
      </c>
      <c r="B44" s="22">
        <v>87</v>
      </c>
      <c r="C44" s="14">
        <v>73</v>
      </c>
      <c r="D44" s="18">
        <v>160</v>
      </c>
    </row>
    <row r="45" spans="1:4" ht="18" customHeight="1" x14ac:dyDescent="0.15">
      <c r="A45" s="5">
        <v>33</v>
      </c>
      <c r="B45" s="22">
        <v>75</v>
      </c>
      <c r="C45" s="14">
        <v>89</v>
      </c>
      <c r="D45" s="18">
        <v>164</v>
      </c>
    </row>
    <row r="46" spans="1:4" ht="18" customHeight="1" x14ac:dyDescent="0.15">
      <c r="A46" s="5">
        <v>34</v>
      </c>
      <c r="B46" s="22">
        <v>82</v>
      </c>
      <c r="C46" s="14">
        <v>85</v>
      </c>
      <c r="D46" s="18">
        <v>167</v>
      </c>
    </row>
    <row r="47" spans="1:4" ht="18" customHeight="1" x14ac:dyDescent="0.15">
      <c r="A47" s="5" t="s">
        <v>15</v>
      </c>
      <c r="B47" s="22">
        <v>452</v>
      </c>
      <c r="C47" s="14">
        <v>419</v>
      </c>
      <c r="D47" s="18">
        <v>871</v>
      </c>
    </row>
    <row r="48" spans="1:4" ht="18" customHeight="1" x14ac:dyDescent="0.15">
      <c r="A48" s="5">
        <v>35</v>
      </c>
      <c r="B48" s="22">
        <v>113</v>
      </c>
      <c r="C48" s="14">
        <v>76</v>
      </c>
      <c r="D48" s="18">
        <v>189</v>
      </c>
    </row>
    <row r="49" spans="1:4" ht="18" customHeight="1" x14ac:dyDescent="0.15">
      <c r="A49" s="5">
        <v>36</v>
      </c>
      <c r="B49" s="22">
        <v>75</v>
      </c>
      <c r="C49" s="14">
        <v>76</v>
      </c>
      <c r="D49" s="18">
        <v>151</v>
      </c>
    </row>
    <row r="50" spans="1:4" ht="18" customHeight="1" x14ac:dyDescent="0.15">
      <c r="A50" s="5">
        <v>37</v>
      </c>
      <c r="B50" s="22">
        <v>79</v>
      </c>
      <c r="C50" s="14">
        <v>76</v>
      </c>
      <c r="D50" s="18">
        <v>155</v>
      </c>
    </row>
    <row r="51" spans="1:4" ht="18" customHeight="1" x14ac:dyDescent="0.15">
      <c r="A51" s="5">
        <v>38</v>
      </c>
      <c r="B51" s="22">
        <v>64</v>
      </c>
      <c r="C51" s="14">
        <v>64</v>
      </c>
      <c r="D51" s="18">
        <v>128</v>
      </c>
    </row>
    <row r="52" spans="1:4" ht="18" customHeight="1" x14ac:dyDescent="0.15">
      <c r="A52" s="5">
        <v>39</v>
      </c>
      <c r="B52" s="22">
        <v>82</v>
      </c>
      <c r="C52" s="14">
        <v>67</v>
      </c>
      <c r="D52" s="18">
        <v>149</v>
      </c>
    </row>
    <row r="53" spans="1:4" ht="18" customHeight="1" x14ac:dyDescent="0.15">
      <c r="A53" s="5" t="s">
        <v>18</v>
      </c>
      <c r="B53" s="22">
        <v>413</v>
      </c>
      <c r="C53" s="14">
        <v>359</v>
      </c>
      <c r="D53" s="18">
        <v>772</v>
      </c>
    </row>
    <row r="54" spans="1:4" ht="18" customHeight="1" x14ac:dyDescent="0.15">
      <c r="A54" s="5">
        <v>40</v>
      </c>
      <c r="B54" s="22">
        <v>92</v>
      </c>
      <c r="C54" s="14">
        <v>82</v>
      </c>
      <c r="D54" s="18">
        <v>174</v>
      </c>
    </row>
    <row r="55" spans="1:4" ht="18" customHeight="1" x14ac:dyDescent="0.15">
      <c r="A55" s="5">
        <v>41</v>
      </c>
      <c r="B55" s="22">
        <v>94</v>
      </c>
      <c r="C55" s="14">
        <v>81</v>
      </c>
      <c r="D55" s="18">
        <v>175</v>
      </c>
    </row>
    <row r="56" spans="1:4" ht="18" customHeight="1" x14ac:dyDescent="0.15">
      <c r="A56" s="5">
        <v>42</v>
      </c>
      <c r="B56" s="22">
        <v>91</v>
      </c>
      <c r="C56" s="14">
        <v>73</v>
      </c>
      <c r="D56" s="18">
        <v>164</v>
      </c>
    </row>
    <row r="57" spans="1:4" ht="18" customHeight="1" x14ac:dyDescent="0.15">
      <c r="A57" s="5">
        <v>43</v>
      </c>
      <c r="B57" s="22">
        <v>100</v>
      </c>
      <c r="C57" s="14">
        <v>75</v>
      </c>
      <c r="D57" s="18">
        <v>175</v>
      </c>
    </row>
    <row r="58" spans="1:4" ht="18" customHeight="1" x14ac:dyDescent="0.15">
      <c r="A58" s="5">
        <v>44</v>
      </c>
      <c r="B58" s="22">
        <v>75</v>
      </c>
      <c r="C58" s="14">
        <v>89</v>
      </c>
      <c r="D58" s="18">
        <v>164</v>
      </c>
    </row>
    <row r="59" spans="1:4" ht="18" customHeight="1" x14ac:dyDescent="0.15">
      <c r="A59" s="5" t="s">
        <v>21</v>
      </c>
      <c r="B59" s="22">
        <v>452</v>
      </c>
      <c r="C59" s="14">
        <v>400</v>
      </c>
      <c r="D59" s="18">
        <v>852</v>
      </c>
    </row>
    <row r="60" spans="1:4" ht="18" customHeight="1" x14ac:dyDescent="0.15">
      <c r="A60" s="5">
        <v>45</v>
      </c>
      <c r="B60" s="22">
        <v>96</v>
      </c>
      <c r="C60" s="14">
        <v>85</v>
      </c>
      <c r="D60" s="18">
        <v>181</v>
      </c>
    </row>
    <row r="61" spans="1:4" ht="18" customHeight="1" x14ac:dyDescent="0.15">
      <c r="A61" s="5">
        <v>46</v>
      </c>
      <c r="B61" s="22">
        <v>98</v>
      </c>
      <c r="C61" s="14">
        <v>80</v>
      </c>
      <c r="D61" s="18">
        <v>178</v>
      </c>
    </row>
    <row r="62" spans="1:4" ht="18" customHeight="1" x14ac:dyDescent="0.15">
      <c r="A62" s="5">
        <v>47</v>
      </c>
      <c r="B62" s="22">
        <v>106</v>
      </c>
      <c r="C62" s="14">
        <v>109</v>
      </c>
      <c r="D62" s="18">
        <v>215</v>
      </c>
    </row>
    <row r="63" spans="1:4" ht="18" customHeight="1" x14ac:dyDescent="0.15">
      <c r="A63" s="5">
        <v>48</v>
      </c>
      <c r="B63" s="22">
        <v>116</v>
      </c>
      <c r="C63" s="14">
        <v>88</v>
      </c>
      <c r="D63" s="18">
        <v>204</v>
      </c>
    </row>
    <row r="64" spans="1:4" ht="18" customHeight="1" x14ac:dyDescent="0.15">
      <c r="A64" s="5">
        <v>49</v>
      </c>
      <c r="B64" s="22">
        <v>113</v>
      </c>
      <c r="C64" s="14">
        <v>99</v>
      </c>
      <c r="D64" s="18">
        <v>212</v>
      </c>
    </row>
    <row r="65" spans="1:4" ht="18" customHeight="1" x14ac:dyDescent="0.15">
      <c r="A65" s="5" t="s">
        <v>17</v>
      </c>
      <c r="B65" s="22">
        <v>529</v>
      </c>
      <c r="C65" s="14">
        <v>461</v>
      </c>
      <c r="D65" s="18">
        <v>990</v>
      </c>
    </row>
    <row r="66" spans="1:4" ht="18" customHeight="1" x14ac:dyDescent="0.15">
      <c r="A66" s="5">
        <v>50</v>
      </c>
      <c r="B66" s="22">
        <v>117</v>
      </c>
      <c r="C66" s="14">
        <v>109</v>
      </c>
      <c r="D66" s="18">
        <v>226</v>
      </c>
    </row>
    <row r="67" spans="1:4" ht="18" customHeight="1" x14ac:dyDescent="0.15">
      <c r="A67" s="5">
        <v>51</v>
      </c>
      <c r="B67" s="22">
        <v>111</v>
      </c>
      <c r="C67" s="14">
        <v>123</v>
      </c>
      <c r="D67" s="18">
        <v>234</v>
      </c>
    </row>
    <row r="68" spans="1:4" ht="18" customHeight="1" x14ac:dyDescent="0.15">
      <c r="A68" s="5">
        <v>52</v>
      </c>
      <c r="B68" s="22">
        <v>122</v>
      </c>
      <c r="C68" s="14">
        <v>106</v>
      </c>
      <c r="D68" s="18">
        <v>228</v>
      </c>
    </row>
    <row r="69" spans="1:4" ht="18" customHeight="1" x14ac:dyDescent="0.15">
      <c r="A69" s="5">
        <v>53</v>
      </c>
      <c r="B69" s="22">
        <v>120</v>
      </c>
      <c r="C69" s="14">
        <v>115</v>
      </c>
      <c r="D69" s="18">
        <v>235</v>
      </c>
    </row>
    <row r="70" spans="1:4" ht="18" customHeight="1" x14ac:dyDescent="0.15">
      <c r="A70" s="5">
        <v>54</v>
      </c>
      <c r="B70" s="22">
        <v>115</v>
      </c>
      <c r="C70" s="14">
        <v>95</v>
      </c>
      <c r="D70" s="18">
        <v>210</v>
      </c>
    </row>
    <row r="71" spans="1:4" ht="18" customHeight="1" x14ac:dyDescent="0.15">
      <c r="A71" s="5" t="s">
        <v>22</v>
      </c>
      <c r="B71" s="22">
        <v>585</v>
      </c>
      <c r="C71" s="14">
        <v>548</v>
      </c>
      <c r="D71" s="18">
        <v>1133</v>
      </c>
    </row>
    <row r="72" spans="1:4" ht="18" customHeight="1" x14ac:dyDescent="0.15">
      <c r="A72" s="5">
        <v>55</v>
      </c>
      <c r="B72" s="22">
        <v>112</v>
      </c>
      <c r="C72" s="14">
        <v>98</v>
      </c>
      <c r="D72" s="18">
        <v>210</v>
      </c>
    </row>
    <row r="73" spans="1:4" ht="18" customHeight="1" x14ac:dyDescent="0.15">
      <c r="A73" s="5">
        <v>56</v>
      </c>
      <c r="B73" s="22">
        <v>90</v>
      </c>
      <c r="C73" s="14">
        <v>90</v>
      </c>
      <c r="D73" s="18">
        <v>180</v>
      </c>
    </row>
    <row r="74" spans="1:4" ht="18" customHeight="1" x14ac:dyDescent="0.15">
      <c r="A74" s="5">
        <v>57</v>
      </c>
      <c r="B74" s="22">
        <v>95</v>
      </c>
      <c r="C74" s="14">
        <v>97</v>
      </c>
      <c r="D74" s="18">
        <v>192</v>
      </c>
    </row>
    <row r="75" spans="1:4" ht="18" customHeight="1" x14ac:dyDescent="0.15">
      <c r="A75" s="5">
        <v>58</v>
      </c>
      <c r="B75" s="22">
        <v>84</v>
      </c>
      <c r="C75" s="14">
        <v>76</v>
      </c>
      <c r="D75" s="18">
        <v>160</v>
      </c>
    </row>
    <row r="76" spans="1:4" ht="18" customHeight="1" x14ac:dyDescent="0.15">
      <c r="A76" s="5">
        <v>59</v>
      </c>
      <c r="B76" s="22">
        <v>68</v>
      </c>
      <c r="C76" s="14">
        <v>89</v>
      </c>
      <c r="D76" s="18">
        <v>157</v>
      </c>
    </row>
    <row r="77" spans="1:4" ht="18" customHeight="1" x14ac:dyDescent="0.15">
      <c r="A77" s="5" t="s">
        <v>27</v>
      </c>
      <c r="B77" s="22">
        <v>449</v>
      </c>
      <c r="C77" s="14">
        <v>450</v>
      </c>
      <c r="D77" s="18">
        <v>899</v>
      </c>
    </row>
    <row r="78" spans="1:4" ht="18" customHeight="1" x14ac:dyDescent="0.15">
      <c r="A78" s="5">
        <v>60</v>
      </c>
      <c r="B78" s="22">
        <v>81</v>
      </c>
      <c r="C78" s="14">
        <v>85</v>
      </c>
      <c r="D78" s="18">
        <v>166</v>
      </c>
    </row>
    <row r="79" spans="1:4" ht="18" customHeight="1" x14ac:dyDescent="0.15">
      <c r="A79" s="5">
        <v>61</v>
      </c>
      <c r="B79" s="22">
        <v>72</v>
      </c>
      <c r="C79" s="14">
        <v>92</v>
      </c>
      <c r="D79" s="18">
        <v>164</v>
      </c>
    </row>
    <row r="80" spans="1:4" ht="18" customHeight="1" x14ac:dyDescent="0.15">
      <c r="A80" s="5">
        <v>62</v>
      </c>
      <c r="B80" s="22">
        <v>88</v>
      </c>
      <c r="C80" s="14">
        <v>86</v>
      </c>
      <c r="D80" s="18">
        <v>174</v>
      </c>
    </row>
    <row r="81" spans="1:4" ht="18" customHeight="1" x14ac:dyDescent="0.15">
      <c r="A81" s="5">
        <v>63</v>
      </c>
      <c r="B81" s="22">
        <v>65</v>
      </c>
      <c r="C81" s="14">
        <v>80</v>
      </c>
      <c r="D81" s="18">
        <v>145</v>
      </c>
    </row>
    <row r="82" spans="1:4" ht="18" customHeight="1" x14ac:dyDescent="0.15">
      <c r="A82" s="5">
        <v>64</v>
      </c>
      <c r="B82" s="22">
        <v>60</v>
      </c>
      <c r="C82" s="14">
        <v>61</v>
      </c>
      <c r="D82" s="18">
        <v>121</v>
      </c>
    </row>
    <row r="83" spans="1:4" ht="18" customHeight="1" x14ac:dyDescent="0.15">
      <c r="A83" s="5" t="s">
        <v>28</v>
      </c>
      <c r="B83" s="22">
        <v>366</v>
      </c>
      <c r="C83" s="14">
        <v>404</v>
      </c>
      <c r="D83" s="18">
        <v>770</v>
      </c>
    </row>
    <row r="84" spans="1:4" ht="18" customHeight="1" x14ac:dyDescent="0.15">
      <c r="A84" s="5" t="s">
        <v>31</v>
      </c>
      <c r="B84" s="22">
        <v>4356</v>
      </c>
      <c r="C84" s="14">
        <v>4090</v>
      </c>
      <c r="D84" s="18">
        <v>8446</v>
      </c>
    </row>
    <row r="85" spans="1:4" ht="18" customHeight="1" x14ac:dyDescent="0.15">
      <c r="A85" s="5">
        <v>65</v>
      </c>
      <c r="B85" s="22">
        <v>65</v>
      </c>
      <c r="C85" s="14">
        <v>67</v>
      </c>
      <c r="D85" s="18">
        <v>132</v>
      </c>
    </row>
    <row r="86" spans="1:4" ht="18" customHeight="1" x14ac:dyDescent="0.15">
      <c r="A86" s="5">
        <v>66</v>
      </c>
      <c r="B86" s="22">
        <v>69</v>
      </c>
      <c r="C86" s="14">
        <v>76</v>
      </c>
      <c r="D86" s="18">
        <v>145</v>
      </c>
    </row>
    <row r="87" spans="1:4" ht="18" customHeight="1" x14ac:dyDescent="0.15">
      <c r="A87" s="5">
        <v>67</v>
      </c>
      <c r="B87" s="22">
        <v>59</v>
      </c>
      <c r="C87" s="14">
        <v>77</v>
      </c>
      <c r="D87" s="18">
        <v>136</v>
      </c>
    </row>
    <row r="88" spans="1:4" ht="18" customHeight="1" x14ac:dyDescent="0.15">
      <c r="A88" s="5">
        <v>68</v>
      </c>
      <c r="B88" s="22">
        <v>59</v>
      </c>
      <c r="C88" s="14">
        <v>67</v>
      </c>
      <c r="D88" s="18">
        <v>126</v>
      </c>
    </row>
    <row r="89" spans="1:4" ht="18" customHeight="1" x14ac:dyDescent="0.15">
      <c r="A89" s="5">
        <v>69</v>
      </c>
      <c r="B89" s="22">
        <v>60</v>
      </c>
      <c r="C89" s="14">
        <v>62</v>
      </c>
      <c r="D89" s="18">
        <v>122</v>
      </c>
    </row>
    <row r="90" spans="1:4" ht="18" customHeight="1" x14ac:dyDescent="0.15">
      <c r="A90" s="5" t="s">
        <v>20</v>
      </c>
      <c r="B90" s="22">
        <v>312</v>
      </c>
      <c r="C90" s="14">
        <v>349</v>
      </c>
      <c r="D90" s="18">
        <v>661</v>
      </c>
    </row>
    <row r="91" spans="1:4" ht="18" customHeight="1" x14ac:dyDescent="0.15">
      <c r="A91" s="5">
        <v>70</v>
      </c>
      <c r="B91" s="22">
        <v>66</v>
      </c>
      <c r="C91" s="14">
        <v>91</v>
      </c>
      <c r="D91" s="18">
        <v>157</v>
      </c>
    </row>
    <row r="92" spans="1:4" ht="18" customHeight="1" x14ac:dyDescent="0.15">
      <c r="A92" s="5">
        <v>71</v>
      </c>
      <c r="B92" s="22">
        <v>69</v>
      </c>
      <c r="C92" s="14">
        <v>81</v>
      </c>
      <c r="D92" s="18">
        <v>150</v>
      </c>
    </row>
    <row r="93" spans="1:4" ht="18" customHeight="1" x14ac:dyDescent="0.15">
      <c r="A93" s="5">
        <v>72</v>
      </c>
      <c r="B93" s="22">
        <v>61</v>
      </c>
      <c r="C93" s="14">
        <v>89</v>
      </c>
      <c r="D93" s="18">
        <v>150</v>
      </c>
    </row>
    <row r="94" spans="1:4" ht="18" customHeight="1" x14ac:dyDescent="0.15">
      <c r="A94" s="5">
        <v>73</v>
      </c>
      <c r="B94" s="22">
        <v>68</v>
      </c>
      <c r="C94" s="14">
        <v>70</v>
      </c>
      <c r="D94" s="18">
        <v>138</v>
      </c>
    </row>
    <row r="95" spans="1:4" ht="18" customHeight="1" x14ac:dyDescent="0.15">
      <c r="A95" s="5">
        <v>74</v>
      </c>
      <c r="B95" s="22">
        <v>76</v>
      </c>
      <c r="C95" s="14">
        <v>65</v>
      </c>
      <c r="D95" s="18">
        <v>141</v>
      </c>
    </row>
    <row r="96" spans="1:4" ht="18" customHeight="1" x14ac:dyDescent="0.15">
      <c r="A96" s="5" t="s">
        <v>33</v>
      </c>
      <c r="B96" s="22">
        <v>340</v>
      </c>
      <c r="C96" s="14">
        <v>396</v>
      </c>
      <c r="D96" s="18">
        <v>736</v>
      </c>
    </row>
    <row r="97" spans="1:4" ht="18" customHeight="1" x14ac:dyDescent="0.15">
      <c r="A97" s="5">
        <v>75</v>
      </c>
      <c r="B97" s="22">
        <v>74</v>
      </c>
      <c r="C97" s="14">
        <v>94</v>
      </c>
      <c r="D97" s="18">
        <v>168</v>
      </c>
    </row>
    <row r="98" spans="1:4" ht="18" customHeight="1" x14ac:dyDescent="0.15">
      <c r="A98" s="5">
        <v>76</v>
      </c>
      <c r="B98" s="22">
        <v>84</v>
      </c>
      <c r="C98" s="14">
        <v>93</v>
      </c>
      <c r="D98" s="18">
        <v>177</v>
      </c>
    </row>
    <row r="99" spans="1:4" ht="18" customHeight="1" x14ac:dyDescent="0.15">
      <c r="A99" s="5">
        <v>77</v>
      </c>
      <c r="B99" s="22">
        <v>84</v>
      </c>
      <c r="C99" s="14">
        <v>84</v>
      </c>
      <c r="D99" s="18">
        <v>168</v>
      </c>
    </row>
    <row r="100" spans="1:4" ht="18" customHeight="1" x14ac:dyDescent="0.15">
      <c r="A100" s="5">
        <v>78</v>
      </c>
      <c r="B100" s="22">
        <v>86</v>
      </c>
      <c r="C100" s="14">
        <v>90</v>
      </c>
      <c r="D100" s="18">
        <v>176</v>
      </c>
    </row>
    <row r="101" spans="1:4" ht="18" customHeight="1" x14ac:dyDescent="0.15">
      <c r="A101" s="5">
        <v>79</v>
      </c>
      <c r="B101" s="22">
        <v>56</v>
      </c>
      <c r="C101" s="14">
        <v>82</v>
      </c>
      <c r="D101" s="18">
        <v>138</v>
      </c>
    </row>
    <row r="102" spans="1:4" ht="18" customHeight="1" x14ac:dyDescent="0.15">
      <c r="A102" s="5" t="s">
        <v>0</v>
      </c>
      <c r="B102" s="22">
        <v>384</v>
      </c>
      <c r="C102" s="14">
        <v>443</v>
      </c>
      <c r="D102" s="18">
        <v>827</v>
      </c>
    </row>
    <row r="103" spans="1:4" ht="18" customHeight="1" x14ac:dyDescent="0.15">
      <c r="A103" s="5">
        <v>80</v>
      </c>
      <c r="B103" s="22">
        <v>50</v>
      </c>
      <c r="C103" s="14">
        <v>51</v>
      </c>
      <c r="D103" s="18">
        <v>101</v>
      </c>
    </row>
    <row r="104" spans="1:4" ht="18" customHeight="1" x14ac:dyDescent="0.15">
      <c r="A104" s="5">
        <v>81</v>
      </c>
      <c r="B104" s="22">
        <v>45</v>
      </c>
      <c r="C104" s="14">
        <v>78</v>
      </c>
      <c r="D104" s="18">
        <v>123</v>
      </c>
    </row>
    <row r="105" spans="1:4" ht="18" customHeight="1" x14ac:dyDescent="0.15">
      <c r="A105" s="5">
        <v>82</v>
      </c>
      <c r="B105" s="22">
        <v>49</v>
      </c>
      <c r="C105" s="14">
        <v>94</v>
      </c>
      <c r="D105" s="18">
        <v>143</v>
      </c>
    </row>
    <row r="106" spans="1:4" ht="18" customHeight="1" x14ac:dyDescent="0.15">
      <c r="A106" s="5">
        <v>83</v>
      </c>
      <c r="B106" s="22">
        <v>46</v>
      </c>
      <c r="C106" s="14">
        <v>60</v>
      </c>
      <c r="D106" s="18">
        <v>106</v>
      </c>
    </row>
    <row r="107" spans="1:4" ht="18" customHeight="1" x14ac:dyDescent="0.15">
      <c r="A107" s="5">
        <v>84</v>
      </c>
      <c r="B107" s="22">
        <v>36</v>
      </c>
      <c r="C107" s="14">
        <v>85</v>
      </c>
      <c r="D107" s="18">
        <v>121</v>
      </c>
    </row>
    <row r="108" spans="1:4" ht="18" customHeight="1" x14ac:dyDescent="0.15">
      <c r="A108" s="5" t="s">
        <v>35</v>
      </c>
      <c r="B108" s="22">
        <v>226</v>
      </c>
      <c r="C108" s="14">
        <v>368</v>
      </c>
      <c r="D108" s="18">
        <v>594</v>
      </c>
    </row>
    <row r="109" spans="1:4" ht="18" customHeight="1" x14ac:dyDescent="0.15">
      <c r="A109" s="5">
        <v>85</v>
      </c>
      <c r="B109" s="22">
        <v>45</v>
      </c>
      <c r="C109" s="14">
        <v>71</v>
      </c>
      <c r="D109" s="18">
        <v>116</v>
      </c>
    </row>
    <row r="110" spans="1:4" ht="18" customHeight="1" x14ac:dyDescent="0.15">
      <c r="A110" s="5">
        <v>86</v>
      </c>
      <c r="B110" s="22">
        <v>42</v>
      </c>
      <c r="C110" s="14">
        <v>53</v>
      </c>
      <c r="D110" s="18">
        <v>95</v>
      </c>
    </row>
    <row r="111" spans="1:4" ht="18" customHeight="1" x14ac:dyDescent="0.15">
      <c r="A111" s="5">
        <v>87</v>
      </c>
      <c r="B111" s="22">
        <v>24</v>
      </c>
      <c r="C111" s="14">
        <v>39</v>
      </c>
      <c r="D111" s="18">
        <v>63</v>
      </c>
    </row>
    <row r="112" spans="1:4" ht="18" customHeight="1" x14ac:dyDescent="0.15">
      <c r="A112" s="5">
        <v>88</v>
      </c>
      <c r="B112" s="22">
        <v>23</v>
      </c>
      <c r="C112" s="14">
        <v>61</v>
      </c>
      <c r="D112" s="18">
        <v>84</v>
      </c>
    </row>
    <row r="113" spans="1:4" ht="18" customHeight="1" x14ac:dyDescent="0.15">
      <c r="A113" s="5">
        <v>89</v>
      </c>
      <c r="B113" s="22">
        <v>29</v>
      </c>
      <c r="C113" s="14">
        <v>48</v>
      </c>
      <c r="D113" s="18">
        <v>77</v>
      </c>
    </row>
    <row r="114" spans="1:4" ht="18" customHeight="1" x14ac:dyDescent="0.15">
      <c r="A114" s="5" t="s">
        <v>37</v>
      </c>
      <c r="B114" s="22">
        <v>163</v>
      </c>
      <c r="C114" s="14">
        <v>272</v>
      </c>
      <c r="D114" s="18">
        <v>435</v>
      </c>
    </row>
    <row r="115" spans="1:4" ht="18" customHeight="1" x14ac:dyDescent="0.15">
      <c r="A115" s="5">
        <v>90</v>
      </c>
      <c r="B115" s="22">
        <v>23</v>
      </c>
      <c r="C115" s="14">
        <v>39</v>
      </c>
      <c r="D115" s="18">
        <v>62</v>
      </c>
    </row>
    <row r="116" spans="1:4" ht="18" customHeight="1" x14ac:dyDescent="0.15">
      <c r="A116" s="5">
        <v>91</v>
      </c>
      <c r="B116" s="22">
        <v>10</v>
      </c>
      <c r="C116" s="14">
        <v>26</v>
      </c>
      <c r="D116" s="18">
        <v>36</v>
      </c>
    </row>
    <row r="117" spans="1:4" ht="18" customHeight="1" x14ac:dyDescent="0.15">
      <c r="A117" s="5">
        <v>92</v>
      </c>
      <c r="B117" s="22">
        <v>11</v>
      </c>
      <c r="C117" s="14">
        <v>24</v>
      </c>
      <c r="D117" s="18">
        <v>35</v>
      </c>
    </row>
    <row r="118" spans="1:4" ht="18" customHeight="1" x14ac:dyDescent="0.15">
      <c r="A118" s="5">
        <v>93</v>
      </c>
      <c r="B118" s="22">
        <v>10</v>
      </c>
      <c r="C118" s="14">
        <v>29</v>
      </c>
      <c r="D118" s="18">
        <v>39</v>
      </c>
    </row>
    <row r="119" spans="1:4" ht="18" customHeight="1" x14ac:dyDescent="0.15">
      <c r="A119" s="5">
        <v>94</v>
      </c>
      <c r="B119" s="22">
        <v>6</v>
      </c>
      <c r="C119" s="14">
        <v>19</v>
      </c>
      <c r="D119" s="18">
        <v>25</v>
      </c>
    </row>
    <row r="120" spans="1:4" ht="18" customHeight="1" x14ac:dyDescent="0.15">
      <c r="A120" s="5" t="s">
        <v>39</v>
      </c>
      <c r="B120" s="22">
        <v>60</v>
      </c>
      <c r="C120" s="14">
        <v>137</v>
      </c>
      <c r="D120" s="18">
        <v>197</v>
      </c>
    </row>
    <row r="121" spans="1:4" ht="18" customHeight="1" x14ac:dyDescent="0.15">
      <c r="A121" s="5">
        <v>95</v>
      </c>
      <c r="B121" s="22">
        <v>9</v>
      </c>
      <c r="C121" s="14">
        <v>12</v>
      </c>
      <c r="D121" s="18">
        <v>21</v>
      </c>
    </row>
    <row r="122" spans="1:4" ht="18" customHeight="1" x14ac:dyDescent="0.15">
      <c r="A122" s="5">
        <v>96</v>
      </c>
      <c r="B122" s="22">
        <v>0</v>
      </c>
      <c r="C122" s="14">
        <v>14</v>
      </c>
      <c r="D122" s="18">
        <v>14</v>
      </c>
    </row>
    <row r="123" spans="1:4" ht="18" customHeight="1" x14ac:dyDescent="0.15">
      <c r="A123" s="5">
        <v>97</v>
      </c>
      <c r="B123" s="22">
        <v>1</v>
      </c>
      <c r="C123" s="14">
        <v>4</v>
      </c>
      <c r="D123" s="18">
        <v>5</v>
      </c>
    </row>
    <row r="124" spans="1:4" ht="18" customHeight="1" x14ac:dyDescent="0.15">
      <c r="A124" s="5">
        <v>98</v>
      </c>
      <c r="B124" s="22">
        <v>1</v>
      </c>
      <c r="C124" s="14">
        <v>11</v>
      </c>
      <c r="D124" s="18">
        <v>12</v>
      </c>
    </row>
    <row r="125" spans="1:4" ht="18" customHeight="1" x14ac:dyDescent="0.15">
      <c r="A125" s="5">
        <v>99</v>
      </c>
      <c r="B125" s="22">
        <v>2</v>
      </c>
      <c r="C125" s="14">
        <v>4</v>
      </c>
      <c r="D125" s="18">
        <v>6</v>
      </c>
    </row>
    <row r="126" spans="1:4" ht="18" customHeight="1" x14ac:dyDescent="0.15">
      <c r="A126" s="5" t="s">
        <v>40</v>
      </c>
      <c r="B126" s="22">
        <v>13</v>
      </c>
      <c r="C126" s="14">
        <v>45</v>
      </c>
      <c r="D126" s="18">
        <v>58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1</v>
      </c>
      <c r="C128" s="14">
        <v>3</v>
      </c>
      <c r="D128" s="18">
        <v>4</v>
      </c>
    </row>
    <row r="129" spans="1:4" ht="18" customHeight="1" x14ac:dyDescent="0.15">
      <c r="A129" s="5" t="s">
        <v>44</v>
      </c>
      <c r="B129" s="22">
        <v>1</v>
      </c>
      <c r="C129" s="14">
        <v>5</v>
      </c>
      <c r="D129" s="18">
        <v>6</v>
      </c>
    </row>
    <row r="130" spans="1:4" ht="18" customHeight="1" x14ac:dyDescent="0.15">
      <c r="A130" s="5" t="s">
        <v>46</v>
      </c>
      <c r="B130" s="22">
        <v>1499</v>
      </c>
      <c r="C130" s="14">
        <v>2015</v>
      </c>
      <c r="D130" s="18">
        <v>3514</v>
      </c>
    </row>
    <row r="131" spans="1:4" ht="18" customHeight="1" x14ac:dyDescent="0.15">
      <c r="A131" s="7" t="s">
        <v>45</v>
      </c>
      <c r="B131" s="23">
        <v>6625</v>
      </c>
      <c r="C131" s="15">
        <v>6883</v>
      </c>
      <c r="D131" s="19">
        <v>1350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E00-000000000000}">
  <sheetPr codeName="Sheet4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5</v>
      </c>
      <c r="C5" s="13">
        <v>35</v>
      </c>
      <c r="D5" s="17">
        <v>70</v>
      </c>
    </row>
    <row r="6" spans="1:4" ht="18" customHeight="1" x14ac:dyDescent="0.15">
      <c r="A6" s="5">
        <v>1</v>
      </c>
      <c r="B6" s="22">
        <v>31</v>
      </c>
      <c r="C6" s="14">
        <v>36</v>
      </c>
      <c r="D6" s="18">
        <v>67</v>
      </c>
    </row>
    <row r="7" spans="1:4" ht="18" customHeight="1" x14ac:dyDescent="0.15">
      <c r="A7" s="5">
        <v>2</v>
      </c>
      <c r="B7" s="22">
        <v>26</v>
      </c>
      <c r="C7" s="14">
        <v>23</v>
      </c>
      <c r="D7" s="18">
        <v>49</v>
      </c>
    </row>
    <row r="8" spans="1:4" ht="18" customHeight="1" x14ac:dyDescent="0.15">
      <c r="A8" s="5">
        <v>3</v>
      </c>
      <c r="B8" s="22">
        <v>25</v>
      </c>
      <c r="C8" s="14">
        <v>30</v>
      </c>
      <c r="D8" s="18">
        <v>55</v>
      </c>
    </row>
    <row r="9" spans="1:4" ht="18" customHeight="1" x14ac:dyDescent="0.15">
      <c r="A9" s="5">
        <v>4</v>
      </c>
      <c r="B9" s="22">
        <v>34</v>
      </c>
      <c r="C9" s="14">
        <v>31</v>
      </c>
      <c r="D9" s="18">
        <v>65</v>
      </c>
    </row>
    <row r="10" spans="1:4" ht="18" customHeight="1" x14ac:dyDescent="0.15">
      <c r="A10" s="5" t="s">
        <v>7</v>
      </c>
      <c r="B10" s="22">
        <v>151</v>
      </c>
      <c r="C10" s="14">
        <v>155</v>
      </c>
      <c r="D10" s="18">
        <v>306</v>
      </c>
    </row>
    <row r="11" spans="1:4" ht="18" customHeight="1" x14ac:dyDescent="0.15">
      <c r="A11" s="5">
        <v>5</v>
      </c>
      <c r="B11" s="22">
        <v>27</v>
      </c>
      <c r="C11" s="14">
        <v>25</v>
      </c>
      <c r="D11" s="18">
        <v>52</v>
      </c>
    </row>
    <row r="12" spans="1:4" ht="18" customHeight="1" x14ac:dyDescent="0.15">
      <c r="A12" s="5">
        <v>6</v>
      </c>
      <c r="B12" s="22">
        <v>28</v>
      </c>
      <c r="C12" s="14">
        <v>33</v>
      </c>
      <c r="D12" s="18">
        <v>61</v>
      </c>
    </row>
    <row r="13" spans="1:4" ht="18" customHeight="1" x14ac:dyDescent="0.15">
      <c r="A13" s="5">
        <v>7</v>
      </c>
      <c r="B13" s="22">
        <v>22</v>
      </c>
      <c r="C13" s="14">
        <v>28</v>
      </c>
      <c r="D13" s="18">
        <v>50</v>
      </c>
    </row>
    <row r="14" spans="1:4" ht="18" customHeight="1" x14ac:dyDescent="0.15">
      <c r="A14" s="5">
        <v>8</v>
      </c>
      <c r="B14" s="22">
        <v>29</v>
      </c>
      <c r="C14" s="14">
        <v>30</v>
      </c>
      <c r="D14" s="18">
        <v>59</v>
      </c>
    </row>
    <row r="15" spans="1:4" ht="18" customHeight="1" x14ac:dyDescent="0.15">
      <c r="A15" s="5">
        <v>9</v>
      </c>
      <c r="B15" s="22">
        <v>36</v>
      </c>
      <c r="C15" s="14">
        <v>26</v>
      </c>
      <c r="D15" s="18">
        <v>62</v>
      </c>
    </row>
    <row r="16" spans="1:4" ht="18" customHeight="1" x14ac:dyDescent="0.15">
      <c r="A16" s="5" t="s">
        <v>11</v>
      </c>
      <c r="B16" s="22">
        <v>142</v>
      </c>
      <c r="C16" s="14">
        <v>142</v>
      </c>
      <c r="D16" s="18">
        <v>284</v>
      </c>
    </row>
    <row r="17" spans="1:4" ht="18" customHeight="1" x14ac:dyDescent="0.15">
      <c r="A17" s="5">
        <v>10</v>
      </c>
      <c r="B17" s="22">
        <v>36</v>
      </c>
      <c r="C17" s="14">
        <v>31</v>
      </c>
      <c r="D17" s="18">
        <v>67</v>
      </c>
    </row>
    <row r="18" spans="1:4" ht="18" customHeight="1" x14ac:dyDescent="0.15">
      <c r="A18" s="5">
        <v>11</v>
      </c>
      <c r="B18" s="22">
        <v>28</v>
      </c>
      <c r="C18" s="14">
        <v>31</v>
      </c>
      <c r="D18" s="18">
        <v>59</v>
      </c>
    </row>
    <row r="19" spans="1:4" ht="18" customHeight="1" x14ac:dyDescent="0.15">
      <c r="A19" s="5">
        <v>12</v>
      </c>
      <c r="B19" s="22">
        <v>32</v>
      </c>
      <c r="C19" s="14">
        <v>31</v>
      </c>
      <c r="D19" s="18">
        <v>63</v>
      </c>
    </row>
    <row r="20" spans="1:4" ht="18" customHeight="1" x14ac:dyDescent="0.15">
      <c r="A20" s="5">
        <v>13</v>
      </c>
      <c r="B20" s="22">
        <v>23</v>
      </c>
      <c r="C20" s="14">
        <v>26</v>
      </c>
      <c r="D20" s="18">
        <v>49</v>
      </c>
    </row>
    <row r="21" spans="1:4" ht="18" customHeight="1" x14ac:dyDescent="0.15">
      <c r="A21" s="5">
        <v>14</v>
      </c>
      <c r="B21" s="22">
        <v>23</v>
      </c>
      <c r="C21" s="14">
        <v>26</v>
      </c>
      <c r="D21" s="18">
        <v>49</v>
      </c>
    </row>
    <row r="22" spans="1:4" ht="18" customHeight="1" x14ac:dyDescent="0.15">
      <c r="A22" s="5" t="s">
        <v>12</v>
      </c>
      <c r="B22" s="22">
        <v>142</v>
      </c>
      <c r="C22" s="14">
        <v>145</v>
      </c>
      <c r="D22" s="18">
        <v>287</v>
      </c>
    </row>
    <row r="23" spans="1:4" ht="18" customHeight="1" x14ac:dyDescent="0.15">
      <c r="A23" s="5" t="s">
        <v>6</v>
      </c>
      <c r="B23" s="22">
        <v>435</v>
      </c>
      <c r="C23" s="14">
        <v>442</v>
      </c>
      <c r="D23" s="18">
        <v>877</v>
      </c>
    </row>
    <row r="24" spans="1:4" ht="18" customHeight="1" x14ac:dyDescent="0.15">
      <c r="A24" s="5">
        <v>15</v>
      </c>
      <c r="B24" s="22">
        <v>24</v>
      </c>
      <c r="C24" s="14">
        <v>22</v>
      </c>
      <c r="D24" s="18">
        <v>46</v>
      </c>
    </row>
    <row r="25" spans="1:4" ht="18" customHeight="1" x14ac:dyDescent="0.15">
      <c r="A25" s="5">
        <v>16</v>
      </c>
      <c r="B25" s="22">
        <v>13</v>
      </c>
      <c r="C25" s="14">
        <v>19</v>
      </c>
      <c r="D25" s="18">
        <v>32</v>
      </c>
    </row>
    <row r="26" spans="1:4" ht="18" customHeight="1" x14ac:dyDescent="0.15">
      <c r="A26" s="5">
        <v>17</v>
      </c>
      <c r="B26" s="22">
        <v>22</v>
      </c>
      <c r="C26" s="14">
        <v>15</v>
      </c>
      <c r="D26" s="18">
        <v>37</v>
      </c>
    </row>
    <row r="27" spans="1:4" ht="18" customHeight="1" x14ac:dyDescent="0.15">
      <c r="A27" s="5">
        <v>18</v>
      </c>
      <c r="B27" s="22">
        <v>31</v>
      </c>
      <c r="C27" s="14">
        <v>19</v>
      </c>
      <c r="D27" s="18">
        <v>50</v>
      </c>
    </row>
    <row r="28" spans="1:4" ht="18" customHeight="1" x14ac:dyDescent="0.15">
      <c r="A28" s="5">
        <v>19</v>
      </c>
      <c r="B28" s="22">
        <v>17</v>
      </c>
      <c r="C28" s="14">
        <v>24</v>
      </c>
      <c r="D28" s="18">
        <v>41</v>
      </c>
    </row>
    <row r="29" spans="1:4" ht="18" customHeight="1" x14ac:dyDescent="0.15">
      <c r="A29" s="5" t="s">
        <v>14</v>
      </c>
      <c r="B29" s="22">
        <v>107</v>
      </c>
      <c r="C29" s="14">
        <v>99</v>
      </c>
      <c r="D29" s="18">
        <v>206</v>
      </c>
    </row>
    <row r="30" spans="1:4" ht="18" customHeight="1" x14ac:dyDescent="0.15">
      <c r="A30" s="5">
        <v>20</v>
      </c>
      <c r="B30" s="22">
        <v>11</v>
      </c>
      <c r="C30" s="14">
        <v>30</v>
      </c>
      <c r="D30" s="18">
        <v>41</v>
      </c>
    </row>
    <row r="31" spans="1:4" ht="18" customHeight="1" x14ac:dyDescent="0.15">
      <c r="A31" s="5">
        <v>21</v>
      </c>
      <c r="B31" s="22">
        <v>25</v>
      </c>
      <c r="C31" s="14">
        <v>26</v>
      </c>
      <c r="D31" s="18">
        <v>51</v>
      </c>
    </row>
    <row r="32" spans="1:4" ht="18" customHeight="1" x14ac:dyDescent="0.15">
      <c r="A32" s="5">
        <v>22</v>
      </c>
      <c r="B32" s="22">
        <v>29</v>
      </c>
      <c r="C32" s="14">
        <v>26</v>
      </c>
      <c r="D32" s="18">
        <v>55</v>
      </c>
    </row>
    <row r="33" spans="1:4" ht="18" customHeight="1" x14ac:dyDescent="0.15">
      <c r="A33" s="5">
        <v>23</v>
      </c>
      <c r="B33" s="22">
        <v>36</v>
      </c>
      <c r="C33" s="14">
        <v>40</v>
      </c>
      <c r="D33" s="18">
        <v>76</v>
      </c>
    </row>
    <row r="34" spans="1:4" ht="18" customHeight="1" x14ac:dyDescent="0.15">
      <c r="A34" s="5">
        <v>24</v>
      </c>
      <c r="B34" s="22">
        <v>44</v>
      </c>
      <c r="C34" s="14">
        <v>41</v>
      </c>
      <c r="D34" s="18">
        <v>85</v>
      </c>
    </row>
    <row r="35" spans="1:4" ht="18" customHeight="1" x14ac:dyDescent="0.15">
      <c r="A35" s="5" t="s">
        <v>9</v>
      </c>
      <c r="B35" s="22">
        <v>145</v>
      </c>
      <c r="C35" s="14">
        <v>163</v>
      </c>
      <c r="D35" s="18">
        <v>308</v>
      </c>
    </row>
    <row r="36" spans="1:4" ht="18" customHeight="1" x14ac:dyDescent="0.15">
      <c r="A36" s="5">
        <v>25</v>
      </c>
      <c r="B36" s="22">
        <v>40</v>
      </c>
      <c r="C36" s="14">
        <v>34</v>
      </c>
      <c r="D36" s="18">
        <v>74</v>
      </c>
    </row>
    <row r="37" spans="1:4" ht="18" customHeight="1" x14ac:dyDescent="0.15">
      <c r="A37" s="5">
        <v>26</v>
      </c>
      <c r="B37" s="22">
        <v>47</v>
      </c>
      <c r="C37" s="14">
        <v>49</v>
      </c>
      <c r="D37" s="18">
        <v>96</v>
      </c>
    </row>
    <row r="38" spans="1:4" ht="18" customHeight="1" x14ac:dyDescent="0.15">
      <c r="A38" s="5">
        <v>27</v>
      </c>
      <c r="B38" s="22">
        <v>48</v>
      </c>
      <c r="C38" s="14">
        <v>47</v>
      </c>
      <c r="D38" s="18">
        <v>95</v>
      </c>
    </row>
    <row r="39" spans="1:4" ht="18" customHeight="1" x14ac:dyDescent="0.15">
      <c r="A39" s="5">
        <v>28</v>
      </c>
      <c r="B39" s="22">
        <v>50</v>
      </c>
      <c r="C39" s="14">
        <v>46</v>
      </c>
      <c r="D39" s="18">
        <v>96</v>
      </c>
    </row>
    <row r="40" spans="1:4" ht="18" customHeight="1" x14ac:dyDescent="0.15">
      <c r="A40" s="5">
        <v>29</v>
      </c>
      <c r="B40" s="22">
        <v>50</v>
      </c>
      <c r="C40" s="14">
        <v>39</v>
      </c>
      <c r="D40" s="18">
        <v>89</v>
      </c>
    </row>
    <row r="41" spans="1:4" ht="18" customHeight="1" x14ac:dyDescent="0.15">
      <c r="A41" s="5" t="s">
        <v>2</v>
      </c>
      <c r="B41" s="22">
        <v>235</v>
      </c>
      <c r="C41" s="14">
        <v>215</v>
      </c>
      <c r="D41" s="18">
        <v>450</v>
      </c>
    </row>
    <row r="42" spans="1:4" ht="18" customHeight="1" x14ac:dyDescent="0.15">
      <c r="A42" s="5">
        <v>30</v>
      </c>
      <c r="B42" s="22">
        <v>49</v>
      </c>
      <c r="C42" s="14">
        <v>40</v>
      </c>
      <c r="D42" s="18">
        <v>89</v>
      </c>
    </row>
    <row r="43" spans="1:4" ht="18" customHeight="1" x14ac:dyDescent="0.15">
      <c r="A43" s="5">
        <v>31</v>
      </c>
      <c r="B43" s="22">
        <v>47</v>
      </c>
      <c r="C43" s="14">
        <v>40</v>
      </c>
      <c r="D43" s="18">
        <v>87</v>
      </c>
    </row>
    <row r="44" spans="1:4" ht="18" customHeight="1" x14ac:dyDescent="0.15">
      <c r="A44" s="5">
        <v>32</v>
      </c>
      <c r="B44" s="22">
        <v>44</v>
      </c>
      <c r="C44" s="14">
        <v>48</v>
      </c>
      <c r="D44" s="18">
        <v>92</v>
      </c>
    </row>
    <row r="45" spans="1:4" ht="18" customHeight="1" x14ac:dyDescent="0.15">
      <c r="A45" s="5">
        <v>33</v>
      </c>
      <c r="B45" s="22">
        <v>44</v>
      </c>
      <c r="C45" s="14">
        <v>52</v>
      </c>
      <c r="D45" s="18">
        <v>96</v>
      </c>
    </row>
    <row r="46" spans="1:4" ht="18" customHeight="1" x14ac:dyDescent="0.15">
      <c r="A46" s="5">
        <v>34</v>
      </c>
      <c r="B46" s="22">
        <v>61</v>
      </c>
      <c r="C46" s="14">
        <v>46</v>
      </c>
      <c r="D46" s="18">
        <v>107</v>
      </c>
    </row>
    <row r="47" spans="1:4" ht="18" customHeight="1" x14ac:dyDescent="0.15">
      <c r="A47" s="5" t="s">
        <v>15</v>
      </c>
      <c r="B47" s="22">
        <v>245</v>
      </c>
      <c r="C47" s="14">
        <v>226</v>
      </c>
      <c r="D47" s="18">
        <v>471</v>
      </c>
    </row>
    <row r="48" spans="1:4" ht="18" customHeight="1" x14ac:dyDescent="0.15">
      <c r="A48" s="5">
        <v>35</v>
      </c>
      <c r="B48" s="22">
        <v>44</v>
      </c>
      <c r="C48" s="14">
        <v>37</v>
      </c>
      <c r="D48" s="18">
        <v>81</v>
      </c>
    </row>
    <row r="49" spans="1:4" ht="18" customHeight="1" x14ac:dyDescent="0.15">
      <c r="A49" s="5">
        <v>36</v>
      </c>
      <c r="B49" s="22">
        <v>44</v>
      </c>
      <c r="C49" s="14">
        <v>35</v>
      </c>
      <c r="D49" s="18">
        <v>79</v>
      </c>
    </row>
    <row r="50" spans="1:4" ht="18" customHeight="1" x14ac:dyDescent="0.15">
      <c r="A50" s="5">
        <v>37</v>
      </c>
      <c r="B50" s="22">
        <v>38</v>
      </c>
      <c r="C50" s="14">
        <v>39</v>
      </c>
      <c r="D50" s="18">
        <v>77</v>
      </c>
    </row>
    <row r="51" spans="1:4" ht="18" customHeight="1" x14ac:dyDescent="0.15">
      <c r="A51" s="5">
        <v>38</v>
      </c>
      <c r="B51" s="22">
        <v>47</v>
      </c>
      <c r="C51" s="14">
        <v>45</v>
      </c>
      <c r="D51" s="18">
        <v>92</v>
      </c>
    </row>
    <row r="52" spans="1:4" ht="18" customHeight="1" x14ac:dyDescent="0.15">
      <c r="A52" s="5">
        <v>39</v>
      </c>
      <c r="B52" s="22">
        <v>52</v>
      </c>
      <c r="C52" s="14">
        <v>46</v>
      </c>
      <c r="D52" s="18">
        <v>98</v>
      </c>
    </row>
    <row r="53" spans="1:4" ht="18" customHeight="1" x14ac:dyDescent="0.15">
      <c r="A53" s="5" t="s">
        <v>18</v>
      </c>
      <c r="B53" s="22">
        <v>225</v>
      </c>
      <c r="C53" s="14">
        <v>202</v>
      </c>
      <c r="D53" s="18">
        <v>427</v>
      </c>
    </row>
    <row r="54" spans="1:4" ht="18" customHeight="1" x14ac:dyDescent="0.15">
      <c r="A54" s="5">
        <v>40</v>
      </c>
      <c r="B54" s="22">
        <v>51</v>
      </c>
      <c r="C54" s="14">
        <v>42</v>
      </c>
      <c r="D54" s="18">
        <v>93</v>
      </c>
    </row>
    <row r="55" spans="1:4" ht="18" customHeight="1" x14ac:dyDescent="0.15">
      <c r="A55" s="5">
        <v>41</v>
      </c>
      <c r="B55" s="22">
        <v>52</v>
      </c>
      <c r="C55" s="14">
        <v>34</v>
      </c>
      <c r="D55" s="18">
        <v>86</v>
      </c>
    </row>
    <row r="56" spans="1:4" ht="18" customHeight="1" x14ac:dyDescent="0.15">
      <c r="A56" s="5">
        <v>42</v>
      </c>
      <c r="B56" s="22">
        <v>42</v>
      </c>
      <c r="C56" s="14">
        <v>29</v>
      </c>
      <c r="D56" s="18">
        <v>71</v>
      </c>
    </row>
    <row r="57" spans="1:4" ht="18" customHeight="1" x14ac:dyDescent="0.15">
      <c r="A57" s="5">
        <v>43</v>
      </c>
      <c r="B57" s="22">
        <v>44</v>
      </c>
      <c r="C57" s="14">
        <v>38</v>
      </c>
      <c r="D57" s="18">
        <v>82</v>
      </c>
    </row>
    <row r="58" spans="1:4" ht="18" customHeight="1" x14ac:dyDescent="0.15">
      <c r="A58" s="5">
        <v>44</v>
      </c>
      <c r="B58" s="22">
        <v>46</v>
      </c>
      <c r="C58" s="14">
        <v>35</v>
      </c>
      <c r="D58" s="18">
        <v>81</v>
      </c>
    </row>
    <row r="59" spans="1:4" ht="18" customHeight="1" x14ac:dyDescent="0.15">
      <c r="A59" s="5" t="s">
        <v>21</v>
      </c>
      <c r="B59" s="22">
        <v>235</v>
      </c>
      <c r="C59" s="14">
        <v>178</v>
      </c>
      <c r="D59" s="18">
        <v>413</v>
      </c>
    </row>
    <row r="60" spans="1:4" ht="18" customHeight="1" x14ac:dyDescent="0.15">
      <c r="A60" s="5">
        <v>45</v>
      </c>
      <c r="B60" s="22">
        <v>34</v>
      </c>
      <c r="C60" s="14">
        <v>46</v>
      </c>
      <c r="D60" s="18">
        <v>80</v>
      </c>
    </row>
    <row r="61" spans="1:4" ht="18" customHeight="1" x14ac:dyDescent="0.15">
      <c r="A61" s="5">
        <v>46</v>
      </c>
      <c r="B61" s="22">
        <v>51</v>
      </c>
      <c r="C61" s="14">
        <v>43</v>
      </c>
      <c r="D61" s="18">
        <v>94</v>
      </c>
    </row>
    <row r="62" spans="1:4" ht="18" customHeight="1" x14ac:dyDescent="0.15">
      <c r="A62" s="5">
        <v>47</v>
      </c>
      <c r="B62" s="22">
        <v>53</v>
      </c>
      <c r="C62" s="14">
        <v>36</v>
      </c>
      <c r="D62" s="18">
        <v>89</v>
      </c>
    </row>
    <row r="63" spans="1:4" ht="18" customHeight="1" x14ac:dyDescent="0.15">
      <c r="A63" s="5">
        <v>48</v>
      </c>
      <c r="B63" s="22">
        <v>38</v>
      </c>
      <c r="C63" s="14">
        <v>49</v>
      </c>
      <c r="D63" s="18">
        <v>87</v>
      </c>
    </row>
    <row r="64" spans="1:4" ht="18" customHeight="1" x14ac:dyDescent="0.15">
      <c r="A64" s="5">
        <v>49</v>
      </c>
      <c r="B64" s="22">
        <v>57</v>
      </c>
      <c r="C64" s="14">
        <v>30</v>
      </c>
      <c r="D64" s="18">
        <v>87</v>
      </c>
    </row>
    <row r="65" spans="1:4" ht="18" customHeight="1" x14ac:dyDescent="0.15">
      <c r="A65" s="5" t="s">
        <v>17</v>
      </c>
      <c r="B65" s="22">
        <v>233</v>
      </c>
      <c r="C65" s="14">
        <v>204</v>
      </c>
      <c r="D65" s="18">
        <v>437</v>
      </c>
    </row>
    <row r="66" spans="1:4" ht="18" customHeight="1" x14ac:dyDescent="0.15">
      <c r="A66" s="5">
        <v>50</v>
      </c>
      <c r="B66" s="22">
        <v>51</v>
      </c>
      <c r="C66" s="14">
        <v>40</v>
      </c>
      <c r="D66" s="18">
        <v>91</v>
      </c>
    </row>
    <row r="67" spans="1:4" ht="18" customHeight="1" x14ac:dyDescent="0.15">
      <c r="A67" s="5">
        <v>51</v>
      </c>
      <c r="B67" s="22">
        <v>50</v>
      </c>
      <c r="C67" s="14">
        <v>48</v>
      </c>
      <c r="D67" s="18">
        <v>98</v>
      </c>
    </row>
    <row r="68" spans="1:4" ht="18" customHeight="1" x14ac:dyDescent="0.15">
      <c r="A68" s="5">
        <v>52</v>
      </c>
      <c r="B68" s="22">
        <v>47</v>
      </c>
      <c r="C68" s="14">
        <v>50</v>
      </c>
      <c r="D68" s="18">
        <v>97</v>
      </c>
    </row>
    <row r="69" spans="1:4" ht="18" customHeight="1" x14ac:dyDescent="0.15">
      <c r="A69" s="5">
        <v>53</v>
      </c>
      <c r="B69" s="22">
        <v>38</v>
      </c>
      <c r="C69" s="14">
        <v>43</v>
      </c>
      <c r="D69" s="18">
        <v>81</v>
      </c>
    </row>
    <row r="70" spans="1:4" ht="18" customHeight="1" x14ac:dyDescent="0.15">
      <c r="A70" s="5">
        <v>54</v>
      </c>
      <c r="B70" s="22">
        <v>41</v>
      </c>
      <c r="C70" s="14">
        <v>39</v>
      </c>
      <c r="D70" s="18">
        <v>80</v>
      </c>
    </row>
    <row r="71" spans="1:4" ht="18" customHeight="1" x14ac:dyDescent="0.15">
      <c r="A71" s="5" t="s">
        <v>22</v>
      </c>
      <c r="B71" s="22">
        <v>227</v>
      </c>
      <c r="C71" s="14">
        <v>220</v>
      </c>
      <c r="D71" s="18">
        <v>447</v>
      </c>
    </row>
    <row r="72" spans="1:4" ht="18" customHeight="1" x14ac:dyDescent="0.15">
      <c r="A72" s="5">
        <v>55</v>
      </c>
      <c r="B72" s="22">
        <v>31</v>
      </c>
      <c r="C72" s="14">
        <v>31</v>
      </c>
      <c r="D72" s="18">
        <v>62</v>
      </c>
    </row>
    <row r="73" spans="1:4" ht="18" customHeight="1" x14ac:dyDescent="0.15">
      <c r="A73" s="5">
        <v>56</v>
      </c>
      <c r="B73" s="22">
        <v>36</v>
      </c>
      <c r="C73" s="14">
        <v>25</v>
      </c>
      <c r="D73" s="18">
        <v>61</v>
      </c>
    </row>
    <row r="74" spans="1:4" ht="18" customHeight="1" x14ac:dyDescent="0.15">
      <c r="A74" s="5">
        <v>57</v>
      </c>
      <c r="B74" s="22">
        <v>37</v>
      </c>
      <c r="C74" s="14">
        <v>36</v>
      </c>
      <c r="D74" s="18">
        <v>73</v>
      </c>
    </row>
    <row r="75" spans="1:4" ht="18" customHeight="1" x14ac:dyDescent="0.15">
      <c r="A75" s="5">
        <v>58</v>
      </c>
      <c r="B75" s="22">
        <v>37</v>
      </c>
      <c r="C75" s="14">
        <v>32</v>
      </c>
      <c r="D75" s="18">
        <v>69</v>
      </c>
    </row>
    <row r="76" spans="1:4" ht="18" customHeight="1" x14ac:dyDescent="0.15">
      <c r="A76" s="5">
        <v>59</v>
      </c>
      <c r="B76" s="22">
        <v>20</v>
      </c>
      <c r="C76" s="14">
        <v>19</v>
      </c>
      <c r="D76" s="18">
        <v>39</v>
      </c>
    </row>
    <row r="77" spans="1:4" ht="18" customHeight="1" x14ac:dyDescent="0.15">
      <c r="A77" s="5" t="s">
        <v>27</v>
      </c>
      <c r="B77" s="22">
        <v>161</v>
      </c>
      <c r="C77" s="14">
        <v>143</v>
      </c>
      <c r="D77" s="18">
        <v>304</v>
      </c>
    </row>
    <row r="78" spans="1:4" ht="18" customHeight="1" x14ac:dyDescent="0.15">
      <c r="A78" s="5">
        <v>60</v>
      </c>
      <c r="B78" s="22">
        <v>27</v>
      </c>
      <c r="C78" s="14">
        <v>17</v>
      </c>
      <c r="D78" s="18">
        <v>44</v>
      </c>
    </row>
    <row r="79" spans="1:4" ht="18" customHeight="1" x14ac:dyDescent="0.15">
      <c r="A79" s="5">
        <v>61</v>
      </c>
      <c r="B79" s="22">
        <v>32</v>
      </c>
      <c r="C79" s="14">
        <v>34</v>
      </c>
      <c r="D79" s="18">
        <v>66</v>
      </c>
    </row>
    <row r="80" spans="1:4" ht="18" customHeight="1" x14ac:dyDescent="0.15">
      <c r="A80" s="5">
        <v>62</v>
      </c>
      <c r="B80" s="22">
        <v>22</v>
      </c>
      <c r="C80" s="14">
        <v>30</v>
      </c>
      <c r="D80" s="18">
        <v>52</v>
      </c>
    </row>
    <row r="81" spans="1:4" ht="18" customHeight="1" x14ac:dyDescent="0.15">
      <c r="A81" s="5">
        <v>63</v>
      </c>
      <c r="B81" s="22">
        <v>20</v>
      </c>
      <c r="C81" s="14">
        <v>20</v>
      </c>
      <c r="D81" s="18">
        <v>40</v>
      </c>
    </row>
    <row r="82" spans="1:4" ht="18" customHeight="1" x14ac:dyDescent="0.15">
      <c r="A82" s="5">
        <v>64</v>
      </c>
      <c r="B82" s="22">
        <v>17</v>
      </c>
      <c r="C82" s="14">
        <v>17</v>
      </c>
      <c r="D82" s="18">
        <v>34</v>
      </c>
    </row>
    <row r="83" spans="1:4" ht="18" customHeight="1" x14ac:dyDescent="0.15">
      <c r="A83" s="5" t="s">
        <v>28</v>
      </c>
      <c r="B83" s="22">
        <v>118</v>
      </c>
      <c r="C83" s="14">
        <v>118</v>
      </c>
      <c r="D83" s="18">
        <v>236</v>
      </c>
    </row>
    <row r="84" spans="1:4" ht="18" customHeight="1" x14ac:dyDescent="0.15">
      <c r="A84" s="5" t="s">
        <v>31</v>
      </c>
      <c r="B84" s="22">
        <v>1931</v>
      </c>
      <c r="C84" s="14">
        <v>1768</v>
      </c>
      <c r="D84" s="18">
        <v>3699</v>
      </c>
    </row>
    <row r="85" spans="1:4" ht="18" customHeight="1" x14ac:dyDescent="0.15">
      <c r="A85" s="5">
        <v>65</v>
      </c>
      <c r="B85" s="22">
        <v>18</v>
      </c>
      <c r="C85" s="14">
        <v>35</v>
      </c>
      <c r="D85" s="18">
        <v>53</v>
      </c>
    </row>
    <row r="86" spans="1:4" ht="18" customHeight="1" x14ac:dyDescent="0.15">
      <c r="A86" s="5">
        <v>66</v>
      </c>
      <c r="B86" s="22">
        <v>11</v>
      </c>
      <c r="C86" s="14">
        <v>18</v>
      </c>
      <c r="D86" s="18">
        <v>29</v>
      </c>
    </row>
    <row r="87" spans="1:4" ht="18" customHeight="1" x14ac:dyDescent="0.15">
      <c r="A87" s="5">
        <v>67</v>
      </c>
      <c r="B87" s="22">
        <v>26</v>
      </c>
      <c r="C87" s="14">
        <v>25</v>
      </c>
      <c r="D87" s="18">
        <v>51</v>
      </c>
    </row>
    <row r="88" spans="1:4" ht="18" customHeight="1" x14ac:dyDescent="0.15">
      <c r="A88" s="5">
        <v>68</v>
      </c>
      <c r="B88" s="22">
        <v>20</v>
      </c>
      <c r="C88" s="14">
        <v>18</v>
      </c>
      <c r="D88" s="18">
        <v>38</v>
      </c>
    </row>
    <row r="89" spans="1:4" ht="18" customHeight="1" x14ac:dyDescent="0.15">
      <c r="A89" s="5">
        <v>69</v>
      </c>
      <c r="B89" s="22">
        <v>17</v>
      </c>
      <c r="C89" s="14">
        <v>15</v>
      </c>
      <c r="D89" s="18">
        <v>32</v>
      </c>
    </row>
    <row r="90" spans="1:4" ht="18" customHeight="1" x14ac:dyDescent="0.15">
      <c r="A90" s="5" t="s">
        <v>20</v>
      </c>
      <c r="B90" s="22">
        <v>92</v>
      </c>
      <c r="C90" s="14">
        <v>111</v>
      </c>
      <c r="D90" s="18">
        <v>203</v>
      </c>
    </row>
    <row r="91" spans="1:4" ht="18" customHeight="1" x14ac:dyDescent="0.15">
      <c r="A91" s="5">
        <v>70</v>
      </c>
      <c r="B91" s="22">
        <v>28</v>
      </c>
      <c r="C91" s="14">
        <v>18</v>
      </c>
      <c r="D91" s="18">
        <v>46</v>
      </c>
    </row>
    <row r="92" spans="1:4" ht="18" customHeight="1" x14ac:dyDescent="0.15">
      <c r="A92" s="5">
        <v>71</v>
      </c>
      <c r="B92" s="22">
        <v>27</v>
      </c>
      <c r="C92" s="14">
        <v>22</v>
      </c>
      <c r="D92" s="18">
        <v>49</v>
      </c>
    </row>
    <row r="93" spans="1:4" ht="18" customHeight="1" x14ac:dyDescent="0.15">
      <c r="A93" s="5">
        <v>72</v>
      </c>
      <c r="B93" s="22">
        <v>20</v>
      </c>
      <c r="C93" s="14">
        <v>26</v>
      </c>
      <c r="D93" s="18">
        <v>46</v>
      </c>
    </row>
    <row r="94" spans="1:4" ht="18" customHeight="1" x14ac:dyDescent="0.15">
      <c r="A94" s="5">
        <v>73</v>
      </c>
      <c r="B94" s="22">
        <v>28</v>
      </c>
      <c r="C94" s="14">
        <v>28</v>
      </c>
      <c r="D94" s="18">
        <v>56</v>
      </c>
    </row>
    <row r="95" spans="1:4" ht="18" customHeight="1" x14ac:dyDescent="0.15">
      <c r="A95" s="5">
        <v>74</v>
      </c>
      <c r="B95" s="22">
        <v>29</v>
      </c>
      <c r="C95" s="14">
        <v>22</v>
      </c>
      <c r="D95" s="18">
        <v>51</v>
      </c>
    </row>
    <row r="96" spans="1:4" ht="18" customHeight="1" x14ac:dyDescent="0.15">
      <c r="A96" s="5" t="s">
        <v>33</v>
      </c>
      <c r="B96" s="22">
        <v>132</v>
      </c>
      <c r="C96" s="14">
        <v>116</v>
      </c>
      <c r="D96" s="18">
        <v>248</v>
      </c>
    </row>
    <row r="97" spans="1:4" ht="18" customHeight="1" x14ac:dyDescent="0.15">
      <c r="A97" s="5">
        <v>75</v>
      </c>
      <c r="B97" s="22">
        <v>23</v>
      </c>
      <c r="C97" s="14">
        <v>36</v>
      </c>
      <c r="D97" s="18">
        <v>59</v>
      </c>
    </row>
    <row r="98" spans="1:4" ht="18" customHeight="1" x14ac:dyDescent="0.15">
      <c r="A98" s="5">
        <v>76</v>
      </c>
      <c r="B98" s="22">
        <v>33</v>
      </c>
      <c r="C98" s="14">
        <v>29</v>
      </c>
      <c r="D98" s="18">
        <v>62</v>
      </c>
    </row>
    <row r="99" spans="1:4" ht="18" customHeight="1" x14ac:dyDescent="0.15">
      <c r="A99" s="5">
        <v>77</v>
      </c>
      <c r="B99" s="22">
        <v>27</v>
      </c>
      <c r="C99" s="14">
        <v>23</v>
      </c>
      <c r="D99" s="18">
        <v>50</v>
      </c>
    </row>
    <row r="100" spans="1:4" ht="18" customHeight="1" x14ac:dyDescent="0.15">
      <c r="A100" s="5">
        <v>78</v>
      </c>
      <c r="B100" s="22">
        <v>28</v>
      </c>
      <c r="C100" s="14">
        <v>32</v>
      </c>
      <c r="D100" s="18">
        <v>60</v>
      </c>
    </row>
    <row r="101" spans="1:4" ht="18" customHeight="1" x14ac:dyDescent="0.15">
      <c r="A101" s="5">
        <v>79</v>
      </c>
      <c r="B101" s="22">
        <v>18</v>
      </c>
      <c r="C101" s="14">
        <v>18</v>
      </c>
      <c r="D101" s="18">
        <v>36</v>
      </c>
    </row>
    <row r="102" spans="1:4" ht="18" customHeight="1" x14ac:dyDescent="0.15">
      <c r="A102" s="5" t="s">
        <v>0</v>
      </c>
      <c r="B102" s="22">
        <v>129</v>
      </c>
      <c r="C102" s="14">
        <v>138</v>
      </c>
      <c r="D102" s="18">
        <v>267</v>
      </c>
    </row>
    <row r="103" spans="1:4" ht="18" customHeight="1" x14ac:dyDescent="0.15">
      <c r="A103" s="5">
        <v>80</v>
      </c>
      <c r="B103" s="22">
        <v>10</v>
      </c>
      <c r="C103" s="14">
        <v>12</v>
      </c>
      <c r="D103" s="18">
        <v>22</v>
      </c>
    </row>
    <row r="104" spans="1:4" ht="18" customHeight="1" x14ac:dyDescent="0.15">
      <c r="A104" s="5">
        <v>81</v>
      </c>
      <c r="B104" s="22">
        <v>7</v>
      </c>
      <c r="C104" s="14">
        <v>24</v>
      </c>
      <c r="D104" s="18">
        <v>31</v>
      </c>
    </row>
    <row r="105" spans="1:4" ht="18" customHeight="1" x14ac:dyDescent="0.15">
      <c r="A105" s="5">
        <v>82</v>
      </c>
      <c r="B105" s="22">
        <v>13</v>
      </c>
      <c r="C105" s="14">
        <v>23</v>
      </c>
      <c r="D105" s="18">
        <v>36</v>
      </c>
    </row>
    <row r="106" spans="1:4" ht="18" customHeight="1" x14ac:dyDescent="0.15">
      <c r="A106" s="5">
        <v>83</v>
      </c>
      <c r="B106" s="22">
        <v>10</v>
      </c>
      <c r="C106" s="14">
        <v>19</v>
      </c>
      <c r="D106" s="18">
        <v>29</v>
      </c>
    </row>
    <row r="107" spans="1:4" ht="18" customHeight="1" x14ac:dyDescent="0.15">
      <c r="A107" s="5">
        <v>84</v>
      </c>
      <c r="B107" s="22">
        <v>19</v>
      </c>
      <c r="C107" s="14">
        <v>26</v>
      </c>
      <c r="D107" s="18">
        <v>45</v>
      </c>
    </row>
    <row r="108" spans="1:4" ht="18" customHeight="1" x14ac:dyDescent="0.15">
      <c r="A108" s="5" t="s">
        <v>35</v>
      </c>
      <c r="B108" s="22">
        <v>59</v>
      </c>
      <c r="C108" s="14">
        <v>104</v>
      </c>
      <c r="D108" s="18">
        <v>163</v>
      </c>
    </row>
    <row r="109" spans="1:4" ht="18" customHeight="1" x14ac:dyDescent="0.15">
      <c r="A109" s="5">
        <v>85</v>
      </c>
      <c r="B109" s="22">
        <v>13</v>
      </c>
      <c r="C109" s="14">
        <v>22</v>
      </c>
      <c r="D109" s="18">
        <v>35</v>
      </c>
    </row>
    <row r="110" spans="1:4" ht="18" customHeight="1" x14ac:dyDescent="0.15">
      <c r="A110" s="5">
        <v>86</v>
      </c>
      <c r="B110" s="22">
        <v>6</v>
      </c>
      <c r="C110" s="14">
        <v>9</v>
      </c>
      <c r="D110" s="18">
        <v>15</v>
      </c>
    </row>
    <row r="111" spans="1:4" ht="18" customHeight="1" x14ac:dyDescent="0.15">
      <c r="A111" s="5">
        <v>87</v>
      </c>
      <c r="B111" s="22">
        <v>9</v>
      </c>
      <c r="C111" s="14">
        <v>13</v>
      </c>
      <c r="D111" s="18">
        <v>22</v>
      </c>
    </row>
    <row r="112" spans="1:4" ht="18" customHeight="1" x14ac:dyDescent="0.15">
      <c r="A112" s="5">
        <v>88</v>
      </c>
      <c r="B112" s="22">
        <v>6</v>
      </c>
      <c r="C112" s="14">
        <v>11</v>
      </c>
      <c r="D112" s="18">
        <v>17</v>
      </c>
    </row>
    <row r="113" spans="1:4" ht="18" customHeight="1" x14ac:dyDescent="0.15">
      <c r="A113" s="5">
        <v>89</v>
      </c>
      <c r="B113" s="22">
        <v>5</v>
      </c>
      <c r="C113" s="14">
        <v>15</v>
      </c>
      <c r="D113" s="18">
        <v>20</v>
      </c>
    </row>
    <row r="114" spans="1:4" ht="18" customHeight="1" x14ac:dyDescent="0.15">
      <c r="A114" s="5" t="s">
        <v>37</v>
      </c>
      <c r="B114" s="22">
        <v>39</v>
      </c>
      <c r="C114" s="14">
        <v>70</v>
      </c>
      <c r="D114" s="18">
        <v>109</v>
      </c>
    </row>
    <row r="115" spans="1:4" ht="18" customHeight="1" x14ac:dyDescent="0.15">
      <c r="A115" s="5">
        <v>90</v>
      </c>
      <c r="B115" s="22">
        <v>5</v>
      </c>
      <c r="C115" s="14">
        <v>7</v>
      </c>
      <c r="D115" s="18">
        <v>12</v>
      </c>
    </row>
    <row r="116" spans="1:4" ht="18" customHeight="1" x14ac:dyDescent="0.15">
      <c r="A116" s="5">
        <v>91</v>
      </c>
      <c r="B116" s="22">
        <v>1</v>
      </c>
      <c r="C116" s="14">
        <v>10</v>
      </c>
      <c r="D116" s="18">
        <v>11</v>
      </c>
    </row>
    <row r="117" spans="1:4" ht="18" customHeight="1" x14ac:dyDescent="0.15">
      <c r="A117" s="5">
        <v>92</v>
      </c>
      <c r="B117" s="22">
        <v>3</v>
      </c>
      <c r="C117" s="14">
        <v>13</v>
      </c>
      <c r="D117" s="18">
        <v>16</v>
      </c>
    </row>
    <row r="118" spans="1:4" ht="18" customHeight="1" x14ac:dyDescent="0.15">
      <c r="A118" s="5">
        <v>93</v>
      </c>
      <c r="B118" s="22">
        <v>0</v>
      </c>
      <c r="C118" s="14">
        <v>10</v>
      </c>
      <c r="D118" s="18">
        <v>10</v>
      </c>
    </row>
    <row r="119" spans="1:4" ht="18" customHeight="1" x14ac:dyDescent="0.15">
      <c r="A119" s="5">
        <v>94</v>
      </c>
      <c r="B119" s="22">
        <v>3</v>
      </c>
      <c r="C119" s="14">
        <v>4</v>
      </c>
      <c r="D119" s="18">
        <v>7</v>
      </c>
    </row>
    <row r="120" spans="1:4" ht="18" customHeight="1" x14ac:dyDescent="0.15">
      <c r="A120" s="5" t="s">
        <v>39</v>
      </c>
      <c r="B120" s="22">
        <v>12</v>
      </c>
      <c r="C120" s="14">
        <v>44</v>
      </c>
      <c r="D120" s="18">
        <v>56</v>
      </c>
    </row>
    <row r="121" spans="1:4" ht="18" customHeight="1" x14ac:dyDescent="0.15">
      <c r="A121" s="5">
        <v>95</v>
      </c>
      <c r="B121" s="22">
        <v>1</v>
      </c>
      <c r="C121" s="14">
        <v>3</v>
      </c>
      <c r="D121" s="18">
        <v>4</v>
      </c>
    </row>
    <row r="122" spans="1:4" ht="18" customHeight="1" x14ac:dyDescent="0.15">
      <c r="A122" s="5">
        <v>96</v>
      </c>
      <c r="B122" s="22">
        <v>1</v>
      </c>
      <c r="C122" s="14">
        <v>2</v>
      </c>
      <c r="D122" s="18">
        <v>3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3</v>
      </c>
      <c r="C126" s="14">
        <v>7</v>
      </c>
      <c r="D126" s="18">
        <v>10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466</v>
      </c>
      <c r="C130" s="14">
        <v>595</v>
      </c>
      <c r="D130" s="18">
        <v>1061</v>
      </c>
    </row>
    <row r="131" spans="1:4" ht="18" customHeight="1" x14ac:dyDescent="0.15">
      <c r="A131" s="7" t="s">
        <v>45</v>
      </c>
      <c r="B131" s="23">
        <v>2832</v>
      </c>
      <c r="C131" s="15">
        <v>2805</v>
      </c>
      <c r="D131" s="19">
        <v>563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F00-000000000000}">
  <sheetPr codeName="Sheet4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3</v>
      </c>
      <c r="C5" s="13">
        <v>7</v>
      </c>
      <c r="D5" s="17">
        <v>20</v>
      </c>
    </row>
    <row r="6" spans="1:4" ht="18" customHeight="1" x14ac:dyDescent="0.15">
      <c r="A6" s="5">
        <v>1</v>
      </c>
      <c r="B6" s="22">
        <v>9</v>
      </c>
      <c r="C6" s="14">
        <v>13</v>
      </c>
      <c r="D6" s="18">
        <v>22</v>
      </c>
    </row>
    <row r="7" spans="1:4" ht="18" customHeight="1" x14ac:dyDescent="0.15">
      <c r="A7" s="5">
        <v>2</v>
      </c>
      <c r="B7" s="22">
        <v>9</v>
      </c>
      <c r="C7" s="14">
        <v>17</v>
      </c>
      <c r="D7" s="18">
        <v>26</v>
      </c>
    </row>
    <row r="8" spans="1:4" ht="18" customHeight="1" x14ac:dyDescent="0.15">
      <c r="A8" s="5">
        <v>3</v>
      </c>
      <c r="B8" s="22">
        <v>18</v>
      </c>
      <c r="C8" s="14">
        <v>13</v>
      </c>
      <c r="D8" s="18">
        <v>31</v>
      </c>
    </row>
    <row r="9" spans="1:4" ht="18" customHeight="1" x14ac:dyDescent="0.15">
      <c r="A9" s="5">
        <v>4</v>
      </c>
      <c r="B9" s="22">
        <v>20</v>
      </c>
      <c r="C9" s="14">
        <v>15</v>
      </c>
      <c r="D9" s="18">
        <v>35</v>
      </c>
    </row>
    <row r="10" spans="1:4" ht="18" customHeight="1" x14ac:dyDescent="0.15">
      <c r="A10" s="5" t="s">
        <v>7</v>
      </c>
      <c r="B10" s="22">
        <v>69</v>
      </c>
      <c r="C10" s="14">
        <v>65</v>
      </c>
      <c r="D10" s="18">
        <v>134</v>
      </c>
    </row>
    <row r="11" spans="1:4" ht="18" customHeight="1" x14ac:dyDescent="0.15">
      <c r="A11" s="5">
        <v>5</v>
      </c>
      <c r="B11" s="22">
        <v>13</v>
      </c>
      <c r="C11" s="14">
        <v>13</v>
      </c>
      <c r="D11" s="18">
        <v>26</v>
      </c>
    </row>
    <row r="12" spans="1:4" ht="18" customHeight="1" x14ac:dyDescent="0.15">
      <c r="A12" s="5">
        <v>6</v>
      </c>
      <c r="B12" s="22">
        <v>21</v>
      </c>
      <c r="C12" s="14">
        <v>16</v>
      </c>
      <c r="D12" s="18">
        <v>37</v>
      </c>
    </row>
    <row r="13" spans="1:4" ht="18" customHeight="1" x14ac:dyDescent="0.15">
      <c r="A13" s="5">
        <v>7</v>
      </c>
      <c r="B13" s="22">
        <v>27</v>
      </c>
      <c r="C13" s="14">
        <v>18</v>
      </c>
      <c r="D13" s="18">
        <v>45</v>
      </c>
    </row>
    <row r="14" spans="1:4" ht="18" customHeight="1" x14ac:dyDescent="0.15">
      <c r="A14" s="5">
        <v>8</v>
      </c>
      <c r="B14" s="22">
        <v>34</v>
      </c>
      <c r="C14" s="14">
        <v>18</v>
      </c>
      <c r="D14" s="18">
        <v>52</v>
      </c>
    </row>
    <row r="15" spans="1:4" ht="18" customHeight="1" x14ac:dyDescent="0.15">
      <c r="A15" s="5">
        <v>9</v>
      </c>
      <c r="B15" s="22">
        <v>28</v>
      </c>
      <c r="C15" s="14">
        <v>21</v>
      </c>
      <c r="D15" s="18">
        <v>49</v>
      </c>
    </row>
    <row r="16" spans="1:4" ht="18" customHeight="1" x14ac:dyDescent="0.15">
      <c r="A16" s="5" t="s">
        <v>11</v>
      </c>
      <c r="B16" s="22">
        <v>123</v>
      </c>
      <c r="C16" s="14">
        <v>86</v>
      </c>
      <c r="D16" s="18">
        <v>209</v>
      </c>
    </row>
    <row r="17" spans="1:4" ht="18" customHeight="1" x14ac:dyDescent="0.15">
      <c r="A17" s="5">
        <v>10</v>
      </c>
      <c r="B17" s="22">
        <v>25</v>
      </c>
      <c r="C17" s="14">
        <v>22</v>
      </c>
      <c r="D17" s="18">
        <v>47</v>
      </c>
    </row>
    <row r="18" spans="1:4" ht="18" customHeight="1" x14ac:dyDescent="0.15">
      <c r="A18" s="5">
        <v>11</v>
      </c>
      <c r="B18" s="22">
        <v>36</v>
      </c>
      <c r="C18" s="14">
        <v>21</v>
      </c>
      <c r="D18" s="18">
        <v>57</v>
      </c>
    </row>
    <row r="19" spans="1:4" ht="18" customHeight="1" x14ac:dyDescent="0.15">
      <c r="A19" s="5">
        <v>12</v>
      </c>
      <c r="B19" s="22">
        <v>16</v>
      </c>
      <c r="C19" s="14">
        <v>18</v>
      </c>
      <c r="D19" s="18">
        <v>34</v>
      </c>
    </row>
    <row r="20" spans="1:4" ht="18" customHeight="1" x14ac:dyDescent="0.15">
      <c r="A20" s="5">
        <v>13</v>
      </c>
      <c r="B20" s="22">
        <v>38</v>
      </c>
      <c r="C20" s="14">
        <v>21</v>
      </c>
      <c r="D20" s="18">
        <v>59</v>
      </c>
    </row>
    <row r="21" spans="1:4" ht="18" customHeight="1" x14ac:dyDescent="0.15">
      <c r="A21" s="5">
        <v>14</v>
      </c>
      <c r="B21" s="22">
        <v>31</v>
      </c>
      <c r="C21" s="14">
        <v>31</v>
      </c>
      <c r="D21" s="18">
        <v>62</v>
      </c>
    </row>
    <row r="22" spans="1:4" ht="18" customHeight="1" x14ac:dyDescent="0.15">
      <c r="A22" s="5" t="s">
        <v>12</v>
      </c>
      <c r="B22" s="22">
        <v>146</v>
      </c>
      <c r="C22" s="14">
        <v>113</v>
      </c>
      <c r="D22" s="18">
        <v>259</v>
      </c>
    </row>
    <row r="23" spans="1:4" ht="18" customHeight="1" x14ac:dyDescent="0.15">
      <c r="A23" s="5" t="s">
        <v>6</v>
      </c>
      <c r="B23" s="22">
        <v>338</v>
      </c>
      <c r="C23" s="14">
        <v>264</v>
      </c>
      <c r="D23" s="18">
        <v>602</v>
      </c>
    </row>
    <row r="24" spans="1:4" ht="18" customHeight="1" x14ac:dyDescent="0.15">
      <c r="A24" s="5">
        <v>15</v>
      </c>
      <c r="B24" s="22">
        <v>34</v>
      </c>
      <c r="C24" s="14">
        <v>34</v>
      </c>
      <c r="D24" s="18">
        <v>68</v>
      </c>
    </row>
    <row r="25" spans="1:4" ht="18" customHeight="1" x14ac:dyDescent="0.15">
      <c r="A25" s="5">
        <v>16</v>
      </c>
      <c r="B25" s="22">
        <v>45</v>
      </c>
      <c r="C25" s="14">
        <v>48</v>
      </c>
      <c r="D25" s="18">
        <v>93</v>
      </c>
    </row>
    <row r="26" spans="1:4" ht="18" customHeight="1" x14ac:dyDescent="0.15">
      <c r="A26" s="5">
        <v>17</v>
      </c>
      <c r="B26" s="22">
        <v>34</v>
      </c>
      <c r="C26" s="14">
        <v>31</v>
      </c>
      <c r="D26" s="18">
        <v>65</v>
      </c>
    </row>
    <row r="27" spans="1:4" ht="18" customHeight="1" x14ac:dyDescent="0.15">
      <c r="A27" s="5">
        <v>18</v>
      </c>
      <c r="B27" s="22">
        <v>33</v>
      </c>
      <c r="C27" s="14">
        <v>43</v>
      </c>
      <c r="D27" s="18">
        <v>76</v>
      </c>
    </row>
    <row r="28" spans="1:4" ht="18" customHeight="1" x14ac:dyDescent="0.15">
      <c r="A28" s="5">
        <v>19</v>
      </c>
      <c r="B28" s="22">
        <v>41</v>
      </c>
      <c r="C28" s="14">
        <v>35</v>
      </c>
      <c r="D28" s="18">
        <v>76</v>
      </c>
    </row>
    <row r="29" spans="1:4" ht="18" customHeight="1" x14ac:dyDescent="0.15">
      <c r="A29" s="5" t="s">
        <v>14</v>
      </c>
      <c r="B29" s="22">
        <v>187</v>
      </c>
      <c r="C29" s="14">
        <v>191</v>
      </c>
      <c r="D29" s="18">
        <v>378</v>
      </c>
    </row>
    <row r="30" spans="1:4" ht="18" customHeight="1" x14ac:dyDescent="0.15">
      <c r="A30" s="5">
        <v>20</v>
      </c>
      <c r="B30" s="22">
        <v>42</v>
      </c>
      <c r="C30" s="14">
        <v>41</v>
      </c>
      <c r="D30" s="18">
        <v>83</v>
      </c>
    </row>
    <row r="31" spans="1:4" ht="18" customHeight="1" x14ac:dyDescent="0.15">
      <c r="A31" s="5">
        <v>21</v>
      </c>
      <c r="B31" s="22">
        <v>33</v>
      </c>
      <c r="C31" s="14">
        <v>43</v>
      </c>
      <c r="D31" s="18">
        <v>76</v>
      </c>
    </row>
    <row r="32" spans="1:4" ht="18" customHeight="1" x14ac:dyDescent="0.15">
      <c r="A32" s="5">
        <v>22</v>
      </c>
      <c r="B32" s="22">
        <v>40</v>
      </c>
      <c r="C32" s="14">
        <v>19</v>
      </c>
      <c r="D32" s="18">
        <v>59</v>
      </c>
    </row>
    <row r="33" spans="1:4" ht="18" customHeight="1" x14ac:dyDescent="0.15">
      <c r="A33" s="5">
        <v>23</v>
      </c>
      <c r="B33" s="22">
        <v>29</v>
      </c>
      <c r="C33" s="14">
        <v>24</v>
      </c>
      <c r="D33" s="18">
        <v>53</v>
      </c>
    </row>
    <row r="34" spans="1:4" ht="18" customHeight="1" x14ac:dyDescent="0.15">
      <c r="A34" s="5">
        <v>24</v>
      </c>
      <c r="B34" s="22">
        <v>36</v>
      </c>
      <c r="C34" s="14">
        <v>31</v>
      </c>
      <c r="D34" s="18">
        <v>67</v>
      </c>
    </row>
    <row r="35" spans="1:4" ht="18" customHeight="1" x14ac:dyDescent="0.15">
      <c r="A35" s="5" t="s">
        <v>9</v>
      </c>
      <c r="B35" s="22">
        <v>180</v>
      </c>
      <c r="C35" s="14">
        <v>158</v>
      </c>
      <c r="D35" s="18">
        <v>338</v>
      </c>
    </row>
    <row r="36" spans="1:4" ht="18" customHeight="1" x14ac:dyDescent="0.15">
      <c r="A36" s="5">
        <v>25</v>
      </c>
      <c r="B36" s="22">
        <v>37</v>
      </c>
      <c r="C36" s="14">
        <v>29</v>
      </c>
      <c r="D36" s="18">
        <v>66</v>
      </c>
    </row>
    <row r="37" spans="1:4" ht="18" customHeight="1" x14ac:dyDescent="0.15">
      <c r="A37" s="5">
        <v>26</v>
      </c>
      <c r="B37" s="22">
        <v>16</v>
      </c>
      <c r="C37" s="14">
        <v>19</v>
      </c>
      <c r="D37" s="18">
        <v>35</v>
      </c>
    </row>
    <row r="38" spans="1:4" ht="18" customHeight="1" x14ac:dyDescent="0.15">
      <c r="A38" s="5">
        <v>27</v>
      </c>
      <c r="B38" s="22">
        <v>23</v>
      </c>
      <c r="C38" s="14">
        <v>17</v>
      </c>
      <c r="D38" s="18">
        <v>40</v>
      </c>
    </row>
    <row r="39" spans="1:4" ht="18" customHeight="1" x14ac:dyDescent="0.15">
      <c r="A39" s="5">
        <v>28</v>
      </c>
      <c r="B39" s="22">
        <v>27</v>
      </c>
      <c r="C39" s="14">
        <v>20</v>
      </c>
      <c r="D39" s="18">
        <v>47</v>
      </c>
    </row>
    <row r="40" spans="1:4" ht="18" customHeight="1" x14ac:dyDescent="0.15">
      <c r="A40" s="5">
        <v>29</v>
      </c>
      <c r="B40" s="22">
        <v>18</v>
      </c>
      <c r="C40" s="14">
        <v>22</v>
      </c>
      <c r="D40" s="18">
        <v>40</v>
      </c>
    </row>
    <row r="41" spans="1:4" ht="18" customHeight="1" x14ac:dyDescent="0.15">
      <c r="A41" s="5" t="s">
        <v>2</v>
      </c>
      <c r="B41" s="22">
        <v>121</v>
      </c>
      <c r="C41" s="14">
        <v>107</v>
      </c>
      <c r="D41" s="18">
        <v>228</v>
      </c>
    </row>
    <row r="42" spans="1:4" ht="18" customHeight="1" x14ac:dyDescent="0.15">
      <c r="A42" s="5">
        <v>30</v>
      </c>
      <c r="B42" s="22">
        <v>23</v>
      </c>
      <c r="C42" s="14">
        <v>31</v>
      </c>
      <c r="D42" s="18">
        <v>54</v>
      </c>
    </row>
    <row r="43" spans="1:4" ht="18" customHeight="1" x14ac:dyDescent="0.15">
      <c r="A43" s="5">
        <v>31</v>
      </c>
      <c r="B43" s="22">
        <v>12</v>
      </c>
      <c r="C43" s="14">
        <v>12</v>
      </c>
      <c r="D43" s="18">
        <v>24</v>
      </c>
    </row>
    <row r="44" spans="1:4" ht="18" customHeight="1" x14ac:dyDescent="0.15">
      <c r="A44" s="5">
        <v>32</v>
      </c>
      <c r="B44" s="22">
        <v>23</v>
      </c>
      <c r="C44" s="14">
        <v>16</v>
      </c>
      <c r="D44" s="18">
        <v>39</v>
      </c>
    </row>
    <row r="45" spans="1:4" ht="18" customHeight="1" x14ac:dyDescent="0.15">
      <c r="A45" s="5">
        <v>33</v>
      </c>
      <c r="B45" s="22">
        <v>27</v>
      </c>
      <c r="C45" s="14">
        <v>21</v>
      </c>
      <c r="D45" s="18">
        <v>48</v>
      </c>
    </row>
    <row r="46" spans="1:4" ht="18" customHeight="1" x14ac:dyDescent="0.15">
      <c r="A46" s="5">
        <v>34</v>
      </c>
      <c r="B46" s="22">
        <v>27</v>
      </c>
      <c r="C46" s="14">
        <v>25</v>
      </c>
      <c r="D46" s="18">
        <v>52</v>
      </c>
    </row>
    <row r="47" spans="1:4" ht="18" customHeight="1" x14ac:dyDescent="0.15">
      <c r="A47" s="5" t="s">
        <v>15</v>
      </c>
      <c r="B47" s="22">
        <v>112</v>
      </c>
      <c r="C47" s="14">
        <v>105</v>
      </c>
      <c r="D47" s="18">
        <v>217</v>
      </c>
    </row>
    <row r="48" spans="1:4" ht="18" customHeight="1" x14ac:dyDescent="0.15">
      <c r="A48" s="5">
        <v>35</v>
      </c>
      <c r="B48" s="22">
        <v>21</v>
      </c>
      <c r="C48" s="14">
        <v>20</v>
      </c>
      <c r="D48" s="18">
        <v>41</v>
      </c>
    </row>
    <row r="49" spans="1:4" ht="18" customHeight="1" x14ac:dyDescent="0.15">
      <c r="A49" s="5">
        <v>36</v>
      </c>
      <c r="B49" s="22">
        <v>26</v>
      </c>
      <c r="C49" s="14">
        <v>30</v>
      </c>
      <c r="D49" s="18">
        <v>56</v>
      </c>
    </row>
    <row r="50" spans="1:4" ht="18" customHeight="1" x14ac:dyDescent="0.15">
      <c r="A50" s="5">
        <v>37</v>
      </c>
      <c r="B50" s="22">
        <v>26</v>
      </c>
      <c r="C50" s="14">
        <v>24</v>
      </c>
      <c r="D50" s="18">
        <v>50</v>
      </c>
    </row>
    <row r="51" spans="1:4" ht="18" customHeight="1" x14ac:dyDescent="0.15">
      <c r="A51" s="5">
        <v>38</v>
      </c>
      <c r="B51" s="22">
        <v>30</v>
      </c>
      <c r="C51" s="14">
        <v>24</v>
      </c>
      <c r="D51" s="18">
        <v>54</v>
      </c>
    </row>
    <row r="52" spans="1:4" ht="18" customHeight="1" x14ac:dyDescent="0.15">
      <c r="A52" s="5">
        <v>39</v>
      </c>
      <c r="B52" s="22">
        <v>29</v>
      </c>
      <c r="C52" s="14">
        <v>29</v>
      </c>
      <c r="D52" s="18">
        <v>58</v>
      </c>
    </row>
    <row r="53" spans="1:4" ht="18" customHeight="1" x14ac:dyDescent="0.15">
      <c r="A53" s="5" t="s">
        <v>18</v>
      </c>
      <c r="B53" s="22">
        <v>132</v>
      </c>
      <c r="C53" s="14">
        <v>127</v>
      </c>
      <c r="D53" s="18">
        <v>259</v>
      </c>
    </row>
    <row r="54" spans="1:4" ht="18" customHeight="1" x14ac:dyDescent="0.15">
      <c r="A54" s="5">
        <v>40</v>
      </c>
      <c r="B54" s="22">
        <v>33</v>
      </c>
      <c r="C54" s="14">
        <v>38</v>
      </c>
      <c r="D54" s="18">
        <v>71</v>
      </c>
    </row>
    <row r="55" spans="1:4" ht="18" customHeight="1" x14ac:dyDescent="0.15">
      <c r="A55" s="5">
        <v>41</v>
      </c>
      <c r="B55" s="22">
        <v>35</v>
      </c>
      <c r="C55" s="14">
        <v>39</v>
      </c>
      <c r="D55" s="18">
        <v>74</v>
      </c>
    </row>
    <row r="56" spans="1:4" ht="18" customHeight="1" x14ac:dyDescent="0.15">
      <c r="A56" s="5">
        <v>42</v>
      </c>
      <c r="B56" s="22">
        <v>32</v>
      </c>
      <c r="C56" s="14">
        <v>25</v>
      </c>
      <c r="D56" s="18">
        <v>57</v>
      </c>
    </row>
    <row r="57" spans="1:4" ht="18" customHeight="1" x14ac:dyDescent="0.15">
      <c r="A57" s="5">
        <v>43</v>
      </c>
      <c r="B57" s="22">
        <v>32</v>
      </c>
      <c r="C57" s="14">
        <v>30</v>
      </c>
      <c r="D57" s="18">
        <v>62</v>
      </c>
    </row>
    <row r="58" spans="1:4" ht="18" customHeight="1" x14ac:dyDescent="0.15">
      <c r="A58" s="5">
        <v>44</v>
      </c>
      <c r="B58" s="22">
        <v>44</v>
      </c>
      <c r="C58" s="14">
        <v>46</v>
      </c>
      <c r="D58" s="18">
        <v>90</v>
      </c>
    </row>
    <row r="59" spans="1:4" ht="18" customHeight="1" x14ac:dyDescent="0.15">
      <c r="A59" s="5" t="s">
        <v>21</v>
      </c>
      <c r="B59" s="22">
        <v>176</v>
      </c>
      <c r="C59" s="14">
        <v>178</v>
      </c>
      <c r="D59" s="18">
        <v>354</v>
      </c>
    </row>
    <row r="60" spans="1:4" ht="18" customHeight="1" x14ac:dyDescent="0.15">
      <c r="A60" s="5">
        <v>45</v>
      </c>
      <c r="B60" s="22">
        <v>43</v>
      </c>
      <c r="C60" s="14">
        <v>32</v>
      </c>
      <c r="D60" s="18">
        <v>75</v>
      </c>
    </row>
    <row r="61" spans="1:4" ht="18" customHeight="1" x14ac:dyDescent="0.15">
      <c r="A61" s="5">
        <v>46</v>
      </c>
      <c r="B61" s="22">
        <v>41</v>
      </c>
      <c r="C61" s="14">
        <v>33</v>
      </c>
      <c r="D61" s="18">
        <v>74</v>
      </c>
    </row>
    <row r="62" spans="1:4" ht="18" customHeight="1" x14ac:dyDescent="0.15">
      <c r="A62" s="5">
        <v>47</v>
      </c>
      <c r="B62" s="22">
        <v>51</v>
      </c>
      <c r="C62" s="14">
        <v>40</v>
      </c>
      <c r="D62" s="18">
        <v>91</v>
      </c>
    </row>
    <row r="63" spans="1:4" ht="18" customHeight="1" x14ac:dyDescent="0.15">
      <c r="A63" s="5">
        <v>48</v>
      </c>
      <c r="B63" s="22">
        <v>48</v>
      </c>
      <c r="C63" s="14">
        <v>51</v>
      </c>
      <c r="D63" s="18">
        <v>99</v>
      </c>
    </row>
    <row r="64" spans="1:4" ht="18" customHeight="1" x14ac:dyDescent="0.15">
      <c r="A64" s="5">
        <v>49</v>
      </c>
      <c r="B64" s="22">
        <v>58</v>
      </c>
      <c r="C64" s="14">
        <v>49</v>
      </c>
      <c r="D64" s="18">
        <v>107</v>
      </c>
    </row>
    <row r="65" spans="1:4" ht="18" customHeight="1" x14ac:dyDescent="0.15">
      <c r="A65" s="5" t="s">
        <v>17</v>
      </c>
      <c r="B65" s="22">
        <v>241</v>
      </c>
      <c r="C65" s="14">
        <v>205</v>
      </c>
      <c r="D65" s="18">
        <v>446</v>
      </c>
    </row>
    <row r="66" spans="1:4" ht="18" customHeight="1" x14ac:dyDescent="0.15">
      <c r="A66" s="5">
        <v>50</v>
      </c>
      <c r="B66" s="22">
        <v>45</v>
      </c>
      <c r="C66" s="14">
        <v>58</v>
      </c>
      <c r="D66" s="18">
        <v>103</v>
      </c>
    </row>
    <row r="67" spans="1:4" ht="18" customHeight="1" x14ac:dyDescent="0.15">
      <c r="A67" s="5">
        <v>51</v>
      </c>
      <c r="B67" s="22">
        <v>69</v>
      </c>
      <c r="C67" s="14">
        <v>54</v>
      </c>
      <c r="D67" s="18">
        <v>123</v>
      </c>
    </row>
    <row r="68" spans="1:4" ht="18" customHeight="1" x14ac:dyDescent="0.15">
      <c r="A68" s="5">
        <v>52</v>
      </c>
      <c r="B68" s="22">
        <v>71</v>
      </c>
      <c r="C68" s="14">
        <v>89</v>
      </c>
      <c r="D68" s="18">
        <v>160</v>
      </c>
    </row>
    <row r="69" spans="1:4" ht="18" customHeight="1" x14ac:dyDescent="0.15">
      <c r="A69" s="5">
        <v>53</v>
      </c>
      <c r="B69" s="22">
        <v>71</v>
      </c>
      <c r="C69" s="14">
        <v>68</v>
      </c>
      <c r="D69" s="18">
        <v>139</v>
      </c>
    </row>
    <row r="70" spans="1:4" ht="18" customHeight="1" x14ac:dyDescent="0.15">
      <c r="A70" s="5">
        <v>54</v>
      </c>
      <c r="B70" s="22">
        <v>69</v>
      </c>
      <c r="C70" s="14">
        <v>71</v>
      </c>
      <c r="D70" s="18">
        <v>140</v>
      </c>
    </row>
    <row r="71" spans="1:4" ht="18" customHeight="1" x14ac:dyDescent="0.15">
      <c r="A71" s="5" t="s">
        <v>22</v>
      </c>
      <c r="B71" s="22">
        <v>325</v>
      </c>
      <c r="C71" s="14">
        <v>340</v>
      </c>
      <c r="D71" s="18">
        <v>665</v>
      </c>
    </row>
    <row r="72" spans="1:4" ht="18" customHeight="1" x14ac:dyDescent="0.15">
      <c r="A72" s="5">
        <v>55</v>
      </c>
      <c r="B72" s="22">
        <v>54</v>
      </c>
      <c r="C72" s="14">
        <v>60</v>
      </c>
      <c r="D72" s="18">
        <v>114</v>
      </c>
    </row>
    <row r="73" spans="1:4" ht="18" customHeight="1" x14ac:dyDescent="0.15">
      <c r="A73" s="5">
        <v>56</v>
      </c>
      <c r="B73" s="22">
        <v>65</v>
      </c>
      <c r="C73" s="14">
        <v>51</v>
      </c>
      <c r="D73" s="18">
        <v>116</v>
      </c>
    </row>
    <row r="74" spans="1:4" ht="18" customHeight="1" x14ac:dyDescent="0.15">
      <c r="A74" s="5">
        <v>57</v>
      </c>
      <c r="B74" s="22">
        <v>54</v>
      </c>
      <c r="C74" s="14">
        <v>44</v>
      </c>
      <c r="D74" s="18">
        <v>98</v>
      </c>
    </row>
    <row r="75" spans="1:4" ht="18" customHeight="1" x14ac:dyDescent="0.15">
      <c r="A75" s="5">
        <v>58</v>
      </c>
      <c r="B75" s="22">
        <v>48</v>
      </c>
      <c r="C75" s="14">
        <v>42</v>
      </c>
      <c r="D75" s="18">
        <v>90</v>
      </c>
    </row>
    <row r="76" spans="1:4" ht="18" customHeight="1" x14ac:dyDescent="0.15">
      <c r="A76" s="5">
        <v>59</v>
      </c>
      <c r="B76" s="22">
        <v>49</v>
      </c>
      <c r="C76" s="14">
        <v>42</v>
      </c>
      <c r="D76" s="18">
        <v>91</v>
      </c>
    </row>
    <row r="77" spans="1:4" ht="18" customHeight="1" x14ac:dyDescent="0.15">
      <c r="A77" s="5" t="s">
        <v>27</v>
      </c>
      <c r="B77" s="22">
        <v>270</v>
      </c>
      <c r="C77" s="14">
        <v>239</v>
      </c>
      <c r="D77" s="18">
        <v>509</v>
      </c>
    </row>
    <row r="78" spans="1:4" ht="18" customHeight="1" x14ac:dyDescent="0.15">
      <c r="A78" s="5">
        <v>60</v>
      </c>
      <c r="B78" s="22">
        <v>46</v>
      </c>
      <c r="C78" s="14">
        <v>52</v>
      </c>
      <c r="D78" s="18">
        <v>98</v>
      </c>
    </row>
    <row r="79" spans="1:4" ht="18" customHeight="1" x14ac:dyDescent="0.15">
      <c r="A79" s="5">
        <v>61</v>
      </c>
      <c r="B79" s="22">
        <v>41</v>
      </c>
      <c r="C79" s="14">
        <v>41</v>
      </c>
      <c r="D79" s="18">
        <v>82</v>
      </c>
    </row>
    <row r="80" spans="1:4" ht="18" customHeight="1" x14ac:dyDescent="0.15">
      <c r="A80" s="5">
        <v>62</v>
      </c>
      <c r="B80" s="22">
        <v>38</v>
      </c>
      <c r="C80" s="14">
        <v>40</v>
      </c>
      <c r="D80" s="18">
        <v>78</v>
      </c>
    </row>
    <row r="81" spans="1:4" ht="18" customHeight="1" x14ac:dyDescent="0.15">
      <c r="A81" s="5">
        <v>63</v>
      </c>
      <c r="B81" s="22">
        <v>37</v>
      </c>
      <c r="C81" s="14">
        <v>41</v>
      </c>
      <c r="D81" s="18">
        <v>78</v>
      </c>
    </row>
    <row r="82" spans="1:4" ht="18" customHeight="1" x14ac:dyDescent="0.15">
      <c r="A82" s="5">
        <v>64</v>
      </c>
      <c r="B82" s="22">
        <v>38</v>
      </c>
      <c r="C82" s="14">
        <v>29</v>
      </c>
      <c r="D82" s="18">
        <v>67</v>
      </c>
    </row>
    <row r="83" spans="1:4" ht="18" customHeight="1" x14ac:dyDescent="0.15">
      <c r="A83" s="5" t="s">
        <v>28</v>
      </c>
      <c r="B83" s="22">
        <v>200</v>
      </c>
      <c r="C83" s="14">
        <v>203</v>
      </c>
      <c r="D83" s="18">
        <v>403</v>
      </c>
    </row>
    <row r="84" spans="1:4" ht="18" customHeight="1" x14ac:dyDescent="0.15">
      <c r="A84" s="5" t="s">
        <v>31</v>
      </c>
      <c r="B84" s="22">
        <v>1944</v>
      </c>
      <c r="C84" s="14">
        <v>1853</v>
      </c>
      <c r="D84" s="18">
        <v>3797</v>
      </c>
    </row>
    <row r="85" spans="1:4" ht="18" customHeight="1" x14ac:dyDescent="0.15">
      <c r="A85" s="5">
        <v>65</v>
      </c>
      <c r="B85" s="22">
        <v>43</v>
      </c>
      <c r="C85" s="14">
        <v>34</v>
      </c>
      <c r="D85" s="18">
        <v>77</v>
      </c>
    </row>
    <row r="86" spans="1:4" ht="18" customHeight="1" x14ac:dyDescent="0.15">
      <c r="A86" s="5">
        <v>66</v>
      </c>
      <c r="B86" s="22">
        <v>35</v>
      </c>
      <c r="C86" s="14">
        <v>56</v>
      </c>
      <c r="D86" s="18">
        <v>91</v>
      </c>
    </row>
    <row r="87" spans="1:4" ht="18" customHeight="1" x14ac:dyDescent="0.15">
      <c r="A87" s="5">
        <v>67</v>
      </c>
      <c r="B87" s="22">
        <v>37</v>
      </c>
      <c r="C87" s="14">
        <v>45</v>
      </c>
      <c r="D87" s="18">
        <v>82</v>
      </c>
    </row>
    <row r="88" spans="1:4" ht="18" customHeight="1" x14ac:dyDescent="0.15">
      <c r="A88" s="5">
        <v>68</v>
      </c>
      <c r="B88" s="22">
        <v>54</v>
      </c>
      <c r="C88" s="14">
        <v>36</v>
      </c>
      <c r="D88" s="18">
        <v>90</v>
      </c>
    </row>
    <row r="89" spans="1:4" ht="18" customHeight="1" x14ac:dyDescent="0.15">
      <c r="A89" s="5">
        <v>69</v>
      </c>
      <c r="B89" s="22">
        <v>42</v>
      </c>
      <c r="C89" s="14">
        <v>43</v>
      </c>
      <c r="D89" s="18">
        <v>85</v>
      </c>
    </row>
    <row r="90" spans="1:4" ht="18" customHeight="1" x14ac:dyDescent="0.15">
      <c r="A90" s="5" t="s">
        <v>20</v>
      </c>
      <c r="B90" s="22">
        <v>211</v>
      </c>
      <c r="C90" s="14">
        <v>214</v>
      </c>
      <c r="D90" s="18">
        <v>425</v>
      </c>
    </row>
    <row r="91" spans="1:4" ht="18" customHeight="1" x14ac:dyDescent="0.15">
      <c r="A91" s="5">
        <v>70</v>
      </c>
      <c r="B91" s="22">
        <v>29</v>
      </c>
      <c r="C91" s="14">
        <v>52</v>
      </c>
      <c r="D91" s="18">
        <v>81</v>
      </c>
    </row>
    <row r="92" spans="1:4" ht="18" customHeight="1" x14ac:dyDescent="0.15">
      <c r="A92" s="5">
        <v>71</v>
      </c>
      <c r="B92" s="22">
        <v>50</v>
      </c>
      <c r="C92" s="14">
        <v>42</v>
      </c>
      <c r="D92" s="18">
        <v>92</v>
      </c>
    </row>
    <row r="93" spans="1:4" ht="18" customHeight="1" x14ac:dyDescent="0.15">
      <c r="A93" s="5">
        <v>72</v>
      </c>
      <c r="B93" s="22">
        <v>31</v>
      </c>
      <c r="C93" s="14">
        <v>41</v>
      </c>
      <c r="D93" s="18">
        <v>72</v>
      </c>
    </row>
    <row r="94" spans="1:4" ht="18" customHeight="1" x14ac:dyDescent="0.15">
      <c r="A94" s="5">
        <v>73</v>
      </c>
      <c r="B94" s="22">
        <v>48</v>
      </c>
      <c r="C94" s="14">
        <v>52</v>
      </c>
      <c r="D94" s="18">
        <v>100</v>
      </c>
    </row>
    <row r="95" spans="1:4" ht="18" customHeight="1" x14ac:dyDescent="0.15">
      <c r="A95" s="5">
        <v>74</v>
      </c>
      <c r="B95" s="22">
        <v>38</v>
      </c>
      <c r="C95" s="14">
        <v>50</v>
      </c>
      <c r="D95" s="18">
        <v>88</v>
      </c>
    </row>
    <row r="96" spans="1:4" ht="18" customHeight="1" x14ac:dyDescent="0.15">
      <c r="A96" s="5" t="s">
        <v>33</v>
      </c>
      <c r="B96" s="22">
        <v>196</v>
      </c>
      <c r="C96" s="14">
        <v>237</v>
      </c>
      <c r="D96" s="18">
        <v>433</v>
      </c>
    </row>
    <row r="97" spans="1:4" ht="18" customHeight="1" x14ac:dyDescent="0.15">
      <c r="A97" s="5">
        <v>75</v>
      </c>
      <c r="B97" s="22">
        <v>48</v>
      </c>
      <c r="C97" s="14">
        <v>56</v>
      </c>
      <c r="D97" s="18">
        <v>104</v>
      </c>
    </row>
    <row r="98" spans="1:4" ht="18" customHeight="1" x14ac:dyDescent="0.15">
      <c r="A98" s="5">
        <v>76</v>
      </c>
      <c r="B98" s="22">
        <v>51</v>
      </c>
      <c r="C98" s="14">
        <v>73</v>
      </c>
      <c r="D98" s="18">
        <v>124</v>
      </c>
    </row>
    <row r="99" spans="1:4" ht="18" customHeight="1" x14ac:dyDescent="0.15">
      <c r="A99" s="5">
        <v>77</v>
      </c>
      <c r="B99" s="22">
        <v>59</v>
      </c>
      <c r="C99" s="14">
        <v>75</v>
      </c>
      <c r="D99" s="18">
        <v>134</v>
      </c>
    </row>
    <row r="100" spans="1:4" ht="18" customHeight="1" x14ac:dyDescent="0.15">
      <c r="A100" s="5">
        <v>78</v>
      </c>
      <c r="B100" s="22">
        <v>53</v>
      </c>
      <c r="C100" s="14">
        <v>67</v>
      </c>
      <c r="D100" s="18">
        <v>120</v>
      </c>
    </row>
    <row r="101" spans="1:4" ht="18" customHeight="1" x14ac:dyDescent="0.15">
      <c r="A101" s="5">
        <v>79</v>
      </c>
      <c r="B101" s="22">
        <v>40</v>
      </c>
      <c r="C101" s="14">
        <v>41</v>
      </c>
      <c r="D101" s="18">
        <v>81</v>
      </c>
    </row>
    <row r="102" spans="1:4" ht="18" customHeight="1" x14ac:dyDescent="0.15">
      <c r="A102" s="5" t="s">
        <v>0</v>
      </c>
      <c r="B102" s="22">
        <v>251</v>
      </c>
      <c r="C102" s="14">
        <v>312</v>
      </c>
      <c r="D102" s="18">
        <v>563</v>
      </c>
    </row>
    <row r="103" spans="1:4" ht="18" customHeight="1" x14ac:dyDescent="0.15">
      <c r="A103" s="5">
        <v>80</v>
      </c>
      <c r="B103" s="22">
        <v>20</v>
      </c>
      <c r="C103" s="14">
        <v>42</v>
      </c>
      <c r="D103" s="18">
        <v>62</v>
      </c>
    </row>
    <row r="104" spans="1:4" ht="18" customHeight="1" x14ac:dyDescent="0.15">
      <c r="A104" s="5">
        <v>81</v>
      </c>
      <c r="B104" s="22">
        <v>29</v>
      </c>
      <c r="C104" s="14">
        <v>58</v>
      </c>
      <c r="D104" s="18">
        <v>87</v>
      </c>
    </row>
    <row r="105" spans="1:4" ht="18" customHeight="1" x14ac:dyDescent="0.15">
      <c r="A105" s="5">
        <v>82</v>
      </c>
      <c r="B105" s="22">
        <v>44</v>
      </c>
      <c r="C105" s="14">
        <v>61</v>
      </c>
      <c r="D105" s="18">
        <v>105</v>
      </c>
    </row>
    <row r="106" spans="1:4" ht="18" customHeight="1" x14ac:dyDescent="0.15">
      <c r="A106" s="5">
        <v>83</v>
      </c>
      <c r="B106" s="22">
        <v>25</v>
      </c>
      <c r="C106" s="14">
        <v>49</v>
      </c>
      <c r="D106" s="18">
        <v>74</v>
      </c>
    </row>
    <row r="107" spans="1:4" ht="18" customHeight="1" x14ac:dyDescent="0.15">
      <c r="A107" s="5">
        <v>84</v>
      </c>
      <c r="B107" s="22">
        <v>35</v>
      </c>
      <c r="C107" s="14">
        <v>38</v>
      </c>
      <c r="D107" s="18">
        <v>73</v>
      </c>
    </row>
    <row r="108" spans="1:4" ht="18" customHeight="1" x14ac:dyDescent="0.15">
      <c r="A108" s="5" t="s">
        <v>35</v>
      </c>
      <c r="B108" s="22">
        <v>153</v>
      </c>
      <c r="C108" s="14">
        <v>248</v>
      </c>
      <c r="D108" s="18">
        <v>401</v>
      </c>
    </row>
    <row r="109" spans="1:4" ht="18" customHeight="1" x14ac:dyDescent="0.15">
      <c r="A109" s="5">
        <v>85</v>
      </c>
      <c r="B109" s="22">
        <v>27</v>
      </c>
      <c r="C109" s="14">
        <v>37</v>
      </c>
      <c r="D109" s="18">
        <v>64</v>
      </c>
    </row>
    <row r="110" spans="1:4" ht="18" customHeight="1" x14ac:dyDescent="0.15">
      <c r="A110" s="5">
        <v>86</v>
      </c>
      <c r="B110" s="22">
        <v>32</v>
      </c>
      <c r="C110" s="14">
        <v>27</v>
      </c>
      <c r="D110" s="18">
        <v>59</v>
      </c>
    </row>
    <row r="111" spans="1:4" ht="18" customHeight="1" x14ac:dyDescent="0.15">
      <c r="A111" s="5">
        <v>87</v>
      </c>
      <c r="B111" s="22">
        <v>19</v>
      </c>
      <c r="C111" s="14">
        <v>20</v>
      </c>
      <c r="D111" s="18">
        <v>39</v>
      </c>
    </row>
    <row r="112" spans="1:4" ht="18" customHeight="1" x14ac:dyDescent="0.15">
      <c r="A112" s="5">
        <v>88</v>
      </c>
      <c r="B112" s="22">
        <v>16</v>
      </c>
      <c r="C112" s="14">
        <v>32</v>
      </c>
      <c r="D112" s="18">
        <v>48</v>
      </c>
    </row>
    <row r="113" spans="1:4" ht="18" customHeight="1" x14ac:dyDescent="0.15">
      <c r="A113" s="5">
        <v>89</v>
      </c>
      <c r="B113" s="22">
        <v>17</v>
      </c>
      <c r="C113" s="14">
        <v>35</v>
      </c>
      <c r="D113" s="18">
        <v>52</v>
      </c>
    </row>
    <row r="114" spans="1:4" ht="18" customHeight="1" x14ac:dyDescent="0.15">
      <c r="A114" s="5" t="s">
        <v>37</v>
      </c>
      <c r="B114" s="22">
        <v>111</v>
      </c>
      <c r="C114" s="14">
        <v>151</v>
      </c>
      <c r="D114" s="18">
        <v>262</v>
      </c>
    </row>
    <row r="115" spans="1:4" ht="18" customHeight="1" x14ac:dyDescent="0.15">
      <c r="A115" s="5">
        <v>90</v>
      </c>
      <c r="B115" s="22">
        <v>11</v>
      </c>
      <c r="C115" s="14">
        <v>33</v>
      </c>
      <c r="D115" s="18">
        <v>44</v>
      </c>
    </row>
    <row r="116" spans="1:4" ht="18" customHeight="1" x14ac:dyDescent="0.15">
      <c r="A116" s="5">
        <v>91</v>
      </c>
      <c r="B116" s="22">
        <v>5</v>
      </c>
      <c r="C116" s="14">
        <v>18</v>
      </c>
      <c r="D116" s="18">
        <v>23</v>
      </c>
    </row>
    <row r="117" spans="1:4" ht="18" customHeight="1" x14ac:dyDescent="0.15">
      <c r="A117" s="5">
        <v>92</v>
      </c>
      <c r="B117" s="22">
        <v>8</v>
      </c>
      <c r="C117" s="14">
        <v>20</v>
      </c>
      <c r="D117" s="18">
        <v>28</v>
      </c>
    </row>
    <row r="118" spans="1:4" ht="18" customHeight="1" x14ac:dyDescent="0.15">
      <c r="A118" s="5">
        <v>93</v>
      </c>
      <c r="B118" s="22">
        <v>10</v>
      </c>
      <c r="C118" s="14">
        <v>24</v>
      </c>
      <c r="D118" s="18">
        <v>34</v>
      </c>
    </row>
    <row r="119" spans="1:4" ht="18" customHeight="1" x14ac:dyDescent="0.15">
      <c r="A119" s="5">
        <v>94</v>
      </c>
      <c r="B119" s="22">
        <v>4</v>
      </c>
      <c r="C119" s="14">
        <v>11</v>
      </c>
      <c r="D119" s="18">
        <v>15</v>
      </c>
    </row>
    <row r="120" spans="1:4" ht="18" customHeight="1" x14ac:dyDescent="0.15">
      <c r="A120" s="5" t="s">
        <v>39</v>
      </c>
      <c r="B120" s="22">
        <v>38</v>
      </c>
      <c r="C120" s="14">
        <v>106</v>
      </c>
      <c r="D120" s="18">
        <v>144</v>
      </c>
    </row>
    <row r="121" spans="1:4" ht="18" customHeight="1" x14ac:dyDescent="0.15">
      <c r="A121" s="5">
        <v>95</v>
      </c>
      <c r="B121" s="22">
        <v>4</v>
      </c>
      <c r="C121" s="14">
        <v>4</v>
      </c>
      <c r="D121" s="18">
        <v>8</v>
      </c>
    </row>
    <row r="122" spans="1:4" ht="18" customHeight="1" x14ac:dyDescent="0.15">
      <c r="A122" s="5">
        <v>96</v>
      </c>
      <c r="B122" s="22">
        <v>2</v>
      </c>
      <c r="C122" s="14">
        <v>9</v>
      </c>
      <c r="D122" s="18">
        <v>11</v>
      </c>
    </row>
    <row r="123" spans="1:4" ht="18" customHeight="1" x14ac:dyDescent="0.15">
      <c r="A123" s="5">
        <v>97</v>
      </c>
      <c r="B123" s="22">
        <v>1</v>
      </c>
      <c r="C123" s="14">
        <v>2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5</v>
      </c>
      <c r="D124" s="18">
        <v>5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8</v>
      </c>
      <c r="C126" s="14">
        <v>21</v>
      </c>
      <c r="D126" s="18">
        <v>29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6</v>
      </c>
      <c r="D129" s="18">
        <v>6</v>
      </c>
    </row>
    <row r="130" spans="1:4" ht="18" customHeight="1" x14ac:dyDescent="0.15">
      <c r="A130" s="5" t="s">
        <v>46</v>
      </c>
      <c r="B130" s="22">
        <v>968</v>
      </c>
      <c r="C130" s="14">
        <v>1295</v>
      </c>
      <c r="D130" s="18">
        <v>2263</v>
      </c>
    </row>
    <row r="131" spans="1:4" ht="18" customHeight="1" x14ac:dyDescent="0.15">
      <c r="A131" s="7" t="s">
        <v>45</v>
      </c>
      <c r="B131" s="23">
        <v>3250</v>
      </c>
      <c r="C131" s="15">
        <v>3412</v>
      </c>
      <c r="D131" s="19">
        <v>666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000-000000000000}">
  <sheetPr codeName="Sheet4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6</v>
      </c>
      <c r="C5" s="13">
        <v>8</v>
      </c>
      <c r="D5" s="17">
        <v>14</v>
      </c>
    </row>
    <row r="6" spans="1:4" ht="18" customHeight="1" x14ac:dyDescent="0.15">
      <c r="A6" s="5">
        <v>1</v>
      </c>
      <c r="B6" s="22">
        <v>13</v>
      </c>
      <c r="C6" s="14">
        <v>10</v>
      </c>
      <c r="D6" s="18">
        <v>23</v>
      </c>
    </row>
    <row r="7" spans="1:4" ht="18" customHeight="1" x14ac:dyDescent="0.15">
      <c r="A7" s="5">
        <v>2</v>
      </c>
      <c r="B7" s="22">
        <v>13</v>
      </c>
      <c r="C7" s="14">
        <v>11</v>
      </c>
      <c r="D7" s="18">
        <v>24</v>
      </c>
    </row>
    <row r="8" spans="1:4" ht="18" customHeight="1" x14ac:dyDescent="0.15">
      <c r="A8" s="5">
        <v>3</v>
      </c>
      <c r="B8" s="22">
        <v>11</v>
      </c>
      <c r="C8" s="14">
        <v>11</v>
      </c>
      <c r="D8" s="18">
        <v>22</v>
      </c>
    </row>
    <row r="9" spans="1:4" ht="18" customHeight="1" x14ac:dyDescent="0.15">
      <c r="A9" s="5">
        <v>4</v>
      </c>
      <c r="B9" s="22">
        <v>17</v>
      </c>
      <c r="C9" s="14">
        <v>12</v>
      </c>
      <c r="D9" s="18">
        <v>29</v>
      </c>
    </row>
    <row r="10" spans="1:4" ht="18" customHeight="1" x14ac:dyDescent="0.15">
      <c r="A10" s="5" t="s">
        <v>7</v>
      </c>
      <c r="B10" s="22">
        <v>60</v>
      </c>
      <c r="C10" s="14">
        <v>52</v>
      </c>
      <c r="D10" s="18">
        <v>112</v>
      </c>
    </row>
    <row r="11" spans="1:4" ht="18" customHeight="1" x14ac:dyDescent="0.15">
      <c r="A11" s="5">
        <v>5</v>
      </c>
      <c r="B11" s="22">
        <v>9</v>
      </c>
      <c r="C11" s="14">
        <v>16</v>
      </c>
      <c r="D11" s="18">
        <v>25</v>
      </c>
    </row>
    <row r="12" spans="1:4" ht="18" customHeight="1" x14ac:dyDescent="0.15">
      <c r="A12" s="5">
        <v>6</v>
      </c>
      <c r="B12" s="22">
        <v>18</v>
      </c>
      <c r="C12" s="14">
        <v>16</v>
      </c>
      <c r="D12" s="18">
        <v>34</v>
      </c>
    </row>
    <row r="13" spans="1:4" ht="18" customHeight="1" x14ac:dyDescent="0.15">
      <c r="A13" s="5">
        <v>7</v>
      </c>
      <c r="B13" s="22">
        <v>13</v>
      </c>
      <c r="C13" s="14">
        <v>10</v>
      </c>
      <c r="D13" s="18">
        <v>23</v>
      </c>
    </row>
    <row r="14" spans="1:4" ht="18" customHeight="1" x14ac:dyDescent="0.15">
      <c r="A14" s="5">
        <v>8</v>
      </c>
      <c r="B14" s="22">
        <v>18</v>
      </c>
      <c r="C14" s="14">
        <v>14</v>
      </c>
      <c r="D14" s="18">
        <v>32</v>
      </c>
    </row>
    <row r="15" spans="1:4" ht="18" customHeight="1" x14ac:dyDescent="0.15">
      <c r="A15" s="5">
        <v>9</v>
      </c>
      <c r="B15" s="22">
        <v>20</v>
      </c>
      <c r="C15" s="14">
        <v>12</v>
      </c>
      <c r="D15" s="18">
        <v>32</v>
      </c>
    </row>
    <row r="16" spans="1:4" ht="18" customHeight="1" x14ac:dyDescent="0.15">
      <c r="A16" s="5" t="s">
        <v>11</v>
      </c>
      <c r="B16" s="22">
        <v>78</v>
      </c>
      <c r="C16" s="14">
        <v>68</v>
      </c>
      <c r="D16" s="18">
        <v>146</v>
      </c>
    </row>
    <row r="17" spans="1:4" ht="18" customHeight="1" x14ac:dyDescent="0.15">
      <c r="A17" s="5">
        <v>10</v>
      </c>
      <c r="B17" s="22">
        <v>21</v>
      </c>
      <c r="C17" s="14">
        <v>19</v>
      </c>
      <c r="D17" s="18">
        <v>40</v>
      </c>
    </row>
    <row r="18" spans="1:4" ht="18" customHeight="1" x14ac:dyDescent="0.15">
      <c r="A18" s="5">
        <v>11</v>
      </c>
      <c r="B18" s="22">
        <v>17</v>
      </c>
      <c r="C18" s="14">
        <v>28</v>
      </c>
      <c r="D18" s="18">
        <v>45</v>
      </c>
    </row>
    <row r="19" spans="1:4" ht="18" customHeight="1" x14ac:dyDescent="0.15">
      <c r="A19" s="5">
        <v>12</v>
      </c>
      <c r="B19" s="22">
        <v>24</v>
      </c>
      <c r="C19" s="14">
        <v>19</v>
      </c>
      <c r="D19" s="18">
        <v>43</v>
      </c>
    </row>
    <row r="20" spans="1:4" ht="18" customHeight="1" x14ac:dyDescent="0.15">
      <c r="A20" s="5">
        <v>13</v>
      </c>
      <c r="B20" s="22">
        <v>25</v>
      </c>
      <c r="C20" s="14">
        <v>20</v>
      </c>
      <c r="D20" s="18">
        <v>45</v>
      </c>
    </row>
    <row r="21" spans="1:4" ht="18" customHeight="1" x14ac:dyDescent="0.15">
      <c r="A21" s="5">
        <v>14</v>
      </c>
      <c r="B21" s="22">
        <v>25</v>
      </c>
      <c r="C21" s="14">
        <v>22</v>
      </c>
      <c r="D21" s="18">
        <v>47</v>
      </c>
    </row>
    <row r="22" spans="1:4" ht="18" customHeight="1" x14ac:dyDescent="0.15">
      <c r="A22" s="5" t="s">
        <v>12</v>
      </c>
      <c r="B22" s="22">
        <v>112</v>
      </c>
      <c r="C22" s="14">
        <v>108</v>
      </c>
      <c r="D22" s="18">
        <v>220</v>
      </c>
    </row>
    <row r="23" spans="1:4" ht="18" customHeight="1" x14ac:dyDescent="0.15">
      <c r="A23" s="5" t="s">
        <v>6</v>
      </c>
      <c r="B23" s="22">
        <v>250</v>
      </c>
      <c r="C23" s="14">
        <v>228</v>
      </c>
      <c r="D23" s="18">
        <v>478</v>
      </c>
    </row>
    <row r="24" spans="1:4" ht="18" customHeight="1" x14ac:dyDescent="0.15">
      <c r="A24" s="5">
        <v>15</v>
      </c>
      <c r="B24" s="22">
        <v>24</v>
      </c>
      <c r="C24" s="14">
        <v>31</v>
      </c>
      <c r="D24" s="18">
        <v>55</v>
      </c>
    </row>
    <row r="25" spans="1:4" ht="18" customHeight="1" x14ac:dyDescent="0.15">
      <c r="A25" s="5">
        <v>16</v>
      </c>
      <c r="B25" s="22">
        <v>26</v>
      </c>
      <c r="C25" s="14">
        <v>30</v>
      </c>
      <c r="D25" s="18">
        <v>56</v>
      </c>
    </row>
    <row r="26" spans="1:4" ht="18" customHeight="1" x14ac:dyDescent="0.15">
      <c r="A26" s="5">
        <v>17</v>
      </c>
      <c r="B26" s="22">
        <v>25</v>
      </c>
      <c r="C26" s="14">
        <v>20</v>
      </c>
      <c r="D26" s="18">
        <v>45</v>
      </c>
    </row>
    <row r="27" spans="1:4" ht="18" customHeight="1" x14ac:dyDescent="0.15">
      <c r="A27" s="5">
        <v>18</v>
      </c>
      <c r="B27" s="22">
        <v>29</v>
      </c>
      <c r="C27" s="14">
        <v>30</v>
      </c>
      <c r="D27" s="18">
        <v>59</v>
      </c>
    </row>
    <row r="28" spans="1:4" ht="18" customHeight="1" x14ac:dyDescent="0.15">
      <c r="A28" s="5">
        <v>19</v>
      </c>
      <c r="B28" s="22">
        <v>24</v>
      </c>
      <c r="C28" s="14">
        <v>22</v>
      </c>
      <c r="D28" s="18">
        <v>46</v>
      </c>
    </row>
    <row r="29" spans="1:4" ht="18" customHeight="1" x14ac:dyDescent="0.15">
      <c r="A29" s="5" t="s">
        <v>14</v>
      </c>
      <c r="B29" s="22">
        <v>128</v>
      </c>
      <c r="C29" s="14">
        <v>133</v>
      </c>
      <c r="D29" s="18">
        <v>261</v>
      </c>
    </row>
    <row r="30" spans="1:4" ht="18" customHeight="1" x14ac:dyDescent="0.15">
      <c r="A30" s="5">
        <v>20</v>
      </c>
      <c r="B30" s="22">
        <v>21</v>
      </c>
      <c r="C30" s="14">
        <v>30</v>
      </c>
      <c r="D30" s="18">
        <v>51</v>
      </c>
    </row>
    <row r="31" spans="1:4" ht="18" customHeight="1" x14ac:dyDescent="0.15">
      <c r="A31" s="5">
        <v>21</v>
      </c>
      <c r="B31" s="22">
        <v>28</v>
      </c>
      <c r="C31" s="14">
        <v>20</v>
      </c>
      <c r="D31" s="18">
        <v>48</v>
      </c>
    </row>
    <row r="32" spans="1:4" ht="18" customHeight="1" x14ac:dyDescent="0.15">
      <c r="A32" s="5">
        <v>22</v>
      </c>
      <c r="B32" s="22">
        <v>20</v>
      </c>
      <c r="C32" s="14">
        <v>21</v>
      </c>
      <c r="D32" s="18">
        <v>41</v>
      </c>
    </row>
    <row r="33" spans="1:4" ht="18" customHeight="1" x14ac:dyDescent="0.15">
      <c r="A33" s="5">
        <v>23</v>
      </c>
      <c r="B33" s="22">
        <v>31</v>
      </c>
      <c r="C33" s="14">
        <v>16</v>
      </c>
      <c r="D33" s="18">
        <v>47</v>
      </c>
    </row>
    <row r="34" spans="1:4" ht="18" customHeight="1" x14ac:dyDescent="0.15">
      <c r="A34" s="5">
        <v>24</v>
      </c>
      <c r="B34" s="22">
        <v>28</v>
      </c>
      <c r="C34" s="14">
        <v>20</v>
      </c>
      <c r="D34" s="18">
        <v>48</v>
      </c>
    </row>
    <row r="35" spans="1:4" ht="18" customHeight="1" x14ac:dyDescent="0.15">
      <c r="A35" s="5" t="s">
        <v>9</v>
      </c>
      <c r="B35" s="22">
        <v>128</v>
      </c>
      <c r="C35" s="14">
        <v>107</v>
      </c>
      <c r="D35" s="18">
        <v>235</v>
      </c>
    </row>
    <row r="36" spans="1:4" ht="18" customHeight="1" x14ac:dyDescent="0.15">
      <c r="A36" s="5">
        <v>25</v>
      </c>
      <c r="B36" s="22">
        <v>18</v>
      </c>
      <c r="C36" s="14">
        <v>17</v>
      </c>
      <c r="D36" s="18">
        <v>35</v>
      </c>
    </row>
    <row r="37" spans="1:4" ht="18" customHeight="1" x14ac:dyDescent="0.15">
      <c r="A37" s="5">
        <v>26</v>
      </c>
      <c r="B37" s="22">
        <v>16</v>
      </c>
      <c r="C37" s="14">
        <v>16</v>
      </c>
      <c r="D37" s="18">
        <v>32</v>
      </c>
    </row>
    <row r="38" spans="1:4" ht="18" customHeight="1" x14ac:dyDescent="0.15">
      <c r="A38" s="5">
        <v>27</v>
      </c>
      <c r="B38" s="22">
        <v>19</v>
      </c>
      <c r="C38" s="14">
        <v>16</v>
      </c>
      <c r="D38" s="18">
        <v>35</v>
      </c>
    </row>
    <row r="39" spans="1:4" ht="18" customHeight="1" x14ac:dyDescent="0.15">
      <c r="A39" s="5">
        <v>28</v>
      </c>
      <c r="B39" s="22">
        <v>21</v>
      </c>
      <c r="C39" s="14">
        <v>15</v>
      </c>
      <c r="D39" s="18">
        <v>36</v>
      </c>
    </row>
    <row r="40" spans="1:4" ht="18" customHeight="1" x14ac:dyDescent="0.15">
      <c r="A40" s="5">
        <v>29</v>
      </c>
      <c r="B40" s="22">
        <v>17</v>
      </c>
      <c r="C40" s="14">
        <v>16</v>
      </c>
      <c r="D40" s="18">
        <v>33</v>
      </c>
    </row>
    <row r="41" spans="1:4" ht="18" customHeight="1" x14ac:dyDescent="0.15">
      <c r="A41" s="5" t="s">
        <v>2</v>
      </c>
      <c r="B41" s="22">
        <v>91</v>
      </c>
      <c r="C41" s="14">
        <v>80</v>
      </c>
      <c r="D41" s="18">
        <v>171</v>
      </c>
    </row>
    <row r="42" spans="1:4" ht="18" customHeight="1" x14ac:dyDescent="0.15">
      <c r="A42" s="5">
        <v>30</v>
      </c>
      <c r="B42" s="22">
        <v>21</v>
      </c>
      <c r="C42" s="14">
        <v>12</v>
      </c>
      <c r="D42" s="18">
        <v>33</v>
      </c>
    </row>
    <row r="43" spans="1:4" ht="18" customHeight="1" x14ac:dyDescent="0.15">
      <c r="A43" s="5">
        <v>31</v>
      </c>
      <c r="B43" s="22">
        <v>17</v>
      </c>
      <c r="C43" s="14">
        <v>17</v>
      </c>
      <c r="D43" s="18">
        <v>34</v>
      </c>
    </row>
    <row r="44" spans="1:4" ht="18" customHeight="1" x14ac:dyDescent="0.15">
      <c r="A44" s="5">
        <v>32</v>
      </c>
      <c r="B44" s="22">
        <v>23</v>
      </c>
      <c r="C44" s="14">
        <v>17</v>
      </c>
      <c r="D44" s="18">
        <v>40</v>
      </c>
    </row>
    <row r="45" spans="1:4" ht="18" customHeight="1" x14ac:dyDescent="0.15">
      <c r="A45" s="5">
        <v>33</v>
      </c>
      <c r="B45" s="22">
        <v>16</v>
      </c>
      <c r="C45" s="14">
        <v>15</v>
      </c>
      <c r="D45" s="18">
        <v>31</v>
      </c>
    </row>
    <row r="46" spans="1:4" ht="18" customHeight="1" x14ac:dyDescent="0.15">
      <c r="A46" s="5">
        <v>34</v>
      </c>
      <c r="B46" s="22">
        <v>21</v>
      </c>
      <c r="C46" s="14">
        <v>16</v>
      </c>
      <c r="D46" s="18">
        <v>37</v>
      </c>
    </row>
    <row r="47" spans="1:4" ht="18" customHeight="1" x14ac:dyDescent="0.15">
      <c r="A47" s="5" t="s">
        <v>15</v>
      </c>
      <c r="B47" s="22">
        <v>98</v>
      </c>
      <c r="C47" s="14">
        <v>77</v>
      </c>
      <c r="D47" s="18">
        <v>175</v>
      </c>
    </row>
    <row r="48" spans="1:4" ht="18" customHeight="1" x14ac:dyDescent="0.15">
      <c r="A48" s="5">
        <v>35</v>
      </c>
      <c r="B48" s="22">
        <v>16</v>
      </c>
      <c r="C48" s="14">
        <v>11</v>
      </c>
      <c r="D48" s="18">
        <v>27</v>
      </c>
    </row>
    <row r="49" spans="1:4" ht="18" customHeight="1" x14ac:dyDescent="0.15">
      <c r="A49" s="5">
        <v>36</v>
      </c>
      <c r="B49" s="22">
        <v>12</v>
      </c>
      <c r="C49" s="14">
        <v>22</v>
      </c>
      <c r="D49" s="18">
        <v>34</v>
      </c>
    </row>
    <row r="50" spans="1:4" ht="18" customHeight="1" x14ac:dyDescent="0.15">
      <c r="A50" s="5">
        <v>37</v>
      </c>
      <c r="B50" s="22">
        <v>22</v>
      </c>
      <c r="C50" s="14">
        <v>25</v>
      </c>
      <c r="D50" s="18">
        <v>47</v>
      </c>
    </row>
    <row r="51" spans="1:4" ht="18" customHeight="1" x14ac:dyDescent="0.15">
      <c r="A51" s="5">
        <v>38</v>
      </c>
      <c r="B51" s="22">
        <v>22</v>
      </c>
      <c r="C51" s="14">
        <v>19</v>
      </c>
      <c r="D51" s="18">
        <v>41</v>
      </c>
    </row>
    <row r="52" spans="1:4" ht="18" customHeight="1" x14ac:dyDescent="0.15">
      <c r="A52" s="5">
        <v>39</v>
      </c>
      <c r="B52" s="22">
        <v>31</v>
      </c>
      <c r="C52" s="14">
        <v>24</v>
      </c>
      <c r="D52" s="18">
        <v>55</v>
      </c>
    </row>
    <row r="53" spans="1:4" ht="18" customHeight="1" x14ac:dyDescent="0.15">
      <c r="A53" s="5" t="s">
        <v>18</v>
      </c>
      <c r="B53" s="22">
        <v>103</v>
      </c>
      <c r="C53" s="14">
        <v>101</v>
      </c>
      <c r="D53" s="18">
        <v>204</v>
      </c>
    </row>
    <row r="54" spans="1:4" ht="18" customHeight="1" x14ac:dyDescent="0.15">
      <c r="A54" s="5">
        <v>40</v>
      </c>
      <c r="B54" s="22">
        <v>21</v>
      </c>
      <c r="C54" s="14">
        <v>23</v>
      </c>
      <c r="D54" s="18">
        <v>44</v>
      </c>
    </row>
    <row r="55" spans="1:4" ht="18" customHeight="1" x14ac:dyDescent="0.15">
      <c r="A55" s="5">
        <v>41</v>
      </c>
      <c r="B55" s="22">
        <v>25</v>
      </c>
      <c r="C55" s="14">
        <v>22</v>
      </c>
      <c r="D55" s="18">
        <v>47</v>
      </c>
    </row>
    <row r="56" spans="1:4" ht="18" customHeight="1" x14ac:dyDescent="0.15">
      <c r="A56" s="5">
        <v>42</v>
      </c>
      <c r="B56" s="22">
        <v>28</v>
      </c>
      <c r="C56" s="14">
        <v>33</v>
      </c>
      <c r="D56" s="18">
        <v>61</v>
      </c>
    </row>
    <row r="57" spans="1:4" ht="18" customHeight="1" x14ac:dyDescent="0.15">
      <c r="A57" s="5">
        <v>43</v>
      </c>
      <c r="B57" s="22">
        <v>28</v>
      </c>
      <c r="C57" s="14">
        <v>23</v>
      </c>
      <c r="D57" s="18">
        <v>51</v>
      </c>
    </row>
    <row r="58" spans="1:4" ht="18" customHeight="1" x14ac:dyDescent="0.15">
      <c r="A58" s="5">
        <v>44</v>
      </c>
      <c r="B58" s="22">
        <v>32</v>
      </c>
      <c r="C58" s="14">
        <v>36</v>
      </c>
      <c r="D58" s="18">
        <v>68</v>
      </c>
    </row>
    <row r="59" spans="1:4" ht="18" customHeight="1" x14ac:dyDescent="0.15">
      <c r="A59" s="5" t="s">
        <v>21</v>
      </c>
      <c r="B59" s="22">
        <v>134</v>
      </c>
      <c r="C59" s="14">
        <v>137</v>
      </c>
      <c r="D59" s="18">
        <v>271</v>
      </c>
    </row>
    <row r="60" spans="1:4" ht="18" customHeight="1" x14ac:dyDescent="0.15">
      <c r="A60" s="5">
        <v>45</v>
      </c>
      <c r="B60" s="22">
        <v>34</v>
      </c>
      <c r="C60" s="14">
        <v>27</v>
      </c>
      <c r="D60" s="18">
        <v>61</v>
      </c>
    </row>
    <row r="61" spans="1:4" ht="18" customHeight="1" x14ac:dyDescent="0.15">
      <c r="A61" s="5">
        <v>46</v>
      </c>
      <c r="B61" s="22">
        <v>33</v>
      </c>
      <c r="C61" s="14">
        <v>43</v>
      </c>
      <c r="D61" s="18">
        <v>76</v>
      </c>
    </row>
    <row r="62" spans="1:4" ht="18" customHeight="1" x14ac:dyDescent="0.15">
      <c r="A62" s="5">
        <v>47</v>
      </c>
      <c r="B62" s="22">
        <v>49</v>
      </c>
      <c r="C62" s="14">
        <v>48</v>
      </c>
      <c r="D62" s="18">
        <v>97</v>
      </c>
    </row>
    <row r="63" spans="1:4" ht="18" customHeight="1" x14ac:dyDescent="0.15">
      <c r="A63" s="5">
        <v>48</v>
      </c>
      <c r="B63" s="22">
        <v>52</v>
      </c>
      <c r="C63" s="14">
        <v>25</v>
      </c>
      <c r="D63" s="18">
        <v>77</v>
      </c>
    </row>
    <row r="64" spans="1:4" ht="18" customHeight="1" x14ac:dyDescent="0.15">
      <c r="A64" s="5">
        <v>49</v>
      </c>
      <c r="B64" s="22">
        <v>35</v>
      </c>
      <c r="C64" s="14">
        <v>33</v>
      </c>
      <c r="D64" s="18">
        <v>68</v>
      </c>
    </row>
    <row r="65" spans="1:4" ht="18" customHeight="1" x14ac:dyDescent="0.15">
      <c r="A65" s="5" t="s">
        <v>17</v>
      </c>
      <c r="B65" s="22">
        <v>203</v>
      </c>
      <c r="C65" s="14">
        <v>176</v>
      </c>
      <c r="D65" s="18">
        <v>379</v>
      </c>
    </row>
    <row r="66" spans="1:4" ht="18" customHeight="1" x14ac:dyDescent="0.15">
      <c r="A66" s="5">
        <v>50</v>
      </c>
      <c r="B66" s="22">
        <v>52</v>
      </c>
      <c r="C66" s="14">
        <v>40</v>
      </c>
      <c r="D66" s="18">
        <v>92</v>
      </c>
    </row>
    <row r="67" spans="1:4" ht="18" customHeight="1" x14ac:dyDescent="0.15">
      <c r="A67" s="5">
        <v>51</v>
      </c>
      <c r="B67" s="22">
        <v>44</v>
      </c>
      <c r="C67" s="14">
        <v>48</v>
      </c>
      <c r="D67" s="18">
        <v>92</v>
      </c>
    </row>
    <row r="68" spans="1:4" ht="18" customHeight="1" x14ac:dyDescent="0.15">
      <c r="A68" s="5">
        <v>52</v>
      </c>
      <c r="B68" s="22">
        <v>55</v>
      </c>
      <c r="C68" s="14">
        <v>47</v>
      </c>
      <c r="D68" s="18">
        <v>102</v>
      </c>
    </row>
    <row r="69" spans="1:4" ht="18" customHeight="1" x14ac:dyDescent="0.15">
      <c r="A69" s="5">
        <v>53</v>
      </c>
      <c r="B69" s="22">
        <v>49</v>
      </c>
      <c r="C69" s="14">
        <v>54</v>
      </c>
      <c r="D69" s="18">
        <v>103</v>
      </c>
    </row>
    <row r="70" spans="1:4" ht="18" customHeight="1" x14ac:dyDescent="0.15">
      <c r="A70" s="5">
        <v>54</v>
      </c>
      <c r="B70" s="22">
        <v>36</v>
      </c>
      <c r="C70" s="14">
        <v>54</v>
      </c>
      <c r="D70" s="18">
        <v>90</v>
      </c>
    </row>
    <row r="71" spans="1:4" ht="18" customHeight="1" x14ac:dyDescent="0.15">
      <c r="A71" s="5" t="s">
        <v>22</v>
      </c>
      <c r="B71" s="22">
        <v>236</v>
      </c>
      <c r="C71" s="14">
        <v>243</v>
      </c>
      <c r="D71" s="18">
        <v>479</v>
      </c>
    </row>
    <row r="72" spans="1:4" ht="18" customHeight="1" x14ac:dyDescent="0.15">
      <c r="A72" s="5">
        <v>55</v>
      </c>
      <c r="B72" s="22">
        <v>53</v>
      </c>
      <c r="C72" s="14">
        <v>44</v>
      </c>
      <c r="D72" s="18">
        <v>97</v>
      </c>
    </row>
    <row r="73" spans="1:4" ht="18" customHeight="1" x14ac:dyDescent="0.15">
      <c r="A73" s="5">
        <v>56</v>
      </c>
      <c r="B73" s="22">
        <v>58</v>
      </c>
      <c r="C73" s="14">
        <v>56</v>
      </c>
      <c r="D73" s="18">
        <v>114</v>
      </c>
    </row>
    <row r="74" spans="1:4" ht="18" customHeight="1" x14ac:dyDescent="0.15">
      <c r="A74" s="5">
        <v>57</v>
      </c>
      <c r="B74" s="22">
        <v>51</v>
      </c>
      <c r="C74" s="14">
        <v>38</v>
      </c>
      <c r="D74" s="18">
        <v>89</v>
      </c>
    </row>
    <row r="75" spans="1:4" ht="18" customHeight="1" x14ac:dyDescent="0.15">
      <c r="A75" s="5">
        <v>58</v>
      </c>
      <c r="B75" s="22">
        <v>39</v>
      </c>
      <c r="C75" s="14">
        <v>36</v>
      </c>
      <c r="D75" s="18">
        <v>75</v>
      </c>
    </row>
    <row r="76" spans="1:4" ht="18" customHeight="1" x14ac:dyDescent="0.15">
      <c r="A76" s="5">
        <v>59</v>
      </c>
      <c r="B76" s="22">
        <v>36</v>
      </c>
      <c r="C76" s="14">
        <v>43</v>
      </c>
      <c r="D76" s="18">
        <v>79</v>
      </c>
    </row>
    <row r="77" spans="1:4" ht="18" customHeight="1" x14ac:dyDescent="0.15">
      <c r="A77" s="5" t="s">
        <v>27</v>
      </c>
      <c r="B77" s="22">
        <v>237</v>
      </c>
      <c r="C77" s="14">
        <v>217</v>
      </c>
      <c r="D77" s="18">
        <v>454</v>
      </c>
    </row>
    <row r="78" spans="1:4" ht="18" customHeight="1" x14ac:dyDescent="0.15">
      <c r="A78" s="5">
        <v>60</v>
      </c>
      <c r="B78" s="22">
        <v>43</v>
      </c>
      <c r="C78" s="14">
        <v>42</v>
      </c>
      <c r="D78" s="18">
        <v>85</v>
      </c>
    </row>
    <row r="79" spans="1:4" ht="18" customHeight="1" x14ac:dyDescent="0.15">
      <c r="A79" s="5">
        <v>61</v>
      </c>
      <c r="B79" s="22">
        <v>31</v>
      </c>
      <c r="C79" s="14">
        <v>43</v>
      </c>
      <c r="D79" s="18">
        <v>74</v>
      </c>
    </row>
    <row r="80" spans="1:4" ht="18" customHeight="1" x14ac:dyDescent="0.15">
      <c r="A80" s="5">
        <v>62</v>
      </c>
      <c r="B80" s="22">
        <v>32</v>
      </c>
      <c r="C80" s="14">
        <v>36</v>
      </c>
      <c r="D80" s="18">
        <v>68</v>
      </c>
    </row>
    <row r="81" spans="1:4" ht="18" customHeight="1" x14ac:dyDescent="0.15">
      <c r="A81" s="5">
        <v>63</v>
      </c>
      <c r="B81" s="22">
        <v>40</v>
      </c>
      <c r="C81" s="14">
        <v>40</v>
      </c>
      <c r="D81" s="18">
        <v>80</v>
      </c>
    </row>
    <row r="82" spans="1:4" ht="18" customHeight="1" x14ac:dyDescent="0.15">
      <c r="A82" s="5">
        <v>64</v>
      </c>
      <c r="B82" s="22">
        <v>30</v>
      </c>
      <c r="C82" s="14">
        <v>39</v>
      </c>
      <c r="D82" s="18">
        <v>69</v>
      </c>
    </row>
    <row r="83" spans="1:4" ht="18" customHeight="1" x14ac:dyDescent="0.15">
      <c r="A83" s="5" t="s">
        <v>28</v>
      </c>
      <c r="B83" s="22">
        <v>176</v>
      </c>
      <c r="C83" s="14">
        <v>200</v>
      </c>
      <c r="D83" s="18">
        <v>376</v>
      </c>
    </row>
    <row r="84" spans="1:4" ht="18" customHeight="1" x14ac:dyDescent="0.15">
      <c r="A84" s="5" t="s">
        <v>31</v>
      </c>
      <c r="B84" s="22">
        <v>1534</v>
      </c>
      <c r="C84" s="14">
        <v>1471</v>
      </c>
      <c r="D84" s="18">
        <v>3005</v>
      </c>
    </row>
    <row r="85" spans="1:4" ht="18" customHeight="1" x14ac:dyDescent="0.15">
      <c r="A85" s="5">
        <v>65</v>
      </c>
      <c r="B85" s="22">
        <v>39</v>
      </c>
      <c r="C85" s="14">
        <v>40</v>
      </c>
      <c r="D85" s="18">
        <v>79</v>
      </c>
    </row>
    <row r="86" spans="1:4" ht="18" customHeight="1" x14ac:dyDescent="0.15">
      <c r="A86" s="5">
        <v>66</v>
      </c>
      <c r="B86" s="22">
        <v>25</v>
      </c>
      <c r="C86" s="14">
        <v>40</v>
      </c>
      <c r="D86" s="18">
        <v>65</v>
      </c>
    </row>
    <row r="87" spans="1:4" ht="18" customHeight="1" x14ac:dyDescent="0.15">
      <c r="A87" s="5">
        <v>67</v>
      </c>
      <c r="B87" s="22">
        <v>40</v>
      </c>
      <c r="C87" s="14">
        <v>40</v>
      </c>
      <c r="D87" s="18">
        <v>80</v>
      </c>
    </row>
    <row r="88" spans="1:4" ht="18" customHeight="1" x14ac:dyDescent="0.15">
      <c r="A88" s="5">
        <v>68</v>
      </c>
      <c r="B88" s="22">
        <v>44</v>
      </c>
      <c r="C88" s="14">
        <v>43</v>
      </c>
      <c r="D88" s="18">
        <v>87</v>
      </c>
    </row>
    <row r="89" spans="1:4" ht="18" customHeight="1" x14ac:dyDescent="0.15">
      <c r="A89" s="5">
        <v>69</v>
      </c>
      <c r="B89" s="22">
        <v>31</v>
      </c>
      <c r="C89" s="14">
        <v>35</v>
      </c>
      <c r="D89" s="18">
        <v>66</v>
      </c>
    </row>
    <row r="90" spans="1:4" ht="18" customHeight="1" x14ac:dyDescent="0.15">
      <c r="A90" s="5" t="s">
        <v>20</v>
      </c>
      <c r="B90" s="22">
        <v>179</v>
      </c>
      <c r="C90" s="14">
        <v>198</v>
      </c>
      <c r="D90" s="18">
        <v>377</v>
      </c>
    </row>
    <row r="91" spans="1:4" ht="18" customHeight="1" x14ac:dyDescent="0.15">
      <c r="A91" s="5">
        <v>70</v>
      </c>
      <c r="B91" s="22">
        <v>39</v>
      </c>
      <c r="C91" s="14">
        <v>48</v>
      </c>
      <c r="D91" s="18">
        <v>87</v>
      </c>
    </row>
    <row r="92" spans="1:4" ht="18" customHeight="1" x14ac:dyDescent="0.15">
      <c r="A92" s="5">
        <v>71</v>
      </c>
      <c r="B92" s="22">
        <v>33</v>
      </c>
      <c r="C92" s="14">
        <v>45</v>
      </c>
      <c r="D92" s="18">
        <v>78</v>
      </c>
    </row>
    <row r="93" spans="1:4" ht="18" customHeight="1" x14ac:dyDescent="0.15">
      <c r="A93" s="5">
        <v>72</v>
      </c>
      <c r="B93" s="22">
        <v>38</v>
      </c>
      <c r="C93" s="14">
        <v>64</v>
      </c>
      <c r="D93" s="18">
        <v>102</v>
      </c>
    </row>
    <row r="94" spans="1:4" ht="18" customHeight="1" x14ac:dyDescent="0.15">
      <c r="A94" s="5">
        <v>73</v>
      </c>
      <c r="B94" s="22">
        <v>51</v>
      </c>
      <c r="C94" s="14">
        <v>67</v>
      </c>
      <c r="D94" s="18">
        <v>118</v>
      </c>
    </row>
    <row r="95" spans="1:4" ht="18" customHeight="1" x14ac:dyDescent="0.15">
      <c r="A95" s="5">
        <v>74</v>
      </c>
      <c r="B95" s="22">
        <v>53</v>
      </c>
      <c r="C95" s="14">
        <v>68</v>
      </c>
      <c r="D95" s="18">
        <v>121</v>
      </c>
    </row>
    <row r="96" spans="1:4" ht="18" customHeight="1" x14ac:dyDescent="0.15">
      <c r="A96" s="5" t="s">
        <v>33</v>
      </c>
      <c r="B96" s="22">
        <v>214</v>
      </c>
      <c r="C96" s="14">
        <v>292</v>
      </c>
      <c r="D96" s="18">
        <v>506</v>
      </c>
    </row>
    <row r="97" spans="1:4" ht="18" customHeight="1" x14ac:dyDescent="0.15">
      <c r="A97" s="5">
        <v>75</v>
      </c>
      <c r="B97" s="22">
        <v>65</v>
      </c>
      <c r="C97" s="14">
        <v>67</v>
      </c>
      <c r="D97" s="18">
        <v>132</v>
      </c>
    </row>
    <row r="98" spans="1:4" ht="18" customHeight="1" x14ac:dyDescent="0.15">
      <c r="A98" s="5">
        <v>76</v>
      </c>
      <c r="B98" s="22">
        <v>71</v>
      </c>
      <c r="C98" s="14">
        <v>80</v>
      </c>
      <c r="D98" s="18">
        <v>151</v>
      </c>
    </row>
    <row r="99" spans="1:4" ht="18" customHeight="1" x14ac:dyDescent="0.15">
      <c r="A99" s="5">
        <v>77</v>
      </c>
      <c r="B99" s="22">
        <v>73</v>
      </c>
      <c r="C99" s="14">
        <v>67</v>
      </c>
      <c r="D99" s="18">
        <v>140</v>
      </c>
    </row>
    <row r="100" spans="1:4" ht="18" customHeight="1" x14ac:dyDescent="0.15">
      <c r="A100" s="5">
        <v>78</v>
      </c>
      <c r="B100" s="22">
        <v>65</v>
      </c>
      <c r="C100" s="14">
        <v>78</v>
      </c>
      <c r="D100" s="18">
        <v>143</v>
      </c>
    </row>
    <row r="101" spans="1:4" ht="18" customHeight="1" x14ac:dyDescent="0.15">
      <c r="A101" s="5">
        <v>79</v>
      </c>
      <c r="B101" s="22">
        <v>46</v>
      </c>
      <c r="C101" s="14">
        <v>65</v>
      </c>
      <c r="D101" s="18">
        <v>111</v>
      </c>
    </row>
    <row r="102" spans="1:4" ht="18" customHeight="1" x14ac:dyDescent="0.15">
      <c r="A102" s="5" t="s">
        <v>0</v>
      </c>
      <c r="B102" s="22">
        <v>320</v>
      </c>
      <c r="C102" s="14">
        <v>357</v>
      </c>
      <c r="D102" s="18">
        <v>677</v>
      </c>
    </row>
    <row r="103" spans="1:4" ht="18" customHeight="1" x14ac:dyDescent="0.15">
      <c r="A103" s="5">
        <v>80</v>
      </c>
      <c r="B103" s="22">
        <v>33</v>
      </c>
      <c r="C103" s="14">
        <v>51</v>
      </c>
      <c r="D103" s="18">
        <v>84</v>
      </c>
    </row>
    <row r="104" spans="1:4" ht="18" customHeight="1" x14ac:dyDescent="0.15">
      <c r="A104" s="5">
        <v>81</v>
      </c>
      <c r="B104" s="22">
        <v>51</v>
      </c>
      <c r="C104" s="14">
        <v>53</v>
      </c>
      <c r="D104" s="18">
        <v>104</v>
      </c>
    </row>
    <row r="105" spans="1:4" ht="18" customHeight="1" x14ac:dyDescent="0.15">
      <c r="A105" s="5">
        <v>82</v>
      </c>
      <c r="B105" s="22">
        <v>42</v>
      </c>
      <c r="C105" s="14">
        <v>42</v>
      </c>
      <c r="D105" s="18">
        <v>84</v>
      </c>
    </row>
    <row r="106" spans="1:4" ht="18" customHeight="1" x14ac:dyDescent="0.15">
      <c r="A106" s="5">
        <v>83</v>
      </c>
      <c r="B106" s="22">
        <v>39</v>
      </c>
      <c r="C106" s="14">
        <v>41</v>
      </c>
      <c r="D106" s="18">
        <v>80</v>
      </c>
    </row>
    <row r="107" spans="1:4" ht="18" customHeight="1" x14ac:dyDescent="0.15">
      <c r="A107" s="5">
        <v>84</v>
      </c>
      <c r="B107" s="22">
        <v>39</v>
      </c>
      <c r="C107" s="14">
        <v>54</v>
      </c>
      <c r="D107" s="18">
        <v>93</v>
      </c>
    </row>
    <row r="108" spans="1:4" ht="18" customHeight="1" x14ac:dyDescent="0.15">
      <c r="A108" s="5" t="s">
        <v>35</v>
      </c>
      <c r="B108" s="22">
        <v>204</v>
      </c>
      <c r="C108" s="14">
        <v>241</v>
      </c>
      <c r="D108" s="18">
        <v>445</v>
      </c>
    </row>
    <row r="109" spans="1:4" ht="18" customHeight="1" x14ac:dyDescent="0.15">
      <c r="A109" s="5">
        <v>85</v>
      </c>
      <c r="B109" s="22">
        <v>28</v>
      </c>
      <c r="C109" s="14">
        <v>44</v>
      </c>
      <c r="D109" s="18">
        <v>72</v>
      </c>
    </row>
    <row r="110" spans="1:4" ht="18" customHeight="1" x14ac:dyDescent="0.15">
      <c r="A110" s="5">
        <v>86</v>
      </c>
      <c r="B110" s="22">
        <v>25</v>
      </c>
      <c r="C110" s="14">
        <v>29</v>
      </c>
      <c r="D110" s="18">
        <v>54</v>
      </c>
    </row>
    <row r="111" spans="1:4" ht="18" customHeight="1" x14ac:dyDescent="0.15">
      <c r="A111" s="5">
        <v>87</v>
      </c>
      <c r="B111" s="22">
        <v>20</v>
      </c>
      <c r="C111" s="14">
        <v>28</v>
      </c>
      <c r="D111" s="18">
        <v>48</v>
      </c>
    </row>
    <row r="112" spans="1:4" ht="18" customHeight="1" x14ac:dyDescent="0.15">
      <c r="A112" s="5">
        <v>88</v>
      </c>
      <c r="B112" s="22">
        <v>19</v>
      </c>
      <c r="C112" s="14">
        <v>25</v>
      </c>
      <c r="D112" s="18">
        <v>44</v>
      </c>
    </row>
    <row r="113" spans="1:4" ht="18" customHeight="1" x14ac:dyDescent="0.15">
      <c r="A113" s="5">
        <v>89</v>
      </c>
      <c r="B113" s="22">
        <v>11</v>
      </c>
      <c r="C113" s="14">
        <v>27</v>
      </c>
      <c r="D113" s="18">
        <v>38</v>
      </c>
    </row>
    <row r="114" spans="1:4" ht="18" customHeight="1" x14ac:dyDescent="0.15">
      <c r="A114" s="5" t="s">
        <v>37</v>
      </c>
      <c r="B114" s="22">
        <v>103</v>
      </c>
      <c r="C114" s="14">
        <v>153</v>
      </c>
      <c r="D114" s="18">
        <v>256</v>
      </c>
    </row>
    <row r="115" spans="1:4" ht="18" customHeight="1" x14ac:dyDescent="0.15">
      <c r="A115" s="5">
        <v>90</v>
      </c>
      <c r="B115" s="22">
        <v>6</v>
      </c>
      <c r="C115" s="14">
        <v>28</v>
      </c>
      <c r="D115" s="18">
        <v>34</v>
      </c>
    </row>
    <row r="116" spans="1:4" ht="18" customHeight="1" x14ac:dyDescent="0.15">
      <c r="A116" s="5">
        <v>91</v>
      </c>
      <c r="B116" s="22">
        <v>12</v>
      </c>
      <c r="C116" s="14">
        <v>15</v>
      </c>
      <c r="D116" s="18">
        <v>27</v>
      </c>
    </row>
    <row r="117" spans="1:4" ht="18" customHeight="1" x14ac:dyDescent="0.15">
      <c r="A117" s="5">
        <v>92</v>
      </c>
      <c r="B117" s="22">
        <v>4</v>
      </c>
      <c r="C117" s="14">
        <v>11</v>
      </c>
      <c r="D117" s="18">
        <v>15</v>
      </c>
    </row>
    <row r="118" spans="1:4" ht="18" customHeight="1" x14ac:dyDescent="0.15">
      <c r="A118" s="5">
        <v>93</v>
      </c>
      <c r="B118" s="22">
        <v>5</v>
      </c>
      <c r="C118" s="14">
        <v>11</v>
      </c>
      <c r="D118" s="18">
        <v>16</v>
      </c>
    </row>
    <row r="119" spans="1:4" ht="18" customHeight="1" x14ac:dyDescent="0.15">
      <c r="A119" s="5">
        <v>94</v>
      </c>
      <c r="B119" s="22">
        <v>3</v>
      </c>
      <c r="C119" s="14">
        <v>9</v>
      </c>
      <c r="D119" s="18">
        <v>12</v>
      </c>
    </row>
    <row r="120" spans="1:4" ht="18" customHeight="1" x14ac:dyDescent="0.15">
      <c r="A120" s="5" t="s">
        <v>39</v>
      </c>
      <c r="B120" s="22">
        <v>30</v>
      </c>
      <c r="C120" s="14">
        <v>74</v>
      </c>
      <c r="D120" s="18">
        <v>104</v>
      </c>
    </row>
    <row r="121" spans="1:4" ht="18" customHeight="1" x14ac:dyDescent="0.15">
      <c r="A121" s="5">
        <v>95</v>
      </c>
      <c r="B121" s="22">
        <v>4</v>
      </c>
      <c r="C121" s="14">
        <v>14</v>
      </c>
      <c r="D121" s="18">
        <v>18</v>
      </c>
    </row>
    <row r="122" spans="1:4" ht="18" customHeight="1" x14ac:dyDescent="0.15">
      <c r="A122" s="5">
        <v>96</v>
      </c>
      <c r="B122" s="22">
        <v>1</v>
      </c>
      <c r="C122" s="14">
        <v>9</v>
      </c>
      <c r="D122" s="18">
        <v>10</v>
      </c>
    </row>
    <row r="123" spans="1:4" ht="18" customHeight="1" x14ac:dyDescent="0.15">
      <c r="A123" s="5">
        <v>97</v>
      </c>
      <c r="B123" s="22">
        <v>3</v>
      </c>
      <c r="C123" s="14">
        <v>6</v>
      </c>
      <c r="D123" s="18">
        <v>9</v>
      </c>
    </row>
    <row r="124" spans="1:4" ht="18" customHeight="1" x14ac:dyDescent="0.15">
      <c r="A124" s="5">
        <v>98</v>
      </c>
      <c r="B124" s="22">
        <v>1</v>
      </c>
      <c r="C124" s="14">
        <v>4</v>
      </c>
      <c r="D124" s="18">
        <v>5</v>
      </c>
    </row>
    <row r="125" spans="1:4" ht="18" customHeight="1" x14ac:dyDescent="0.15">
      <c r="A125" s="5">
        <v>99</v>
      </c>
      <c r="B125" s="22">
        <v>1</v>
      </c>
      <c r="C125" s="14">
        <v>4</v>
      </c>
      <c r="D125" s="18">
        <v>5</v>
      </c>
    </row>
    <row r="126" spans="1:4" ht="18" customHeight="1" x14ac:dyDescent="0.15">
      <c r="A126" s="5" t="s">
        <v>40</v>
      </c>
      <c r="B126" s="22">
        <v>10</v>
      </c>
      <c r="C126" s="14">
        <v>37</v>
      </c>
      <c r="D126" s="18">
        <v>47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2</v>
      </c>
      <c r="C128" s="14">
        <v>4</v>
      </c>
      <c r="D128" s="18">
        <v>6</v>
      </c>
    </row>
    <row r="129" spans="1:4" ht="18" customHeight="1" x14ac:dyDescent="0.15">
      <c r="A129" s="5" t="s">
        <v>44</v>
      </c>
      <c r="B129" s="22">
        <v>2</v>
      </c>
      <c r="C129" s="14">
        <v>4</v>
      </c>
      <c r="D129" s="18">
        <v>6</v>
      </c>
    </row>
    <row r="130" spans="1:4" ht="18" customHeight="1" x14ac:dyDescent="0.15">
      <c r="A130" s="5" t="s">
        <v>46</v>
      </c>
      <c r="B130" s="22">
        <v>1062</v>
      </c>
      <c r="C130" s="14">
        <v>1356</v>
      </c>
      <c r="D130" s="18">
        <v>2418</v>
      </c>
    </row>
    <row r="131" spans="1:4" ht="18" customHeight="1" x14ac:dyDescent="0.15">
      <c r="A131" s="7" t="s">
        <v>45</v>
      </c>
      <c r="B131" s="23">
        <v>2846</v>
      </c>
      <c r="C131" s="15">
        <v>3055</v>
      </c>
      <c r="D131" s="19">
        <v>590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100-000000000000}">
  <sheetPr codeName="Sheet4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1</v>
      </c>
      <c r="C5" s="13">
        <v>8</v>
      </c>
      <c r="D5" s="17">
        <v>19</v>
      </c>
    </row>
    <row r="6" spans="1:4" ht="18" customHeight="1" x14ac:dyDescent="0.15">
      <c r="A6" s="5">
        <v>1</v>
      </c>
      <c r="B6" s="22">
        <v>8</v>
      </c>
      <c r="C6" s="14">
        <v>6</v>
      </c>
      <c r="D6" s="18">
        <v>14</v>
      </c>
    </row>
    <row r="7" spans="1:4" ht="18" customHeight="1" x14ac:dyDescent="0.15">
      <c r="A7" s="5">
        <v>2</v>
      </c>
      <c r="B7" s="22">
        <v>7</v>
      </c>
      <c r="C7" s="14">
        <v>11</v>
      </c>
      <c r="D7" s="18">
        <v>18</v>
      </c>
    </row>
    <row r="8" spans="1:4" ht="18" customHeight="1" x14ac:dyDescent="0.15">
      <c r="A8" s="5">
        <v>3</v>
      </c>
      <c r="B8" s="22">
        <v>7</v>
      </c>
      <c r="C8" s="14">
        <v>7</v>
      </c>
      <c r="D8" s="18">
        <v>14</v>
      </c>
    </row>
    <row r="9" spans="1:4" ht="18" customHeight="1" x14ac:dyDescent="0.15">
      <c r="A9" s="5">
        <v>4</v>
      </c>
      <c r="B9" s="22">
        <v>6</v>
      </c>
      <c r="C9" s="14">
        <v>7</v>
      </c>
      <c r="D9" s="18">
        <v>13</v>
      </c>
    </row>
    <row r="10" spans="1:4" ht="18" customHeight="1" x14ac:dyDescent="0.15">
      <c r="A10" s="5" t="s">
        <v>7</v>
      </c>
      <c r="B10" s="22">
        <v>39</v>
      </c>
      <c r="C10" s="14">
        <v>39</v>
      </c>
      <c r="D10" s="18">
        <v>78</v>
      </c>
    </row>
    <row r="11" spans="1:4" ht="18" customHeight="1" x14ac:dyDescent="0.15">
      <c r="A11" s="5">
        <v>5</v>
      </c>
      <c r="B11" s="22">
        <v>6</v>
      </c>
      <c r="C11" s="14">
        <v>4</v>
      </c>
      <c r="D11" s="18">
        <v>10</v>
      </c>
    </row>
    <row r="12" spans="1:4" ht="18" customHeight="1" x14ac:dyDescent="0.15">
      <c r="A12" s="5">
        <v>6</v>
      </c>
      <c r="B12" s="22">
        <v>8</v>
      </c>
      <c r="C12" s="14">
        <v>10</v>
      </c>
      <c r="D12" s="18">
        <v>18</v>
      </c>
    </row>
    <row r="13" spans="1:4" ht="18" customHeight="1" x14ac:dyDescent="0.15">
      <c r="A13" s="5">
        <v>7</v>
      </c>
      <c r="B13" s="22">
        <v>6</v>
      </c>
      <c r="C13" s="14">
        <v>4</v>
      </c>
      <c r="D13" s="18">
        <v>10</v>
      </c>
    </row>
    <row r="14" spans="1:4" ht="18" customHeight="1" x14ac:dyDescent="0.15">
      <c r="A14" s="5">
        <v>8</v>
      </c>
      <c r="B14" s="22">
        <v>6</v>
      </c>
      <c r="C14" s="14">
        <v>11</v>
      </c>
      <c r="D14" s="18">
        <v>17</v>
      </c>
    </row>
    <row r="15" spans="1:4" ht="18" customHeight="1" x14ac:dyDescent="0.15">
      <c r="A15" s="5">
        <v>9</v>
      </c>
      <c r="B15" s="22">
        <v>5</v>
      </c>
      <c r="C15" s="14">
        <v>1</v>
      </c>
      <c r="D15" s="18">
        <v>6</v>
      </c>
    </row>
    <row r="16" spans="1:4" ht="18" customHeight="1" x14ac:dyDescent="0.15">
      <c r="A16" s="5" t="s">
        <v>11</v>
      </c>
      <c r="B16" s="22">
        <v>31</v>
      </c>
      <c r="C16" s="14">
        <v>30</v>
      </c>
      <c r="D16" s="18">
        <v>61</v>
      </c>
    </row>
    <row r="17" spans="1:4" ht="18" customHeight="1" x14ac:dyDescent="0.15">
      <c r="A17" s="5">
        <v>10</v>
      </c>
      <c r="B17" s="22">
        <v>8</v>
      </c>
      <c r="C17" s="14">
        <v>4</v>
      </c>
      <c r="D17" s="18">
        <v>12</v>
      </c>
    </row>
    <row r="18" spans="1:4" ht="18" customHeight="1" x14ac:dyDescent="0.15">
      <c r="A18" s="5">
        <v>11</v>
      </c>
      <c r="B18" s="22">
        <v>11</v>
      </c>
      <c r="C18" s="14">
        <v>7</v>
      </c>
      <c r="D18" s="18">
        <v>18</v>
      </c>
    </row>
    <row r="19" spans="1:4" ht="18" customHeight="1" x14ac:dyDescent="0.15">
      <c r="A19" s="5">
        <v>12</v>
      </c>
      <c r="B19" s="22">
        <v>15</v>
      </c>
      <c r="C19" s="14">
        <v>8</v>
      </c>
      <c r="D19" s="18">
        <v>23</v>
      </c>
    </row>
    <row r="20" spans="1:4" ht="18" customHeight="1" x14ac:dyDescent="0.15">
      <c r="A20" s="5">
        <v>13</v>
      </c>
      <c r="B20" s="22">
        <v>14</v>
      </c>
      <c r="C20" s="14">
        <v>6</v>
      </c>
      <c r="D20" s="18">
        <v>20</v>
      </c>
    </row>
    <row r="21" spans="1:4" ht="18" customHeight="1" x14ac:dyDescent="0.15">
      <c r="A21" s="5">
        <v>14</v>
      </c>
      <c r="B21" s="22">
        <v>11</v>
      </c>
      <c r="C21" s="14">
        <v>12</v>
      </c>
      <c r="D21" s="18">
        <v>23</v>
      </c>
    </row>
    <row r="22" spans="1:4" ht="18" customHeight="1" x14ac:dyDescent="0.15">
      <c r="A22" s="5" t="s">
        <v>12</v>
      </c>
      <c r="B22" s="22">
        <v>59</v>
      </c>
      <c r="C22" s="14">
        <v>37</v>
      </c>
      <c r="D22" s="18">
        <v>96</v>
      </c>
    </row>
    <row r="23" spans="1:4" ht="18" customHeight="1" x14ac:dyDescent="0.15">
      <c r="A23" s="5" t="s">
        <v>6</v>
      </c>
      <c r="B23" s="22">
        <v>129</v>
      </c>
      <c r="C23" s="14">
        <v>106</v>
      </c>
      <c r="D23" s="18">
        <v>235</v>
      </c>
    </row>
    <row r="24" spans="1:4" ht="18" customHeight="1" x14ac:dyDescent="0.15">
      <c r="A24" s="5">
        <v>15</v>
      </c>
      <c r="B24" s="22">
        <v>14</v>
      </c>
      <c r="C24" s="14">
        <v>10</v>
      </c>
      <c r="D24" s="18">
        <v>24</v>
      </c>
    </row>
    <row r="25" spans="1:4" ht="18" customHeight="1" x14ac:dyDescent="0.15">
      <c r="A25" s="5">
        <v>16</v>
      </c>
      <c r="B25" s="22">
        <v>18</v>
      </c>
      <c r="C25" s="14">
        <v>13</v>
      </c>
      <c r="D25" s="18">
        <v>31</v>
      </c>
    </row>
    <row r="26" spans="1:4" ht="18" customHeight="1" x14ac:dyDescent="0.15">
      <c r="A26" s="5">
        <v>17</v>
      </c>
      <c r="B26" s="22">
        <v>14</v>
      </c>
      <c r="C26" s="14">
        <v>14</v>
      </c>
      <c r="D26" s="18">
        <v>28</v>
      </c>
    </row>
    <row r="27" spans="1:4" ht="18" customHeight="1" x14ac:dyDescent="0.15">
      <c r="A27" s="5">
        <v>18</v>
      </c>
      <c r="B27" s="22">
        <v>17</v>
      </c>
      <c r="C27" s="14">
        <v>20</v>
      </c>
      <c r="D27" s="18">
        <v>37</v>
      </c>
    </row>
    <row r="28" spans="1:4" ht="18" customHeight="1" x14ac:dyDescent="0.15">
      <c r="A28" s="5">
        <v>19</v>
      </c>
      <c r="B28" s="22">
        <v>15</v>
      </c>
      <c r="C28" s="14">
        <v>13</v>
      </c>
      <c r="D28" s="18">
        <v>28</v>
      </c>
    </row>
    <row r="29" spans="1:4" ht="18" customHeight="1" x14ac:dyDescent="0.15">
      <c r="A29" s="5" t="s">
        <v>14</v>
      </c>
      <c r="B29" s="22">
        <v>78</v>
      </c>
      <c r="C29" s="14">
        <v>70</v>
      </c>
      <c r="D29" s="18">
        <v>148</v>
      </c>
    </row>
    <row r="30" spans="1:4" ht="18" customHeight="1" x14ac:dyDescent="0.15">
      <c r="A30" s="5">
        <v>20</v>
      </c>
      <c r="B30" s="22">
        <v>24</v>
      </c>
      <c r="C30" s="14">
        <v>6</v>
      </c>
      <c r="D30" s="18">
        <v>30</v>
      </c>
    </row>
    <row r="31" spans="1:4" ht="18" customHeight="1" x14ac:dyDescent="0.15">
      <c r="A31" s="5">
        <v>21</v>
      </c>
      <c r="B31" s="22">
        <v>14</v>
      </c>
      <c r="C31" s="14">
        <v>18</v>
      </c>
      <c r="D31" s="18">
        <v>32</v>
      </c>
    </row>
    <row r="32" spans="1:4" ht="18" customHeight="1" x14ac:dyDescent="0.15">
      <c r="A32" s="5">
        <v>22</v>
      </c>
      <c r="B32" s="22">
        <v>21</v>
      </c>
      <c r="C32" s="14">
        <v>17</v>
      </c>
      <c r="D32" s="18">
        <v>38</v>
      </c>
    </row>
    <row r="33" spans="1:4" ht="18" customHeight="1" x14ac:dyDescent="0.15">
      <c r="A33" s="5">
        <v>23</v>
      </c>
      <c r="B33" s="22">
        <v>24</v>
      </c>
      <c r="C33" s="14">
        <v>14</v>
      </c>
      <c r="D33" s="18">
        <v>38</v>
      </c>
    </row>
    <row r="34" spans="1:4" ht="18" customHeight="1" x14ac:dyDescent="0.15">
      <c r="A34" s="5">
        <v>24</v>
      </c>
      <c r="B34" s="22">
        <v>21</v>
      </c>
      <c r="C34" s="14">
        <v>14</v>
      </c>
      <c r="D34" s="18">
        <v>35</v>
      </c>
    </row>
    <row r="35" spans="1:4" ht="18" customHeight="1" x14ac:dyDescent="0.15">
      <c r="A35" s="5" t="s">
        <v>9</v>
      </c>
      <c r="B35" s="22">
        <v>104</v>
      </c>
      <c r="C35" s="14">
        <v>69</v>
      </c>
      <c r="D35" s="18">
        <v>173</v>
      </c>
    </row>
    <row r="36" spans="1:4" ht="18" customHeight="1" x14ac:dyDescent="0.15">
      <c r="A36" s="5">
        <v>25</v>
      </c>
      <c r="B36" s="22">
        <v>27</v>
      </c>
      <c r="C36" s="14">
        <v>27</v>
      </c>
      <c r="D36" s="18">
        <v>54</v>
      </c>
    </row>
    <row r="37" spans="1:4" ht="18" customHeight="1" x14ac:dyDescent="0.15">
      <c r="A37" s="5">
        <v>26</v>
      </c>
      <c r="B37" s="22">
        <v>12</v>
      </c>
      <c r="C37" s="14">
        <v>19</v>
      </c>
      <c r="D37" s="18">
        <v>31</v>
      </c>
    </row>
    <row r="38" spans="1:4" ht="18" customHeight="1" x14ac:dyDescent="0.15">
      <c r="A38" s="5">
        <v>27</v>
      </c>
      <c r="B38" s="22">
        <v>10</v>
      </c>
      <c r="C38" s="14">
        <v>20</v>
      </c>
      <c r="D38" s="18">
        <v>30</v>
      </c>
    </row>
    <row r="39" spans="1:4" ht="18" customHeight="1" x14ac:dyDescent="0.15">
      <c r="A39" s="5">
        <v>28</v>
      </c>
      <c r="B39" s="22">
        <v>23</v>
      </c>
      <c r="C39" s="14">
        <v>12</v>
      </c>
      <c r="D39" s="18">
        <v>35</v>
      </c>
    </row>
    <row r="40" spans="1:4" ht="18" customHeight="1" x14ac:dyDescent="0.15">
      <c r="A40" s="5">
        <v>29</v>
      </c>
      <c r="B40" s="22">
        <v>17</v>
      </c>
      <c r="C40" s="14">
        <v>13</v>
      </c>
      <c r="D40" s="18">
        <v>30</v>
      </c>
    </row>
    <row r="41" spans="1:4" ht="18" customHeight="1" x14ac:dyDescent="0.15">
      <c r="A41" s="5" t="s">
        <v>2</v>
      </c>
      <c r="B41" s="22">
        <v>89</v>
      </c>
      <c r="C41" s="14">
        <v>91</v>
      </c>
      <c r="D41" s="18">
        <v>180</v>
      </c>
    </row>
    <row r="42" spans="1:4" ht="18" customHeight="1" x14ac:dyDescent="0.15">
      <c r="A42" s="5">
        <v>30</v>
      </c>
      <c r="B42" s="22">
        <v>19</v>
      </c>
      <c r="C42" s="14">
        <v>10</v>
      </c>
      <c r="D42" s="18">
        <v>29</v>
      </c>
    </row>
    <row r="43" spans="1:4" ht="18" customHeight="1" x14ac:dyDescent="0.15">
      <c r="A43" s="5">
        <v>31</v>
      </c>
      <c r="B43" s="22">
        <v>12</v>
      </c>
      <c r="C43" s="14">
        <v>12</v>
      </c>
      <c r="D43" s="18">
        <v>24</v>
      </c>
    </row>
    <row r="44" spans="1:4" ht="18" customHeight="1" x14ac:dyDescent="0.15">
      <c r="A44" s="5">
        <v>32</v>
      </c>
      <c r="B44" s="22">
        <v>18</v>
      </c>
      <c r="C44" s="14">
        <v>20</v>
      </c>
      <c r="D44" s="18">
        <v>38</v>
      </c>
    </row>
    <row r="45" spans="1:4" ht="18" customHeight="1" x14ac:dyDescent="0.15">
      <c r="A45" s="5">
        <v>33</v>
      </c>
      <c r="B45" s="22">
        <v>21</v>
      </c>
      <c r="C45" s="14">
        <v>9</v>
      </c>
      <c r="D45" s="18">
        <v>30</v>
      </c>
    </row>
    <row r="46" spans="1:4" ht="18" customHeight="1" x14ac:dyDescent="0.15">
      <c r="A46" s="5">
        <v>34</v>
      </c>
      <c r="B46" s="22">
        <v>15</v>
      </c>
      <c r="C46" s="14">
        <v>12</v>
      </c>
      <c r="D46" s="18">
        <v>27</v>
      </c>
    </row>
    <row r="47" spans="1:4" ht="18" customHeight="1" x14ac:dyDescent="0.15">
      <c r="A47" s="5" t="s">
        <v>15</v>
      </c>
      <c r="B47" s="22">
        <v>85</v>
      </c>
      <c r="C47" s="14">
        <v>63</v>
      </c>
      <c r="D47" s="18">
        <v>148</v>
      </c>
    </row>
    <row r="48" spans="1:4" ht="18" customHeight="1" x14ac:dyDescent="0.15">
      <c r="A48" s="5">
        <v>35</v>
      </c>
      <c r="B48" s="22">
        <v>18</v>
      </c>
      <c r="C48" s="14">
        <v>11</v>
      </c>
      <c r="D48" s="18">
        <v>29</v>
      </c>
    </row>
    <row r="49" spans="1:4" ht="18" customHeight="1" x14ac:dyDescent="0.15">
      <c r="A49" s="5">
        <v>36</v>
      </c>
      <c r="B49" s="22">
        <v>14</v>
      </c>
      <c r="C49" s="14">
        <v>10</v>
      </c>
      <c r="D49" s="18">
        <v>24</v>
      </c>
    </row>
    <row r="50" spans="1:4" ht="18" customHeight="1" x14ac:dyDescent="0.15">
      <c r="A50" s="5">
        <v>37</v>
      </c>
      <c r="B50" s="22">
        <v>13</v>
      </c>
      <c r="C50" s="14">
        <v>12</v>
      </c>
      <c r="D50" s="18">
        <v>25</v>
      </c>
    </row>
    <row r="51" spans="1:4" ht="18" customHeight="1" x14ac:dyDescent="0.15">
      <c r="A51" s="5">
        <v>38</v>
      </c>
      <c r="B51" s="22">
        <v>14</v>
      </c>
      <c r="C51" s="14">
        <v>16</v>
      </c>
      <c r="D51" s="18">
        <v>30</v>
      </c>
    </row>
    <row r="52" spans="1:4" ht="18" customHeight="1" x14ac:dyDescent="0.15">
      <c r="A52" s="5">
        <v>39</v>
      </c>
      <c r="B52" s="22">
        <v>14</v>
      </c>
      <c r="C52" s="14">
        <v>15</v>
      </c>
      <c r="D52" s="18">
        <v>29</v>
      </c>
    </row>
    <row r="53" spans="1:4" ht="18" customHeight="1" x14ac:dyDescent="0.15">
      <c r="A53" s="5" t="s">
        <v>18</v>
      </c>
      <c r="B53" s="22">
        <v>73</v>
      </c>
      <c r="C53" s="14">
        <v>64</v>
      </c>
      <c r="D53" s="18">
        <v>137</v>
      </c>
    </row>
    <row r="54" spans="1:4" ht="18" customHeight="1" x14ac:dyDescent="0.15">
      <c r="A54" s="5">
        <v>40</v>
      </c>
      <c r="B54" s="22">
        <v>10</v>
      </c>
      <c r="C54" s="14">
        <v>11</v>
      </c>
      <c r="D54" s="18">
        <v>21</v>
      </c>
    </row>
    <row r="55" spans="1:4" ht="18" customHeight="1" x14ac:dyDescent="0.15">
      <c r="A55" s="5">
        <v>41</v>
      </c>
      <c r="B55" s="22">
        <v>15</v>
      </c>
      <c r="C55" s="14">
        <v>17</v>
      </c>
      <c r="D55" s="18">
        <v>32</v>
      </c>
    </row>
    <row r="56" spans="1:4" ht="18" customHeight="1" x14ac:dyDescent="0.15">
      <c r="A56" s="5">
        <v>42</v>
      </c>
      <c r="B56" s="22">
        <v>13</v>
      </c>
      <c r="C56" s="14">
        <v>9</v>
      </c>
      <c r="D56" s="18">
        <v>22</v>
      </c>
    </row>
    <row r="57" spans="1:4" ht="18" customHeight="1" x14ac:dyDescent="0.15">
      <c r="A57" s="5">
        <v>43</v>
      </c>
      <c r="B57" s="22">
        <v>14</v>
      </c>
      <c r="C57" s="14">
        <v>19</v>
      </c>
      <c r="D57" s="18">
        <v>33</v>
      </c>
    </row>
    <row r="58" spans="1:4" ht="18" customHeight="1" x14ac:dyDescent="0.15">
      <c r="A58" s="5">
        <v>44</v>
      </c>
      <c r="B58" s="22">
        <v>15</v>
      </c>
      <c r="C58" s="14">
        <v>15</v>
      </c>
      <c r="D58" s="18">
        <v>30</v>
      </c>
    </row>
    <row r="59" spans="1:4" ht="18" customHeight="1" x14ac:dyDescent="0.15">
      <c r="A59" s="5" t="s">
        <v>21</v>
      </c>
      <c r="B59" s="22">
        <v>67</v>
      </c>
      <c r="C59" s="14">
        <v>71</v>
      </c>
      <c r="D59" s="18">
        <v>138</v>
      </c>
    </row>
    <row r="60" spans="1:4" ht="18" customHeight="1" x14ac:dyDescent="0.15">
      <c r="A60" s="5">
        <v>45</v>
      </c>
      <c r="B60" s="22">
        <v>17</v>
      </c>
      <c r="C60" s="14">
        <v>13</v>
      </c>
      <c r="D60" s="18">
        <v>30</v>
      </c>
    </row>
    <row r="61" spans="1:4" ht="18" customHeight="1" x14ac:dyDescent="0.15">
      <c r="A61" s="5">
        <v>46</v>
      </c>
      <c r="B61" s="22">
        <v>19</v>
      </c>
      <c r="C61" s="14">
        <v>12</v>
      </c>
      <c r="D61" s="18">
        <v>31</v>
      </c>
    </row>
    <row r="62" spans="1:4" ht="18" customHeight="1" x14ac:dyDescent="0.15">
      <c r="A62" s="5">
        <v>47</v>
      </c>
      <c r="B62" s="22">
        <v>20</v>
      </c>
      <c r="C62" s="14">
        <v>15</v>
      </c>
      <c r="D62" s="18">
        <v>35</v>
      </c>
    </row>
    <row r="63" spans="1:4" ht="18" customHeight="1" x14ac:dyDescent="0.15">
      <c r="A63" s="5">
        <v>48</v>
      </c>
      <c r="B63" s="22">
        <v>20</v>
      </c>
      <c r="C63" s="14">
        <v>23</v>
      </c>
      <c r="D63" s="18">
        <v>43</v>
      </c>
    </row>
    <row r="64" spans="1:4" ht="18" customHeight="1" x14ac:dyDescent="0.15">
      <c r="A64" s="5">
        <v>49</v>
      </c>
      <c r="B64" s="22">
        <v>20</v>
      </c>
      <c r="C64" s="14">
        <v>19</v>
      </c>
      <c r="D64" s="18">
        <v>39</v>
      </c>
    </row>
    <row r="65" spans="1:4" ht="18" customHeight="1" x14ac:dyDescent="0.15">
      <c r="A65" s="5" t="s">
        <v>17</v>
      </c>
      <c r="B65" s="22">
        <v>96</v>
      </c>
      <c r="C65" s="14">
        <v>82</v>
      </c>
      <c r="D65" s="18">
        <v>178</v>
      </c>
    </row>
    <row r="66" spans="1:4" ht="18" customHeight="1" x14ac:dyDescent="0.15">
      <c r="A66" s="5">
        <v>50</v>
      </c>
      <c r="B66" s="22">
        <v>26</v>
      </c>
      <c r="C66" s="14">
        <v>19</v>
      </c>
      <c r="D66" s="18">
        <v>45</v>
      </c>
    </row>
    <row r="67" spans="1:4" ht="18" customHeight="1" x14ac:dyDescent="0.15">
      <c r="A67" s="5">
        <v>51</v>
      </c>
      <c r="B67" s="22">
        <v>31</v>
      </c>
      <c r="C67" s="14">
        <v>31</v>
      </c>
      <c r="D67" s="18">
        <v>62</v>
      </c>
    </row>
    <row r="68" spans="1:4" ht="18" customHeight="1" x14ac:dyDescent="0.15">
      <c r="A68" s="5">
        <v>52</v>
      </c>
      <c r="B68" s="22">
        <v>26</v>
      </c>
      <c r="C68" s="14">
        <v>29</v>
      </c>
      <c r="D68" s="18">
        <v>55</v>
      </c>
    </row>
    <row r="69" spans="1:4" ht="18" customHeight="1" x14ac:dyDescent="0.15">
      <c r="A69" s="5">
        <v>53</v>
      </c>
      <c r="B69" s="22">
        <v>22</v>
      </c>
      <c r="C69" s="14">
        <v>38</v>
      </c>
      <c r="D69" s="18">
        <v>60</v>
      </c>
    </row>
    <row r="70" spans="1:4" ht="18" customHeight="1" x14ac:dyDescent="0.15">
      <c r="A70" s="5">
        <v>54</v>
      </c>
      <c r="B70" s="22">
        <v>32</v>
      </c>
      <c r="C70" s="14">
        <v>35</v>
      </c>
      <c r="D70" s="18">
        <v>67</v>
      </c>
    </row>
    <row r="71" spans="1:4" ht="18" customHeight="1" x14ac:dyDescent="0.15">
      <c r="A71" s="5" t="s">
        <v>22</v>
      </c>
      <c r="B71" s="22">
        <v>137</v>
      </c>
      <c r="C71" s="14">
        <v>152</v>
      </c>
      <c r="D71" s="18">
        <v>289</v>
      </c>
    </row>
    <row r="72" spans="1:4" ht="18" customHeight="1" x14ac:dyDescent="0.15">
      <c r="A72" s="5">
        <v>55</v>
      </c>
      <c r="B72" s="22">
        <v>37</v>
      </c>
      <c r="C72" s="14">
        <v>23</v>
      </c>
      <c r="D72" s="18">
        <v>60</v>
      </c>
    </row>
    <row r="73" spans="1:4" ht="18" customHeight="1" x14ac:dyDescent="0.15">
      <c r="A73" s="5">
        <v>56</v>
      </c>
      <c r="B73" s="22">
        <v>37</v>
      </c>
      <c r="C73" s="14">
        <v>39</v>
      </c>
      <c r="D73" s="18">
        <v>76</v>
      </c>
    </row>
    <row r="74" spans="1:4" ht="18" customHeight="1" x14ac:dyDescent="0.15">
      <c r="A74" s="5">
        <v>57</v>
      </c>
      <c r="B74" s="22">
        <v>27</v>
      </c>
      <c r="C74" s="14">
        <v>24</v>
      </c>
      <c r="D74" s="18">
        <v>51</v>
      </c>
    </row>
    <row r="75" spans="1:4" ht="18" customHeight="1" x14ac:dyDescent="0.15">
      <c r="A75" s="5">
        <v>58</v>
      </c>
      <c r="B75" s="22">
        <v>32</v>
      </c>
      <c r="C75" s="14">
        <v>31</v>
      </c>
      <c r="D75" s="18">
        <v>63</v>
      </c>
    </row>
    <row r="76" spans="1:4" ht="18" customHeight="1" x14ac:dyDescent="0.15">
      <c r="A76" s="5">
        <v>59</v>
      </c>
      <c r="B76" s="22">
        <v>24</v>
      </c>
      <c r="C76" s="14">
        <v>27</v>
      </c>
      <c r="D76" s="18">
        <v>51</v>
      </c>
    </row>
    <row r="77" spans="1:4" ht="18" customHeight="1" x14ac:dyDescent="0.15">
      <c r="A77" s="5" t="s">
        <v>27</v>
      </c>
      <c r="B77" s="22">
        <v>157</v>
      </c>
      <c r="C77" s="14">
        <v>144</v>
      </c>
      <c r="D77" s="18">
        <v>301</v>
      </c>
    </row>
    <row r="78" spans="1:4" ht="18" customHeight="1" x14ac:dyDescent="0.15">
      <c r="A78" s="5">
        <v>60</v>
      </c>
      <c r="B78" s="22">
        <v>23</v>
      </c>
      <c r="C78" s="14">
        <v>23</v>
      </c>
      <c r="D78" s="18">
        <v>46</v>
      </c>
    </row>
    <row r="79" spans="1:4" ht="18" customHeight="1" x14ac:dyDescent="0.15">
      <c r="A79" s="5">
        <v>61</v>
      </c>
      <c r="B79" s="22">
        <v>25</v>
      </c>
      <c r="C79" s="14">
        <v>21</v>
      </c>
      <c r="D79" s="18">
        <v>46</v>
      </c>
    </row>
    <row r="80" spans="1:4" ht="18" customHeight="1" x14ac:dyDescent="0.15">
      <c r="A80" s="5">
        <v>62</v>
      </c>
      <c r="B80" s="22">
        <v>23</v>
      </c>
      <c r="C80" s="14">
        <v>25</v>
      </c>
      <c r="D80" s="18">
        <v>48</v>
      </c>
    </row>
    <row r="81" spans="1:4" ht="18" customHeight="1" x14ac:dyDescent="0.15">
      <c r="A81" s="5">
        <v>63</v>
      </c>
      <c r="B81" s="22">
        <v>27</v>
      </c>
      <c r="C81" s="14">
        <v>25</v>
      </c>
      <c r="D81" s="18">
        <v>52</v>
      </c>
    </row>
    <row r="82" spans="1:4" ht="18" customHeight="1" x14ac:dyDescent="0.15">
      <c r="A82" s="5">
        <v>64</v>
      </c>
      <c r="B82" s="22">
        <v>24</v>
      </c>
      <c r="C82" s="14">
        <v>17</v>
      </c>
      <c r="D82" s="18">
        <v>41</v>
      </c>
    </row>
    <row r="83" spans="1:4" ht="18" customHeight="1" x14ac:dyDescent="0.15">
      <c r="A83" s="5" t="s">
        <v>28</v>
      </c>
      <c r="B83" s="22">
        <v>122</v>
      </c>
      <c r="C83" s="14">
        <v>111</v>
      </c>
      <c r="D83" s="18">
        <v>233</v>
      </c>
    </row>
    <row r="84" spans="1:4" ht="18" customHeight="1" x14ac:dyDescent="0.15">
      <c r="A84" s="5" t="s">
        <v>31</v>
      </c>
      <c r="B84" s="22">
        <v>1008</v>
      </c>
      <c r="C84" s="14">
        <v>917</v>
      </c>
      <c r="D84" s="18">
        <v>1925</v>
      </c>
    </row>
    <row r="85" spans="1:4" ht="18" customHeight="1" x14ac:dyDescent="0.15">
      <c r="A85" s="5">
        <v>65</v>
      </c>
      <c r="B85" s="22">
        <v>10</v>
      </c>
      <c r="C85" s="14">
        <v>25</v>
      </c>
      <c r="D85" s="18">
        <v>35</v>
      </c>
    </row>
    <row r="86" spans="1:4" ht="18" customHeight="1" x14ac:dyDescent="0.15">
      <c r="A86" s="5">
        <v>66</v>
      </c>
      <c r="B86" s="22">
        <v>22</v>
      </c>
      <c r="C86" s="14">
        <v>14</v>
      </c>
      <c r="D86" s="18">
        <v>36</v>
      </c>
    </row>
    <row r="87" spans="1:4" ht="18" customHeight="1" x14ac:dyDescent="0.15">
      <c r="A87" s="5">
        <v>67</v>
      </c>
      <c r="B87" s="22">
        <v>23</v>
      </c>
      <c r="C87" s="14">
        <v>27</v>
      </c>
      <c r="D87" s="18">
        <v>50</v>
      </c>
    </row>
    <row r="88" spans="1:4" ht="18" customHeight="1" x14ac:dyDescent="0.15">
      <c r="A88" s="5">
        <v>68</v>
      </c>
      <c r="B88" s="22">
        <v>23</v>
      </c>
      <c r="C88" s="14">
        <v>22</v>
      </c>
      <c r="D88" s="18">
        <v>45</v>
      </c>
    </row>
    <row r="89" spans="1:4" ht="18" customHeight="1" x14ac:dyDescent="0.15">
      <c r="A89" s="5">
        <v>69</v>
      </c>
      <c r="B89" s="22">
        <v>20</v>
      </c>
      <c r="C89" s="14">
        <v>22</v>
      </c>
      <c r="D89" s="18">
        <v>42</v>
      </c>
    </row>
    <row r="90" spans="1:4" ht="18" customHeight="1" x14ac:dyDescent="0.15">
      <c r="A90" s="5" t="s">
        <v>20</v>
      </c>
      <c r="B90" s="22">
        <v>98</v>
      </c>
      <c r="C90" s="14">
        <v>110</v>
      </c>
      <c r="D90" s="18">
        <v>208</v>
      </c>
    </row>
    <row r="91" spans="1:4" ht="18" customHeight="1" x14ac:dyDescent="0.15">
      <c r="A91" s="5">
        <v>70</v>
      </c>
      <c r="B91" s="22">
        <v>31</v>
      </c>
      <c r="C91" s="14">
        <v>22</v>
      </c>
      <c r="D91" s="18">
        <v>53</v>
      </c>
    </row>
    <row r="92" spans="1:4" ht="18" customHeight="1" x14ac:dyDescent="0.15">
      <c r="A92" s="5">
        <v>71</v>
      </c>
      <c r="B92" s="22">
        <v>13</v>
      </c>
      <c r="C92" s="14">
        <v>11</v>
      </c>
      <c r="D92" s="18">
        <v>24</v>
      </c>
    </row>
    <row r="93" spans="1:4" ht="18" customHeight="1" x14ac:dyDescent="0.15">
      <c r="A93" s="5">
        <v>72</v>
      </c>
      <c r="B93" s="22">
        <v>18</v>
      </c>
      <c r="C93" s="14">
        <v>22</v>
      </c>
      <c r="D93" s="18">
        <v>40</v>
      </c>
    </row>
    <row r="94" spans="1:4" ht="18" customHeight="1" x14ac:dyDescent="0.15">
      <c r="A94" s="5">
        <v>73</v>
      </c>
      <c r="B94" s="22">
        <v>23</v>
      </c>
      <c r="C94" s="14">
        <v>16</v>
      </c>
      <c r="D94" s="18">
        <v>39</v>
      </c>
    </row>
    <row r="95" spans="1:4" ht="18" customHeight="1" x14ac:dyDescent="0.15">
      <c r="A95" s="5">
        <v>74</v>
      </c>
      <c r="B95" s="22">
        <v>20</v>
      </c>
      <c r="C95" s="14">
        <v>17</v>
      </c>
      <c r="D95" s="18">
        <v>37</v>
      </c>
    </row>
    <row r="96" spans="1:4" ht="18" customHeight="1" x14ac:dyDescent="0.15">
      <c r="A96" s="5" t="s">
        <v>33</v>
      </c>
      <c r="B96" s="22">
        <v>105</v>
      </c>
      <c r="C96" s="14">
        <v>88</v>
      </c>
      <c r="D96" s="18">
        <v>193</v>
      </c>
    </row>
    <row r="97" spans="1:4" ht="18" customHeight="1" x14ac:dyDescent="0.15">
      <c r="A97" s="5">
        <v>75</v>
      </c>
      <c r="B97" s="22">
        <v>17</v>
      </c>
      <c r="C97" s="14">
        <v>16</v>
      </c>
      <c r="D97" s="18">
        <v>33</v>
      </c>
    </row>
    <row r="98" spans="1:4" ht="18" customHeight="1" x14ac:dyDescent="0.15">
      <c r="A98" s="5">
        <v>76</v>
      </c>
      <c r="B98" s="22">
        <v>21</v>
      </c>
      <c r="C98" s="14">
        <v>35</v>
      </c>
      <c r="D98" s="18">
        <v>56</v>
      </c>
    </row>
    <row r="99" spans="1:4" ht="18" customHeight="1" x14ac:dyDescent="0.15">
      <c r="A99" s="5">
        <v>77</v>
      </c>
      <c r="B99" s="22">
        <v>23</v>
      </c>
      <c r="C99" s="14">
        <v>29</v>
      </c>
      <c r="D99" s="18">
        <v>52</v>
      </c>
    </row>
    <row r="100" spans="1:4" ht="18" customHeight="1" x14ac:dyDescent="0.15">
      <c r="A100" s="5">
        <v>78</v>
      </c>
      <c r="B100" s="22">
        <v>31</v>
      </c>
      <c r="C100" s="14">
        <v>34</v>
      </c>
      <c r="D100" s="18">
        <v>65</v>
      </c>
    </row>
    <row r="101" spans="1:4" ht="18" customHeight="1" x14ac:dyDescent="0.15">
      <c r="A101" s="5">
        <v>79</v>
      </c>
      <c r="B101" s="22">
        <v>10</v>
      </c>
      <c r="C101" s="14">
        <v>24</v>
      </c>
      <c r="D101" s="18">
        <v>34</v>
      </c>
    </row>
    <row r="102" spans="1:4" ht="18" customHeight="1" x14ac:dyDescent="0.15">
      <c r="A102" s="5" t="s">
        <v>0</v>
      </c>
      <c r="B102" s="22">
        <v>102</v>
      </c>
      <c r="C102" s="14">
        <v>138</v>
      </c>
      <c r="D102" s="18">
        <v>240</v>
      </c>
    </row>
    <row r="103" spans="1:4" ht="18" customHeight="1" x14ac:dyDescent="0.15">
      <c r="A103" s="5">
        <v>80</v>
      </c>
      <c r="B103" s="22">
        <v>14</v>
      </c>
      <c r="C103" s="14">
        <v>28</v>
      </c>
      <c r="D103" s="18">
        <v>42</v>
      </c>
    </row>
    <row r="104" spans="1:4" ht="18" customHeight="1" x14ac:dyDescent="0.15">
      <c r="A104" s="5">
        <v>81</v>
      </c>
      <c r="B104" s="22">
        <v>18</v>
      </c>
      <c r="C104" s="14">
        <v>24</v>
      </c>
      <c r="D104" s="18">
        <v>42</v>
      </c>
    </row>
    <row r="105" spans="1:4" ht="18" customHeight="1" x14ac:dyDescent="0.15">
      <c r="A105" s="5">
        <v>82</v>
      </c>
      <c r="B105" s="22">
        <v>16</v>
      </c>
      <c r="C105" s="14">
        <v>16</v>
      </c>
      <c r="D105" s="18">
        <v>32</v>
      </c>
    </row>
    <row r="106" spans="1:4" ht="18" customHeight="1" x14ac:dyDescent="0.15">
      <c r="A106" s="5">
        <v>83</v>
      </c>
      <c r="B106" s="22">
        <v>16</v>
      </c>
      <c r="C106" s="14">
        <v>20</v>
      </c>
      <c r="D106" s="18">
        <v>36</v>
      </c>
    </row>
    <row r="107" spans="1:4" ht="18" customHeight="1" x14ac:dyDescent="0.15">
      <c r="A107" s="5">
        <v>84</v>
      </c>
      <c r="B107" s="22">
        <v>9</v>
      </c>
      <c r="C107" s="14">
        <v>19</v>
      </c>
      <c r="D107" s="18">
        <v>28</v>
      </c>
    </row>
    <row r="108" spans="1:4" ht="18" customHeight="1" x14ac:dyDescent="0.15">
      <c r="A108" s="5" t="s">
        <v>35</v>
      </c>
      <c r="B108" s="22">
        <v>73</v>
      </c>
      <c r="C108" s="14">
        <v>107</v>
      </c>
      <c r="D108" s="18">
        <v>180</v>
      </c>
    </row>
    <row r="109" spans="1:4" ht="18" customHeight="1" x14ac:dyDescent="0.15">
      <c r="A109" s="5">
        <v>85</v>
      </c>
      <c r="B109" s="22">
        <v>11</v>
      </c>
      <c r="C109" s="14">
        <v>14</v>
      </c>
      <c r="D109" s="18">
        <v>25</v>
      </c>
    </row>
    <row r="110" spans="1:4" ht="18" customHeight="1" x14ac:dyDescent="0.15">
      <c r="A110" s="5">
        <v>86</v>
      </c>
      <c r="B110" s="22">
        <v>8</v>
      </c>
      <c r="C110" s="14">
        <v>11</v>
      </c>
      <c r="D110" s="18">
        <v>19</v>
      </c>
    </row>
    <row r="111" spans="1:4" ht="18" customHeight="1" x14ac:dyDescent="0.15">
      <c r="A111" s="5">
        <v>87</v>
      </c>
      <c r="B111" s="22">
        <v>3</v>
      </c>
      <c r="C111" s="14">
        <v>9</v>
      </c>
      <c r="D111" s="18">
        <v>12</v>
      </c>
    </row>
    <row r="112" spans="1:4" ht="18" customHeight="1" x14ac:dyDescent="0.15">
      <c r="A112" s="5">
        <v>88</v>
      </c>
      <c r="B112" s="22">
        <v>6</v>
      </c>
      <c r="C112" s="14">
        <v>22</v>
      </c>
      <c r="D112" s="18">
        <v>28</v>
      </c>
    </row>
    <row r="113" spans="1:4" ht="18" customHeight="1" x14ac:dyDescent="0.15">
      <c r="A113" s="5">
        <v>89</v>
      </c>
      <c r="B113" s="22">
        <v>5</v>
      </c>
      <c r="C113" s="14">
        <v>13</v>
      </c>
      <c r="D113" s="18">
        <v>18</v>
      </c>
    </row>
    <row r="114" spans="1:4" ht="18" customHeight="1" x14ac:dyDescent="0.15">
      <c r="A114" s="5" t="s">
        <v>37</v>
      </c>
      <c r="B114" s="22">
        <v>33</v>
      </c>
      <c r="C114" s="14">
        <v>69</v>
      </c>
      <c r="D114" s="18">
        <v>102</v>
      </c>
    </row>
    <row r="115" spans="1:4" ht="18" customHeight="1" x14ac:dyDescent="0.15">
      <c r="A115" s="5">
        <v>90</v>
      </c>
      <c r="B115" s="22">
        <v>4</v>
      </c>
      <c r="C115" s="14">
        <v>10</v>
      </c>
      <c r="D115" s="18">
        <v>14</v>
      </c>
    </row>
    <row r="116" spans="1:4" ht="18" customHeight="1" x14ac:dyDescent="0.15">
      <c r="A116" s="5">
        <v>91</v>
      </c>
      <c r="B116" s="22">
        <v>3</v>
      </c>
      <c r="C116" s="14">
        <v>11</v>
      </c>
      <c r="D116" s="18">
        <v>14</v>
      </c>
    </row>
    <row r="117" spans="1:4" ht="18" customHeight="1" x14ac:dyDescent="0.15">
      <c r="A117" s="5">
        <v>92</v>
      </c>
      <c r="B117" s="22">
        <v>5</v>
      </c>
      <c r="C117" s="14">
        <v>11</v>
      </c>
      <c r="D117" s="18">
        <v>16</v>
      </c>
    </row>
    <row r="118" spans="1:4" ht="18" customHeight="1" x14ac:dyDescent="0.15">
      <c r="A118" s="5">
        <v>93</v>
      </c>
      <c r="B118" s="22">
        <v>2</v>
      </c>
      <c r="C118" s="14">
        <v>11</v>
      </c>
      <c r="D118" s="18">
        <v>13</v>
      </c>
    </row>
    <row r="119" spans="1:4" ht="18" customHeight="1" x14ac:dyDescent="0.15">
      <c r="A119" s="5">
        <v>94</v>
      </c>
      <c r="B119" s="22">
        <v>2</v>
      </c>
      <c r="C119" s="14">
        <v>6</v>
      </c>
      <c r="D119" s="18">
        <v>8</v>
      </c>
    </row>
    <row r="120" spans="1:4" ht="18" customHeight="1" x14ac:dyDescent="0.15">
      <c r="A120" s="5" t="s">
        <v>39</v>
      </c>
      <c r="B120" s="22">
        <v>16</v>
      </c>
      <c r="C120" s="14">
        <v>49</v>
      </c>
      <c r="D120" s="18">
        <v>65</v>
      </c>
    </row>
    <row r="121" spans="1:4" ht="18" customHeight="1" x14ac:dyDescent="0.15">
      <c r="A121" s="5">
        <v>95</v>
      </c>
      <c r="B121" s="22">
        <v>0</v>
      </c>
      <c r="C121" s="14">
        <v>10</v>
      </c>
      <c r="D121" s="18">
        <v>10</v>
      </c>
    </row>
    <row r="122" spans="1:4" ht="18" customHeight="1" x14ac:dyDescent="0.15">
      <c r="A122" s="5">
        <v>96</v>
      </c>
      <c r="B122" s="22">
        <v>2</v>
      </c>
      <c r="C122" s="14">
        <v>4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1</v>
      </c>
      <c r="C124" s="14">
        <v>4</v>
      </c>
      <c r="D124" s="18">
        <v>5</v>
      </c>
    </row>
    <row r="125" spans="1:4" ht="18" customHeight="1" x14ac:dyDescent="0.15">
      <c r="A125" s="5">
        <v>99</v>
      </c>
      <c r="B125" s="22">
        <v>1</v>
      </c>
      <c r="C125" s="14">
        <v>3</v>
      </c>
      <c r="D125" s="18">
        <v>4</v>
      </c>
    </row>
    <row r="126" spans="1:4" ht="18" customHeight="1" x14ac:dyDescent="0.15">
      <c r="A126" s="5" t="s">
        <v>40</v>
      </c>
      <c r="B126" s="22">
        <v>4</v>
      </c>
      <c r="C126" s="14">
        <v>22</v>
      </c>
      <c r="D126" s="18">
        <v>26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431</v>
      </c>
      <c r="C130" s="14">
        <v>587</v>
      </c>
      <c r="D130" s="18">
        <v>1018</v>
      </c>
    </row>
    <row r="131" spans="1:4" ht="18" customHeight="1" x14ac:dyDescent="0.15">
      <c r="A131" s="7" t="s">
        <v>45</v>
      </c>
      <c r="B131" s="23">
        <v>1568</v>
      </c>
      <c r="C131" s="15">
        <v>1610</v>
      </c>
      <c r="D131" s="19">
        <v>317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200-000000000000}">
  <sheetPr codeName="Sheet4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</v>
      </c>
      <c r="C5" s="13">
        <v>2</v>
      </c>
      <c r="D5" s="17">
        <v>5</v>
      </c>
    </row>
    <row r="6" spans="1:4" ht="18" customHeight="1" x14ac:dyDescent="0.15">
      <c r="A6" s="5">
        <v>1</v>
      </c>
      <c r="B6" s="22">
        <v>4</v>
      </c>
      <c r="C6" s="14">
        <v>4</v>
      </c>
      <c r="D6" s="18">
        <v>8</v>
      </c>
    </row>
    <row r="7" spans="1:4" ht="18" customHeight="1" x14ac:dyDescent="0.15">
      <c r="A7" s="5">
        <v>2</v>
      </c>
      <c r="B7" s="22">
        <v>4</v>
      </c>
      <c r="C7" s="14">
        <v>6</v>
      </c>
      <c r="D7" s="18">
        <v>10</v>
      </c>
    </row>
    <row r="8" spans="1:4" ht="18" customHeight="1" x14ac:dyDescent="0.15">
      <c r="A8" s="5">
        <v>3</v>
      </c>
      <c r="B8" s="22">
        <v>4</v>
      </c>
      <c r="C8" s="14">
        <v>3</v>
      </c>
      <c r="D8" s="18">
        <v>7</v>
      </c>
    </row>
    <row r="9" spans="1:4" ht="18" customHeight="1" x14ac:dyDescent="0.15">
      <c r="A9" s="5">
        <v>4</v>
      </c>
      <c r="B9" s="22">
        <v>8</v>
      </c>
      <c r="C9" s="14">
        <v>4</v>
      </c>
      <c r="D9" s="18">
        <v>12</v>
      </c>
    </row>
    <row r="10" spans="1:4" ht="18" customHeight="1" x14ac:dyDescent="0.15">
      <c r="A10" s="5" t="s">
        <v>7</v>
      </c>
      <c r="B10" s="22">
        <v>23</v>
      </c>
      <c r="C10" s="14">
        <v>19</v>
      </c>
      <c r="D10" s="18">
        <v>42</v>
      </c>
    </row>
    <row r="11" spans="1:4" ht="18" customHeight="1" x14ac:dyDescent="0.15">
      <c r="A11" s="5">
        <v>5</v>
      </c>
      <c r="B11" s="22">
        <v>6</v>
      </c>
      <c r="C11" s="14">
        <v>7</v>
      </c>
      <c r="D11" s="18">
        <v>13</v>
      </c>
    </row>
    <row r="12" spans="1:4" ht="18" customHeight="1" x14ac:dyDescent="0.15">
      <c r="A12" s="5">
        <v>6</v>
      </c>
      <c r="B12" s="22">
        <v>5</v>
      </c>
      <c r="C12" s="14">
        <v>2</v>
      </c>
      <c r="D12" s="18">
        <v>7</v>
      </c>
    </row>
    <row r="13" spans="1:4" ht="18" customHeight="1" x14ac:dyDescent="0.15">
      <c r="A13" s="5">
        <v>7</v>
      </c>
      <c r="B13" s="22">
        <v>7</v>
      </c>
      <c r="C13" s="14">
        <v>8</v>
      </c>
      <c r="D13" s="18">
        <v>15</v>
      </c>
    </row>
    <row r="14" spans="1:4" ht="18" customHeight="1" x14ac:dyDescent="0.15">
      <c r="A14" s="5">
        <v>8</v>
      </c>
      <c r="B14" s="22">
        <v>9</v>
      </c>
      <c r="C14" s="14">
        <v>5</v>
      </c>
      <c r="D14" s="18">
        <v>14</v>
      </c>
    </row>
    <row r="15" spans="1:4" ht="18" customHeight="1" x14ac:dyDescent="0.15">
      <c r="A15" s="5">
        <v>9</v>
      </c>
      <c r="B15" s="22">
        <v>3</v>
      </c>
      <c r="C15" s="14">
        <v>6</v>
      </c>
      <c r="D15" s="18">
        <v>9</v>
      </c>
    </row>
    <row r="16" spans="1:4" ht="18" customHeight="1" x14ac:dyDescent="0.15">
      <c r="A16" s="5" t="s">
        <v>11</v>
      </c>
      <c r="B16" s="22">
        <v>30</v>
      </c>
      <c r="C16" s="14">
        <v>28</v>
      </c>
      <c r="D16" s="18">
        <v>58</v>
      </c>
    </row>
    <row r="17" spans="1:4" ht="18" customHeight="1" x14ac:dyDescent="0.15">
      <c r="A17" s="5">
        <v>10</v>
      </c>
      <c r="B17" s="22">
        <v>7</v>
      </c>
      <c r="C17" s="14">
        <v>12</v>
      </c>
      <c r="D17" s="18">
        <v>19</v>
      </c>
    </row>
    <row r="18" spans="1:4" ht="18" customHeight="1" x14ac:dyDescent="0.15">
      <c r="A18" s="5">
        <v>11</v>
      </c>
      <c r="B18" s="22">
        <v>11</v>
      </c>
      <c r="C18" s="14">
        <v>4</v>
      </c>
      <c r="D18" s="18">
        <v>15</v>
      </c>
    </row>
    <row r="19" spans="1:4" ht="18" customHeight="1" x14ac:dyDescent="0.15">
      <c r="A19" s="5">
        <v>12</v>
      </c>
      <c r="B19" s="22">
        <v>4</v>
      </c>
      <c r="C19" s="14">
        <v>2</v>
      </c>
      <c r="D19" s="18">
        <v>6</v>
      </c>
    </row>
    <row r="20" spans="1:4" ht="18" customHeight="1" x14ac:dyDescent="0.15">
      <c r="A20" s="5">
        <v>13</v>
      </c>
      <c r="B20" s="22">
        <v>13</v>
      </c>
      <c r="C20" s="14">
        <v>6</v>
      </c>
      <c r="D20" s="18">
        <v>19</v>
      </c>
    </row>
    <row r="21" spans="1:4" ht="18" customHeight="1" x14ac:dyDescent="0.15">
      <c r="A21" s="5">
        <v>14</v>
      </c>
      <c r="B21" s="22">
        <v>7</v>
      </c>
      <c r="C21" s="14">
        <v>5</v>
      </c>
      <c r="D21" s="18">
        <v>12</v>
      </c>
    </row>
    <row r="22" spans="1:4" ht="18" customHeight="1" x14ac:dyDescent="0.15">
      <c r="A22" s="5" t="s">
        <v>12</v>
      </c>
      <c r="B22" s="22">
        <v>42</v>
      </c>
      <c r="C22" s="14">
        <v>29</v>
      </c>
      <c r="D22" s="18">
        <v>71</v>
      </c>
    </row>
    <row r="23" spans="1:4" ht="18" customHeight="1" x14ac:dyDescent="0.15">
      <c r="A23" s="5" t="s">
        <v>6</v>
      </c>
      <c r="B23" s="22">
        <v>95</v>
      </c>
      <c r="C23" s="14">
        <v>76</v>
      </c>
      <c r="D23" s="18">
        <v>171</v>
      </c>
    </row>
    <row r="24" spans="1:4" ht="18" customHeight="1" x14ac:dyDescent="0.15">
      <c r="A24" s="5">
        <v>15</v>
      </c>
      <c r="B24" s="22">
        <v>8</v>
      </c>
      <c r="C24" s="14">
        <v>8</v>
      </c>
      <c r="D24" s="18">
        <v>16</v>
      </c>
    </row>
    <row r="25" spans="1:4" ht="18" customHeight="1" x14ac:dyDescent="0.15">
      <c r="A25" s="5">
        <v>16</v>
      </c>
      <c r="B25" s="22">
        <v>7</v>
      </c>
      <c r="C25" s="14">
        <v>6</v>
      </c>
      <c r="D25" s="18">
        <v>13</v>
      </c>
    </row>
    <row r="26" spans="1:4" ht="18" customHeight="1" x14ac:dyDescent="0.15">
      <c r="A26" s="5">
        <v>17</v>
      </c>
      <c r="B26" s="22">
        <v>8</v>
      </c>
      <c r="C26" s="14">
        <v>11</v>
      </c>
      <c r="D26" s="18">
        <v>19</v>
      </c>
    </row>
    <row r="27" spans="1:4" ht="18" customHeight="1" x14ac:dyDescent="0.15">
      <c r="A27" s="5">
        <v>18</v>
      </c>
      <c r="B27" s="22">
        <v>10</v>
      </c>
      <c r="C27" s="14">
        <v>8</v>
      </c>
      <c r="D27" s="18">
        <v>18</v>
      </c>
    </row>
    <row r="28" spans="1:4" ht="18" customHeight="1" x14ac:dyDescent="0.15">
      <c r="A28" s="5">
        <v>19</v>
      </c>
      <c r="B28" s="22">
        <v>8</v>
      </c>
      <c r="C28" s="14">
        <v>8</v>
      </c>
      <c r="D28" s="18">
        <v>16</v>
      </c>
    </row>
    <row r="29" spans="1:4" ht="18" customHeight="1" x14ac:dyDescent="0.15">
      <c r="A29" s="5" t="s">
        <v>14</v>
      </c>
      <c r="B29" s="22">
        <v>41</v>
      </c>
      <c r="C29" s="14">
        <v>41</v>
      </c>
      <c r="D29" s="18">
        <v>82</v>
      </c>
    </row>
    <row r="30" spans="1:4" ht="18" customHeight="1" x14ac:dyDescent="0.15">
      <c r="A30" s="5">
        <v>20</v>
      </c>
      <c r="B30" s="22">
        <v>5</v>
      </c>
      <c r="C30" s="14">
        <v>7</v>
      </c>
      <c r="D30" s="18">
        <v>12</v>
      </c>
    </row>
    <row r="31" spans="1:4" ht="18" customHeight="1" x14ac:dyDescent="0.15">
      <c r="A31" s="5">
        <v>21</v>
      </c>
      <c r="B31" s="22">
        <v>11</v>
      </c>
      <c r="C31" s="14">
        <v>5</v>
      </c>
      <c r="D31" s="18">
        <v>16</v>
      </c>
    </row>
    <row r="32" spans="1:4" ht="18" customHeight="1" x14ac:dyDescent="0.15">
      <c r="A32" s="5">
        <v>22</v>
      </c>
      <c r="B32" s="22">
        <v>9</v>
      </c>
      <c r="C32" s="14">
        <v>3</v>
      </c>
      <c r="D32" s="18">
        <v>12</v>
      </c>
    </row>
    <row r="33" spans="1:4" ht="18" customHeight="1" x14ac:dyDescent="0.15">
      <c r="A33" s="5">
        <v>23</v>
      </c>
      <c r="B33" s="22">
        <v>6</v>
      </c>
      <c r="C33" s="14">
        <v>5</v>
      </c>
      <c r="D33" s="18">
        <v>11</v>
      </c>
    </row>
    <row r="34" spans="1:4" ht="18" customHeight="1" x14ac:dyDescent="0.15">
      <c r="A34" s="5">
        <v>24</v>
      </c>
      <c r="B34" s="22">
        <v>12</v>
      </c>
      <c r="C34" s="14">
        <v>7</v>
      </c>
      <c r="D34" s="18">
        <v>19</v>
      </c>
    </row>
    <row r="35" spans="1:4" ht="18" customHeight="1" x14ac:dyDescent="0.15">
      <c r="A35" s="5" t="s">
        <v>9</v>
      </c>
      <c r="B35" s="22">
        <v>43</v>
      </c>
      <c r="C35" s="14">
        <v>27</v>
      </c>
      <c r="D35" s="18">
        <v>70</v>
      </c>
    </row>
    <row r="36" spans="1:4" ht="18" customHeight="1" x14ac:dyDescent="0.15">
      <c r="A36" s="5">
        <v>25</v>
      </c>
      <c r="B36" s="22">
        <v>7</v>
      </c>
      <c r="C36" s="14">
        <v>10</v>
      </c>
      <c r="D36" s="18">
        <v>17</v>
      </c>
    </row>
    <row r="37" spans="1:4" ht="18" customHeight="1" x14ac:dyDescent="0.15">
      <c r="A37" s="5">
        <v>26</v>
      </c>
      <c r="B37" s="22">
        <v>6</v>
      </c>
      <c r="C37" s="14">
        <v>7</v>
      </c>
      <c r="D37" s="18">
        <v>13</v>
      </c>
    </row>
    <row r="38" spans="1:4" ht="18" customHeight="1" x14ac:dyDescent="0.15">
      <c r="A38" s="5">
        <v>27</v>
      </c>
      <c r="B38" s="22">
        <v>5</v>
      </c>
      <c r="C38" s="14">
        <v>9</v>
      </c>
      <c r="D38" s="18">
        <v>14</v>
      </c>
    </row>
    <row r="39" spans="1:4" ht="18" customHeight="1" x14ac:dyDescent="0.15">
      <c r="A39" s="5">
        <v>28</v>
      </c>
      <c r="B39" s="22">
        <v>8</v>
      </c>
      <c r="C39" s="14">
        <v>5</v>
      </c>
      <c r="D39" s="18">
        <v>13</v>
      </c>
    </row>
    <row r="40" spans="1:4" ht="18" customHeight="1" x14ac:dyDescent="0.15">
      <c r="A40" s="5">
        <v>29</v>
      </c>
      <c r="B40" s="22">
        <v>15</v>
      </c>
      <c r="C40" s="14">
        <v>8</v>
      </c>
      <c r="D40" s="18">
        <v>23</v>
      </c>
    </row>
    <row r="41" spans="1:4" ht="18" customHeight="1" x14ac:dyDescent="0.15">
      <c r="A41" s="5" t="s">
        <v>2</v>
      </c>
      <c r="B41" s="22">
        <v>41</v>
      </c>
      <c r="C41" s="14">
        <v>39</v>
      </c>
      <c r="D41" s="18">
        <v>80</v>
      </c>
    </row>
    <row r="42" spans="1:4" ht="18" customHeight="1" x14ac:dyDescent="0.15">
      <c r="A42" s="5">
        <v>30</v>
      </c>
      <c r="B42" s="22">
        <v>7</v>
      </c>
      <c r="C42" s="14">
        <v>4</v>
      </c>
      <c r="D42" s="18">
        <v>11</v>
      </c>
    </row>
    <row r="43" spans="1:4" ht="18" customHeight="1" x14ac:dyDescent="0.15">
      <c r="A43" s="5">
        <v>31</v>
      </c>
      <c r="B43" s="22">
        <v>9</v>
      </c>
      <c r="C43" s="14">
        <v>4</v>
      </c>
      <c r="D43" s="18">
        <v>13</v>
      </c>
    </row>
    <row r="44" spans="1:4" ht="18" customHeight="1" x14ac:dyDescent="0.15">
      <c r="A44" s="5">
        <v>32</v>
      </c>
      <c r="B44" s="22">
        <v>13</v>
      </c>
      <c r="C44" s="14">
        <v>5</v>
      </c>
      <c r="D44" s="18">
        <v>18</v>
      </c>
    </row>
    <row r="45" spans="1:4" ht="18" customHeight="1" x14ac:dyDescent="0.15">
      <c r="A45" s="5">
        <v>33</v>
      </c>
      <c r="B45" s="22">
        <v>8</v>
      </c>
      <c r="C45" s="14">
        <v>3</v>
      </c>
      <c r="D45" s="18">
        <v>11</v>
      </c>
    </row>
    <row r="46" spans="1:4" ht="18" customHeight="1" x14ac:dyDescent="0.15">
      <c r="A46" s="5">
        <v>34</v>
      </c>
      <c r="B46" s="22">
        <v>6</v>
      </c>
      <c r="C46" s="14">
        <v>3</v>
      </c>
      <c r="D46" s="18">
        <v>9</v>
      </c>
    </row>
    <row r="47" spans="1:4" ht="18" customHeight="1" x14ac:dyDescent="0.15">
      <c r="A47" s="5" t="s">
        <v>15</v>
      </c>
      <c r="B47" s="22">
        <v>43</v>
      </c>
      <c r="C47" s="14">
        <v>19</v>
      </c>
      <c r="D47" s="18">
        <v>62</v>
      </c>
    </row>
    <row r="48" spans="1:4" ht="18" customHeight="1" x14ac:dyDescent="0.15">
      <c r="A48" s="5">
        <v>35</v>
      </c>
      <c r="B48" s="22">
        <v>6</v>
      </c>
      <c r="C48" s="14">
        <v>6</v>
      </c>
      <c r="D48" s="18">
        <v>12</v>
      </c>
    </row>
    <row r="49" spans="1:4" ht="18" customHeight="1" x14ac:dyDescent="0.15">
      <c r="A49" s="5">
        <v>36</v>
      </c>
      <c r="B49" s="22">
        <v>6</v>
      </c>
      <c r="C49" s="14">
        <v>8</v>
      </c>
      <c r="D49" s="18">
        <v>14</v>
      </c>
    </row>
    <row r="50" spans="1:4" ht="18" customHeight="1" x14ac:dyDescent="0.15">
      <c r="A50" s="5">
        <v>37</v>
      </c>
      <c r="B50" s="22">
        <v>9</v>
      </c>
      <c r="C50" s="14">
        <v>11</v>
      </c>
      <c r="D50" s="18">
        <v>20</v>
      </c>
    </row>
    <row r="51" spans="1:4" ht="18" customHeight="1" x14ac:dyDescent="0.15">
      <c r="A51" s="5">
        <v>38</v>
      </c>
      <c r="B51" s="22">
        <v>12</v>
      </c>
      <c r="C51" s="14">
        <v>6</v>
      </c>
      <c r="D51" s="18">
        <v>18</v>
      </c>
    </row>
    <row r="52" spans="1:4" ht="18" customHeight="1" x14ac:dyDescent="0.15">
      <c r="A52" s="5">
        <v>39</v>
      </c>
      <c r="B52" s="22">
        <v>5</v>
      </c>
      <c r="C52" s="14">
        <v>7</v>
      </c>
      <c r="D52" s="18">
        <v>12</v>
      </c>
    </row>
    <row r="53" spans="1:4" ht="18" customHeight="1" x14ac:dyDescent="0.15">
      <c r="A53" s="5" t="s">
        <v>18</v>
      </c>
      <c r="B53" s="22">
        <v>38</v>
      </c>
      <c r="C53" s="14">
        <v>38</v>
      </c>
      <c r="D53" s="18">
        <v>76</v>
      </c>
    </row>
    <row r="54" spans="1:4" ht="18" customHeight="1" x14ac:dyDescent="0.15">
      <c r="A54" s="5">
        <v>40</v>
      </c>
      <c r="B54" s="22">
        <v>10</v>
      </c>
      <c r="C54" s="14">
        <v>6</v>
      </c>
      <c r="D54" s="18">
        <v>16</v>
      </c>
    </row>
    <row r="55" spans="1:4" ht="18" customHeight="1" x14ac:dyDescent="0.15">
      <c r="A55" s="5">
        <v>41</v>
      </c>
      <c r="B55" s="22">
        <v>10</v>
      </c>
      <c r="C55" s="14">
        <v>3</v>
      </c>
      <c r="D55" s="18">
        <v>13</v>
      </c>
    </row>
    <row r="56" spans="1:4" ht="18" customHeight="1" x14ac:dyDescent="0.15">
      <c r="A56" s="5">
        <v>42</v>
      </c>
      <c r="B56" s="22">
        <v>12</v>
      </c>
      <c r="C56" s="14">
        <v>16</v>
      </c>
      <c r="D56" s="18">
        <v>28</v>
      </c>
    </row>
    <row r="57" spans="1:4" ht="18" customHeight="1" x14ac:dyDescent="0.15">
      <c r="A57" s="5">
        <v>43</v>
      </c>
      <c r="B57" s="22">
        <v>13</v>
      </c>
      <c r="C57" s="14">
        <v>8</v>
      </c>
      <c r="D57" s="18">
        <v>21</v>
      </c>
    </row>
    <row r="58" spans="1:4" ht="18" customHeight="1" x14ac:dyDescent="0.15">
      <c r="A58" s="5">
        <v>44</v>
      </c>
      <c r="B58" s="22">
        <v>12</v>
      </c>
      <c r="C58" s="14">
        <v>7</v>
      </c>
      <c r="D58" s="18">
        <v>19</v>
      </c>
    </row>
    <row r="59" spans="1:4" ht="18" customHeight="1" x14ac:dyDescent="0.15">
      <c r="A59" s="5" t="s">
        <v>21</v>
      </c>
      <c r="B59" s="22">
        <v>57</v>
      </c>
      <c r="C59" s="14">
        <v>40</v>
      </c>
      <c r="D59" s="18">
        <v>97</v>
      </c>
    </row>
    <row r="60" spans="1:4" ht="18" customHeight="1" x14ac:dyDescent="0.15">
      <c r="A60" s="5">
        <v>45</v>
      </c>
      <c r="B60" s="22">
        <v>11</v>
      </c>
      <c r="C60" s="14">
        <v>19</v>
      </c>
      <c r="D60" s="18">
        <v>30</v>
      </c>
    </row>
    <row r="61" spans="1:4" ht="18" customHeight="1" x14ac:dyDescent="0.15">
      <c r="A61" s="5">
        <v>46</v>
      </c>
      <c r="B61" s="22">
        <v>13</v>
      </c>
      <c r="C61" s="14">
        <v>14</v>
      </c>
      <c r="D61" s="18">
        <v>27</v>
      </c>
    </row>
    <row r="62" spans="1:4" ht="18" customHeight="1" x14ac:dyDescent="0.15">
      <c r="A62" s="5">
        <v>47</v>
      </c>
      <c r="B62" s="22">
        <v>17</v>
      </c>
      <c r="C62" s="14">
        <v>14</v>
      </c>
      <c r="D62" s="18">
        <v>31</v>
      </c>
    </row>
    <row r="63" spans="1:4" ht="18" customHeight="1" x14ac:dyDescent="0.15">
      <c r="A63" s="5">
        <v>48</v>
      </c>
      <c r="B63" s="22">
        <v>12</v>
      </c>
      <c r="C63" s="14">
        <v>10</v>
      </c>
      <c r="D63" s="18">
        <v>22</v>
      </c>
    </row>
    <row r="64" spans="1:4" ht="18" customHeight="1" x14ac:dyDescent="0.15">
      <c r="A64" s="5">
        <v>49</v>
      </c>
      <c r="B64" s="22">
        <v>17</v>
      </c>
      <c r="C64" s="14">
        <v>12</v>
      </c>
      <c r="D64" s="18">
        <v>29</v>
      </c>
    </row>
    <row r="65" spans="1:4" ht="18" customHeight="1" x14ac:dyDescent="0.15">
      <c r="A65" s="5" t="s">
        <v>17</v>
      </c>
      <c r="B65" s="22">
        <v>70</v>
      </c>
      <c r="C65" s="14">
        <v>69</v>
      </c>
      <c r="D65" s="18">
        <v>139</v>
      </c>
    </row>
    <row r="66" spans="1:4" ht="18" customHeight="1" x14ac:dyDescent="0.15">
      <c r="A66" s="5">
        <v>50</v>
      </c>
      <c r="B66" s="22">
        <v>16</v>
      </c>
      <c r="C66" s="14">
        <v>19</v>
      </c>
      <c r="D66" s="18">
        <v>35</v>
      </c>
    </row>
    <row r="67" spans="1:4" ht="18" customHeight="1" x14ac:dyDescent="0.15">
      <c r="A67" s="5">
        <v>51</v>
      </c>
      <c r="B67" s="22">
        <v>22</v>
      </c>
      <c r="C67" s="14">
        <v>13</v>
      </c>
      <c r="D67" s="18">
        <v>35</v>
      </c>
    </row>
    <row r="68" spans="1:4" ht="18" customHeight="1" x14ac:dyDescent="0.15">
      <c r="A68" s="5">
        <v>52</v>
      </c>
      <c r="B68" s="22">
        <v>23</v>
      </c>
      <c r="C68" s="14">
        <v>17</v>
      </c>
      <c r="D68" s="18">
        <v>40</v>
      </c>
    </row>
    <row r="69" spans="1:4" ht="18" customHeight="1" x14ac:dyDescent="0.15">
      <c r="A69" s="5">
        <v>53</v>
      </c>
      <c r="B69" s="22">
        <v>17</v>
      </c>
      <c r="C69" s="14">
        <v>16</v>
      </c>
      <c r="D69" s="18">
        <v>33</v>
      </c>
    </row>
    <row r="70" spans="1:4" ht="18" customHeight="1" x14ac:dyDescent="0.15">
      <c r="A70" s="5">
        <v>54</v>
      </c>
      <c r="B70" s="22">
        <v>14</v>
      </c>
      <c r="C70" s="14">
        <v>11</v>
      </c>
      <c r="D70" s="18">
        <v>25</v>
      </c>
    </row>
    <row r="71" spans="1:4" ht="18" customHeight="1" x14ac:dyDescent="0.15">
      <c r="A71" s="5" t="s">
        <v>22</v>
      </c>
      <c r="B71" s="22">
        <v>92</v>
      </c>
      <c r="C71" s="14">
        <v>76</v>
      </c>
      <c r="D71" s="18">
        <v>168</v>
      </c>
    </row>
    <row r="72" spans="1:4" ht="18" customHeight="1" x14ac:dyDescent="0.15">
      <c r="A72" s="5">
        <v>55</v>
      </c>
      <c r="B72" s="22">
        <v>11</v>
      </c>
      <c r="C72" s="14">
        <v>21</v>
      </c>
      <c r="D72" s="18">
        <v>32</v>
      </c>
    </row>
    <row r="73" spans="1:4" ht="18" customHeight="1" x14ac:dyDescent="0.15">
      <c r="A73" s="5">
        <v>56</v>
      </c>
      <c r="B73" s="22">
        <v>16</v>
      </c>
      <c r="C73" s="14">
        <v>15</v>
      </c>
      <c r="D73" s="18">
        <v>31</v>
      </c>
    </row>
    <row r="74" spans="1:4" ht="18" customHeight="1" x14ac:dyDescent="0.15">
      <c r="A74" s="5">
        <v>57</v>
      </c>
      <c r="B74" s="22">
        <v>17</v>
      </c>
      <c r="C74" s="14">
        <v>14</v>
      </c>
      <c r="D74" s="18">
        <v>31</v>
      </c>
    </row>
    <row r="75" spans="1:4" ht="18" customHeight="1" x14ac:dyDescent="0.15">
      <c r="A75" s="5">
        <v>58</v>
      </c>
      <c r="B75" s="22">
        <v>14</v>
      </c>
      <c r="C75" s="14">
        <v>14</v>
      </c>
      <c r="D75" s="18">
        <v>28</v>
      </c>
    </row>
    <row r="76" spans="1:4" ht="18" customHeight="1" x14ac:dyDescent="0.15">
      <c r="A76" s="5">
        <v>59</v>
      </c>
      <c r="B76" s="22">
        <v>14</v>
      </c>
      <c r="C76" s="14">
        <v>17</v>
      </c>
      <c r="D76" s="18">
        <v>31</v>
      </c>
    </row>
    <row r="77" spans="1:4" ht="18" customHeight="1" x14ac:dyDescent="0.15">
      <c r="A77" s="5" t="s">
        <v>27</v>
      </c>
      <c r="B77" s="22">
        <v>72</v>
      </c>
      <c r="C77" s="14">
        <v>81</v>
      </c>
      <c r="D77" s="18">
        <v>153</v>
      </c>
    </row>
    <row r="78" spans="1:4" ht="18" customHeight="1" x14ac:dyDescent="0.15">
      <c r="A78" s="5">
        <v>60</v>
      </c>
      <c r="B78" s="22">
        <v>20</v>
      </c>
      <c r="C78" s="14">
        <v>15</v>
      </c>
      <c r="D78" s="18">
        <v>35</v>
      </c>
    </row>
    <row r="79" spans="1:4" ht="18" customHeight="1" x14ac:dyDescent="0.15">
      <c r="A79" s="5">
        <v>61</v>
      </c>
      <c r="B79" s="22">
        <v>12</v>
      </c>
      <c r="C79" s="14">
        <v>10</v>
      </c>
      <c r="D79" s="18">
        <v>22</v>
      </c>
    </row>
    <row r="80" spans="1:4" ht="18" customHeight="1" x14ac:dyDescent="0.15">
      <c r="A80" s="5">
        <v>62</v>
      </c>
      <c r="B80" s="22">
        <v>14</v>
      </c>
      <c r="C80" s="14">
        <v>12</v>
      </c>
      <c r="D80" s="18">
        <v>26</v>
      </c>
    </row>
    <row r="81" spans="1:4" ht="18" customHeight="1" x14ac:dyDescent="0.15">
      <c r="A81" s="5">
        <v>63</v>
      </c>
      <c r="B81" s="22">
        <v>18</v>
      </c>
      <c r="C81" s="14">
        <v>19</v>
      </c>
      <c r="D81" s="18">
        <v>37</v>
      </c>
    </row>
    <row r="82" spans="1:4" ht="18" customHeight="1" x14ac:dyDescent="0.15">
      <c r="A82" s="5">
        <v>64</v>
      </c>
      <c r="B82" s="22">
        <v>16</v>
      </c>
      <c r="C82" s="14">
        <v>13</v>
      </c>
      <c r="D82" s="18">
        <v>29</v>
      </c>
    </row>
    <row r="83" spans="1:4" ht="18" customHeight="1" x14ac:dyDescent="0.15">
      <c r="A83" s="5" t="s">
        <v>28</v>
      </c>
      <c r="B83" s="22">
        <v>80</v>
      </c>
      <c r="C83" s="14">
        <v>69</v>
      </c>
      <c r="D83" s="18">
        <v>149</v>
      </c>
    </row>
    <row r="84" spans="1:4" ht="18" customHeight="1" x14ac:dyDescent="0.15">
      <c r="A84" s="5" t="s">
        <v>31</v>
      </c>
      <c r="B84" s="22">
        <v>577</v>
      </c>
      <c r="C84" s="14">
        <v>499</v>
      </c>
      <c r="D84" s="18">
        <v>1076</v>
      </c>
    </row>
    <row r="85" spans="1:4" ht="18" customHeight="1" x14ac:dyDescent="0.15">
      <c r="A85" s="5">
        <v>65</v>
      </c>
      <c r="B85" s="22">
        <v>8</v>
      </c>
      <c r="C85" s="14">
        <v>15</v>
      </c>
      <c r="D85" s="18">
        <v>23</v>
      </c>
    </row>
    <row r="86" spans="1:4" ht="18" customHeight="1" x14ac:dyDescent="0.15">
      <c r="A86" s="5">
        <v>66</v>
      </c>
      <c r="B86" s="22">
        <v>12</v>
      </c>
      <c r="C86" s="14">
        <v>12</v>
      </c>
      <c r="D86" s="18">
        <v>24</v>
      </c>
    </row>
    <row r="87" spans="1:4" ht="18" customHeight="1" x14ac:dyDescent="0.15">
      <c r="A87" s="5">
        <v>67</v>
      </c>
      <c r="B87" s="22">
        <v>12</v>
      </c>
      <c r="C87" s="14">
        <v>13</v>
      </c>
      <c r="D87" s="18">
        <v>25</v>
      </c>
    </row>
    <row r="88" spans="1:4" ht="18" customHeight="1" x14ac:dyDescent="0.15">
      <c r="A88" s="5">
        <v>68</v>
      </c>
      <c r="B88" s="22">
        <v>11</v>
      </c>
      <c r="C88" s="14">
        <v>14</v>
      </c>
      <c r="D88" s="18">
        <v>25</v>
      </c>
    </row>
    <row r="89" spans="1:4" ht="18" customHeight="1" x14ac:dyDescent="0.15">
      <c r="A89" s="5">
        <v>69</v>
      </c>
      <c r="B89" s="22">
        <v>13</v>
      </c>
      <c r="C89" s="14">
        <v>15</v>
      </c>
      <c r="D89" s="18">
        <v>28</v>
      </c>
    </row>
    <row r="90" spans="1:4" ht="18" customHeight="1" x14ac:dyDescent="0.15">
      <c r="A90" s="5" t="s">
        <v>20</v>
      </c>
      <c r="B90" s="22">
        <v>56</v>
      </c>
      <c r="C90" s="14">
        <v>69</v>
      </c>
      <c r="D90" s="18">
        <v>125</v>
      </c>
    </row>
    <row r="91" spans="1:4" ht="18" customHeight="1" x14ac:dyDescent="0.15">
      <c r="A91" s="5">
        <v>70</v>
      </c>
      <c r="B91" s="22">
        <v>14</v>
      </c>
      <c r="C91" s="14">
        <v>16</v>
      </c>
      <c r="D91" s="18">
        <v>30</v>
      </c>
    </row>
    <row r="92" spans="1:4" ht="18" customHeight="1" x14ac:dyDescent="0.15">
      <c r="A92" s="5">
        <v>71</v>
      </c>
      <c r="B92" s="22">
        <v>18</v>
      </c>
      <c r="C92" s="14">
        <v>21</v>
      </c>
      <c r="D92" s="18">
        <v>39</v>
      </c>
    </row>
    <row r="93" spans="1:4" ht="18" customHeight="1" x14ac:dyDescent="0.15">
      <c r="A93" s="5">
        <v>72</v>
      </c>
      <c r="B93" s="22">
        <v>14</v>
      </c>
      <c r="C93" s="14">
        <v>21</v>
      </c>
      <c r="D93" s="18">
        <v>35</v>
      </c>
    </row>
    <row r="94" spans="1:4" ht="18" customHeight="1" x14ac:dyDescent="0.15">
      <c r="A94" s="5">
        <v>73</v>
      </c>
      <c r="B94" s="22">
        <v>16</v>
      </c>
      <c r="C94" s="14">
        <v>25</v>
      </c>
      <c r="D94" s="18">
        <v>41</v>
      </c>
    </row>
    <row r="95" spans="1:4" ht="18" customHeight="1" x14ac:dyDescent="0.15">
      <c r="A95" s="5">
        <v>74</v>
      </c>
      <c r="B95" s="22">
        <v>20</v>
      </c>
      <c r="C95" s="14">
        <v>24</v>
      </c>
      <c r="D95" s="18">
        <v>44</v>
      </c>
    </row>
    <row r="96" spans="1:4" ht="18" customHeight="1" x14ac:dyDescent="0.15">
      <c r="A96" s="5" t="s">
        <v>33</v>
      </c>
      <c r="B96" s="22">
        <v>82</v>
      </c>
      <c r="C96" s="14">
        <v>107</v>
      </c>
      <c r="D96" s="18">
        <v>189</v>
      </c>
    </row>
    <row r="97" spans="1:4" ht="18" customHeight="1" x14ac:dyDescent="0.15">
      <c r="A97" s="5">
        <v>75</v>
      </c>
      <c r="B97" s="22">
        <v>20</v>
      </c>
      <c r="C97" s="14">
        <v>21</v>
      </c>
      <c r="D97" s="18">
        <v>41</v>
      </c>
    </row>
    <row r="98" spans="1:4" ht="18" customHeight="1" x14ac:dyDescent="0.15">
      <c r="A98" s="5">
        <v>76</v>
      </c>
      <c r="B98" s="22">
        <v>9</v>
      </c>
      <c r="C98" s="14">
        <v>29</v>
      </c>
      <c r="D98" s="18">
        <v>38</v>
      </c>
    </row>
    <row r="99" spans="1:4" ht="18" customHeight="1" x14ac:dyDescent="0.15">
      <c r="A99" s="5">
        <v>77</v>
      </c>
      <c r="B99" s="22">
        <v>27</v>
      </c>
      <c r="C99" s="14">
        <v>37</v>
      </c>
      <c r="D99" s="18">
        <v>64</v>
      </c>
    </row>
    <row r="100" spans="1:4" ht="18" customHeight="1" x14ac:dyDescent="0.15">
      <c r="A100" s="5">
        <v>78</v>
      </c>
      <c r="B100" s="22">
        <v>24</v>
      </c>
      <c r="C100" s="14">
        <v>26</v>
      </c>
      <c r="D100" s="18">
        <v>50</v>
      </c>
    </row>
    <row r="101" spans="1:4" ht="18" customHeight="1" x14ac:dyDescent="0.15">
      <c r="A101" s="5">
        <v>79</v>
      </c>
      <c r="B101" s="22">
        <v>15</v>
      </c>
      <c r="C101" s="14">
        <v>29</v>
      </c>
      <c r="D101" s="18">
        <v>44</v>
      </c>
    </row>
    <row r="102" spans="1:4" ht="18" customHeight="1" x14ac:dyDescent="0.15">
      <c r="A102" s="5" t="s">
        <v>0</v>
      </c>
      <c r="B102" s="22">
        <v>95</v>
      </c>
      <c r="C102" s="14">
        <v>142</v>
      </c>
      <c r="D102" s="18">
        <v>237</v>
      </c>
    </row>
    <row r="103" spans="1:4" ht="18" customHeight="1" x14ac:dyDescent="0.15">
      <c r="A103" s="5">
        <v>80</v>
      </c>
      <c r="B103" s="22">
        <v>17</v>
      </c>
      <c r="C103" s="14">
        <v>15</v>
      </c>
      <c r="D103" s="18">
        <v>32</v>
      </c>
    </row>
    <row r="104" spans="1:4" ht="18" customHeight="1" x14ac:dyDescent="0.15">
      <c r="A104" s="5">
        <v>81</v>
      </c>
      <c r="B104" s="22">
        <v>12</v>
      </c>
      <c r="C104" s="14">
        <v>20</v>
      </c>
      <c r="D104" s="18">
        <v>32</v>
      </c>
    </row>
    <row r="105" spans="1:4" ht="18" customHeight="1" x14ac:dyDescent="0.15">
      <c r="A105" s="5">
        <v>82</v>
      </c>
      <c r="B105" s="22">
        <v>13</v>
      </c>
      <c r="C105" s="14">
        <v>17</v>
      </c>
      <c r="D105" s="18">
        <v>30</v>
      </c>
    </row>
    <row r="106" spans="1:4" ht="18" customHeight="1" x14ac:dyDescent="0.15">
      <c r="A106" s="5">
        <v>83</v>
      </c>
      <c r="B106" s="22">
        <v>8</v>
      </c>
      <c r="C106" s="14">
        <v>20</v>
      </c>
      <c r="D106" s="18">
        <v>28</v>
      </c>
    </row>
    <row r="107" spans="1:4" ht="18" customHeight="1" x14ac:dyDescent="0.15">
      <c r="A107" s="5">
        <v>84</v>
      </c>
      <c r="B107" s="22">
        <v>14</v>
      </c>
      <c r="C107" s="14">
        <v>18</v>
      </c>
      <c r="D107" s="18">
        <v>32</v>
      </c>
    </row>
    <row r="108" spans="1:4" ht="18" customHeight="1" x14ac:dyDescent="0.15">
      <c r="A108" s="5" t="s">
        <v>35</v>
      </c>
      <c r="B108" s="22">
        <v>64</v>
      </c>
      <c r="C108" s="14">
        <v>90</v>
      </c>
      <c r="D108" s="18">
        <v>154</v>
      </c>
    </row>
    <row r="109" spans="1:4" ht="18" customHeight="1" x14ac:dyDescent="0.15">
      <c r="A109" s="5">
        <v>85</v>
      </c>
      <c r="B109" s="22">
        <v>7</v>
      </c>
      <c r="C109" s="14">
        <v>8</v>
      </c>
      <c r="D109" s="18">
        <v>15</v>
      </c>
    </row>
    <row r="110" spans="1:4" ht="18" customHeight="1" x14ac:dyDescent="0.15">
      <c r="A110" s="5">
        <v>86</v>
      </c>
      <c r="B110" s="22">
        <v>4</v>
      </c>
      <c r="C110" s="14">
        <v>13</v>
      </c>
      <c r="D110" s="18">
        <v>17</v>
      </c>
    </row>
    <row r="111" spans="1:4" ht="18" customHeight="1" x14ac:dyDescent="0.15">
      <c r="A111" s="5">
        <v>87</v>
      </c>
      <c r="B111" s="22">
        <v>8</v>
      </c>
      <c r="C111" s="14">
        <v>10</v>
      </c>
      <c r="D111" s="18">
        <v>18</v>
      </c>
    </row>
    <row r="112" spans="1:4" ht="18" customHeight="1" x14ac:dyDescent="0.15">
      <c r="A112" s="5">
        <v>88</v>
      </c>
      <c r="B112" s="22">
        <v>8</v>
      </c>
      <c r="C112" s="14">
        <v>12</v>
      </c>
      <c r="D112" s="18">
        <v>20</v>
      </c>
    </row>
    <row r="113" spans="1:4" ht="18" customHeight="1" x14ac:dyDescent="0.15">
      <c r="A113" s="5">
        <v>89</v>
      </c>
      <c r="B113" s="22">
        <v>7</v>
      </c>
      <c r="C113" s="14">
        <v>13</v>
      </c>
      <c r="D113" s="18">
        <v>20</v>
      </c>
    </row>
    <row r="114" spans="1:4" ht="18" customHeight="1" x14ac:dyDescent="0.15">
      <c r="A114" s="5" t="s">
        <v>37</v>
      </c>
      <c r="B114" s="22">
        <v>34</v>
      </c>
      <c r="C114" s="14">
        <v>56</v>
      </c>
      <c r="D114" s="18">
        <v>90</v>
      </c>
    </row>
    <row r="115" spans="1:4" ht="18" customHeight="1" x14ac:dyDescent="0.15">
      <c r="A115" s="5">
        <v>90</v>
      </c>
      <c r="B115" s="22">
        <v>4</v>
      </c>
      <c r="C115" s="14">
        <v>11</v>
      </c>
      <c r="D115" s="18">
        <v>15</v>
      </c>
    </row>
    <row r="116" spans="1:4" ht="18" customHeight="1" x14ac:dyDescent="0.15">
      <c r="A116" s="5">
        <v>91</v>
      </c>
      <c r="B116" s="22">
        <v>1</v>
      </c>
      <c r="C116" s="14">
        <v>7</v>
      </c>
      <c r="D116" s="18">
        <v>8</v>
      </c>
    </row>
    <row r="117" spans="1:4" ht="18" customHeight="1" x14ac:dyDescent="0.15">
      <c r="A117" s="5">
        <v>92</v>
      </c>
      <c r="B117" s="22">
        <v>3</v>
      </c>
      <c r="C117" s="14">
        <v>8</v>
      </c>
      <c r="D117" s="18">
        <v>11</v>
      </c>
    </row>
    <row r="118" spans="1:4" ht="18" customHeight="1" x14ac:dyDescent="0.15">
      <c r="A118" s="5">
        <v>93</v>
      </c>
      <c r="B118" s="22">
        <v>2</v>
      </c>
      <c r="C118" s="14">
        <v>10</v>
      </c>
      <c r="D118" s="18">
        <v>12</v>
      </c>
    </row>
    <row r="119" spans="1:4" ht="18" customHeight="1" x14ac:dyDescent="0.15">
      <c r="A119" s="5">
        <v>94</v>
      </c>
      <c r="B119" s="22">
        <v>3</v>
      </c>
      <c r="C119" s="14">
        <v>5</v>
      </c>
      <c r="D119" s="18">
        <v>8</v>
      </c>
    </row>
    <row r="120" spans="1:4" ht="18" customHeight="1" x14ac:dyDescent="0.15">
      <c r="A120" s="5" t="s">
        <v>39</v>
      </c>
      <c r="B120" s="22">
        <v>13</v>
      </c>
      <c r="C120" s="14">
        <v>41</v>
      </c>
      <c r="D120" s="18">
        <v>54</v>
      </c>
    </row>
    <row r="121" spans="1:4" ht="18" customHeight="1" x14ac:dyDescent="0.15">
      <c r="A121" s="5">
        <v>95</v>
      </c>
      <c r="B121" s="22">
        <v>3</v>
      </c>
      <c r="C121" s="14">
        <v>4</v>
      </c>
      <c r="D121" s="18">
        <v>7</v>
      </c>
    </row>
    <row r="122" spans="1:4" ht="18" customHeight="1" x14ac:dyDescent="0.15">
      <c r="A122" s="5">
        <v>96</v>
      </c>
      <c r="B122" s="22">
        <v>0</v>
      </c>
      <c r="C122" s="14">
        <v>6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4</v>
      </c>
      <c r="D123" s="18">
        <v>4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3</v>
      </c>
      <c r="C126" s="14">
        <v>15</v>
      </c>
      <c r="D126" s="18">
        <v>18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347</v>
      </c>
      <c r="C130" s="14">
        <v>524</v>
      </c>
      <c r="D130" s="18">
        <v>871</v>
      </c>
    </row>
    <row r="131" spans="1:4" ht="18" customHeight="1" x14ac:dyDescent="0.15">
      <c r="A131" s="7" t="s">
        <v>45</v>
      </c>
      <c r="B131" s="23">
        <v>1019</v>
      </c>
      <c r="C131" s="15">
        <v>1099</v>
      </c>
      <c r="D131" s="19">
        <v>211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300-000000000000}">
  <sheetPr codeName="Sheet4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</v>
      </c>
      <c r="C5" s="13">
        <v>2</v>
      </c>
      <c r="D5" s="17">
        <v>5</v>
      </c>
    </row>
    <row r="6" spans="1:4" ht="18" customHeight="1" x14ac:dyDescent="0.15">
      <c r="A6" s="5">
        <v>1</v>
      </c>
      <c r="B6" s="22">
        <v>7</v>
      </c>
      <c r="C6" s="14">
        <v>4</v>
      </c>
      <c r="D6" s="18">
        <v>11</v>
      </c>
    </row>
    <row r="7" spans="1:4" ht="18" customHeight="1" x14ac:dyDescent="0.15">
      <c r="A7" s="5">
        <v>2</v>
      </c>
      <c r="B7" s="22">
        <v>3</v>
      </c>
      <c r="C7" s="14">
        <v>1</v>
      </c>
      <c r="D7" s="18">
        <v>4</v>
      </c>
    </row>
    <row r="8" spans="1:4" ht="18" customHeight="1" x14ac:dyDescent="0.15">
      <c r="A8" s="5">
        <v>3</v>
      </c>
      <c r="B8" s="22">
        <v>10</v>
      </c>
      <c r="C8" s="14">
        <v>10</v>
      </c>
      <c r="D8" s="18">
        <v>20</v>
      </c>
    </row>
    <row r="9" spans="1:4" ht="18" customHeight="1" x14ac:dyDescent="0.15">
      <c r="A9" s="5">
        <v>4</v>
      </c>
      <c r="B9" s="22">
        <v>5</v>
      </c>
      <c r="C9" s="14">
        <v>7</v>
      </c>
      <c r="D9" s="18">
        <v>12</v>
      </c>
    </row>
    <row r="10" spans="1:4" ht="18" customHeight="1" x14ac:dyDescent="0.15">
      <c r="A10" s="5" t="s">
        <v>7</v>
      </c>
      <c r="B10" s="22">
        <v>28</v>
      </c>
      <c r="C10" s="14">
        <v>24</v>
      </c>
      <c r="D10" s="18">
        <v>52</v>
      </c>
    </row>
    <row r="11" spans="1:4" ht="18" customHeight="1" x14ac:dyDescent="0.15">
      <c r="A11" s="5">
        <v>5</v>
      </c>
      <c r="B11" s="22">
        <v>6</v>
      </c>
      <c r="C11" s="14">
        <v>7</v>
      </c>
      <c r="D11" s="18">
        <v>13</v>
      </c>
    </row>
    <row r="12" spans="1:4" ht="18" customHeight="1" x14ac:dyDescent="0.15">
      <c r="A12" s="5">
        <v>6</v>
      </c>
      <c r="B12" s="22">
        <v>4</v>
      </c>
      <c r="C12" s="14">
        <v>11</v>
      </c>
      <c r="D12" s="18">
        <v>15</v>
      </c>
    </row>
    <row r="13" spans="1:4" ht="18" customHeight="1" x14ac:dyDescent="0.15">
      <c r="A13" s="5">
        <v>7</v>
      </c>
      <c r="B13" s="22">
        <v>5</v>
      </c>
      <c r="C13" s="14">
        <v>7</v>
      </c>
      <c r="D13" s="18">
        <v>12</v>
      </c>
    </row>
    <row r="14" spans="1:4" ht="18" customHeight="1" x14ac:dyDescent="0.15">
      <c r="A14" s="5">
        <v>8</v>
      </c>
      <c r="B14" s="22">
        <v>12</v>
      </c>
      <c r="C14" s="14">
        <v>6</v>
      </c>
      <c r="D14" s="18">
        <v>18</v>
      </c>
    </row>
    <row r="15" spans="1:4" ht="18" customHeight="1" x14ac:dyDescent="0.15">
      <c r="A15" s="5">
        <v>9</v>
      </c>
      <c r="B15" s="22">
        <v>8</v>
      </c>
      <c r="C15" s="14">
        <v>7</v>
      </c>
      <c r="D15" s="18">
        <v>15</v>
      </c>
    </row>
    <row r="16" spans="1:4" ht="18" customHeight="1" x14ac:dyDescent="0.15">
      <c r="A16" s="5" t="s">
        <v>11</v>
      </c>
      <c r="B16" s="22">
        <v>35</v>
      </c>
      <c r="C16" s="14">
        <v>38</v>
      </c>
      <c r="D16" s="18">
        <v>73</v>
      </c>
    </row>
    <row r="17" spans="1:4" ht="18" customHeight="1" x14ac:dyDescent="0.15">
      <c r="A17" s="5">
        <v>10</v>
      </c>
      <c r="B17" s="22">
        <v>9</v>
      </c>
      <c r="C17" s="14">
        <v>10</v>
      </c>
      <c r="D17" s="18">
        <v>19</v>
      </c>
    </row>
    <row r="18" spans="1:4" ht="18" customHeight="1" x14ac:dyDescent="0.15">
      <c r="A18" s="5">
        <v>11</v>
      </c>
      <c r="B18" s="22">
        <v>14</v>
      </c>
      <c r="C18" s="14">
        <v>7</v>
      </c>
      <c r="D18" s="18">
        <v>21</v>
      </c>
    </row>
    <row r="19" spans="1:4" ht="18" customHeight="1" x14ac:dyDescent="0.15">
      <c r="A19" s="5">
        <v>12</v>
      </c>
      <c r="B19" s="22">
        <v>8</v>
      </c>
      <c r="C19" s="14">
        <v>10</v>
      </c>
      <c r="D19" s="18">
        <v>18</v>
      </c>
    </row>
    <row r="20" spans="1:4" ht="18" customHeight="1" x14ac:dyDescent="0.15">
      <c r="A20" s="5">
        <v>13</v>
      </c>
      <c r="B20" s="22">
        <v>11</v>
      </c>
      <c r="C20" s="14">
        <v>14</v>
      </c>
      <c r="D20" s="18">
        <v>25</v>
      </c>
    </row>
    <row r="21" spans="1:4" ht="18" customHeight="1" x14ac:dyDescent="0.15">
      <c r="A21" s="5">
        <v>14</v>
      </c>
      <c r="B21" s="22">
        <v>9</v>
      </c>
      <c r="C21" s="14">
        <v>8</v>
      </c>
      <c r="D21" s="18">
        <v>17</v>
      </c>
    </row>
    <row r="22" spans="1:4" ht="18" customHeight="1" x14ac:dyDescent="0.15">
      <c r="A22" s="5" t="s">
        <v>12</v>
      </c>
      <c r="B22" s="22">
        <v>51</v>
      </c>
      <c r="C22" s="14">
        <v>49</v>
      </c>
      <c r="D22" s="18">
        <v>100</v>
      </c>
    </row>
    <row r="23" spans="1:4" ht="18" customHeight="1" x14ac:dyDescent="0.15">
      <c r="A23" s="5" t="s">
        <v>6</v>
      </c>
      <c r="B23" s="22">
        <v>114</v>
      </c>
      <c r="C23" s="14">
        <v>111</v>
      </c>
      <c r="D23" s="18">
        <v>225</v>
      </c>
    </row>
    <row r="24" spans="1:4" ht="18" customHeight="1" x14ac:dyDescent="0.15">
      <c r="A24" s="5">
        <v>15</v>
      </c>
      <c r="B24" s="22">
        <v>9</v>
      </c>
      <c r="C24" s="14">
        <v>15</v>
      </c>
      <c r="D24" s="18">
        <v>24</v>
      </c>
    </row>
    <row r="25" spans="1:4" ht="18" customHeight="1" x14ac:dyDescent="0.15">
      <c r="A25" s="5">
        <v>16</v>
      </c>
      <c r="B25" s="22">
        <v>12</v>
      </c>
      <c r="C25" s="14">
        <v>9</v>
      </c>
      <c r="D25" s="18">
        <v>21</v>
      </c>
    </row>
    <row r="26" spans="1:4" ht="18" customHeight="1" x14ac:dyDescent="0.15">
      <c r="A26" s="5">
        <v>17</v>
      </c>
      <c r="B26" s="22">
        <v>10</v>
      </c>
      <c r="C26" s="14">
        <v>12</v>
      </c>
      <c r="D26" s="18">
        <v>22</v>
      </c>
    </row>
    <row r="27" spans="1:4" ht="18" customHeight="1" x14ac:dyDescent="0.15">
      <c r="A27" s="5">
        <v>18</v>
      </c>
      <c r="B27" s="22">
        <v>5</v>
      </c>
      <c r="C27" s="14">
        <v>16</v>
      </c>
      <c r="D27" s="18">
        <v>21</v>
      </c>
    </row>
    <row r="28" spans="1:4" ht="18" customHeight="1" x14ac:dyDescent="0.15">
      <c r="A28" s="5">
        <v>19</v>
      </c>
      <c r="B28" s="22">
        <v>14</v>
      </c>
      <c r="C28" s="14">
        <v>9</v>
      </c>
      <c r="D28" s="18">
        <v>23</v>
      </c>
    </row>
    <row r="29" spans="1:4" ht="18" customHeight="1" x14ac:dyDescent="0.15">
      <c r="A29" s="5" t="s">
        <v>14</v>
      </c>
      <c r="B29" s="22">
        <v>50</v>
      </c>
      <c r="C29" s="14">
        <v>61</v>
      </c>
      <c r="D29" s="18">
        <v>111</v>
      </c>
    </row>
    <row r="30" spans="1:4" ht="18" customHeight="1" x14ac:dyDescent="0.15">
      <c r="A30" s="5">
        <v>20</v>
      </c>
      <c r="B30" s="22">
        <v>8</v>
      </c>
      <c r="C30" s="14">
        <v>18</v>
      </c>
      <c r="D30" s="18">
        <v>26</v>
      </c>
    </row>
    <row r="31" spans="1:4" ht="18" customHeight="1" x14ac:dyDescent="0.15">
      <c r="A31" s="5">
        <v>21</v>
      </c>
      <c r="B31" s="22">
        <v>14</v>
      </c>
      <c r="C31" s="14">
        <v>10</v>
      </c>
      <c r="D31" s="18">
        <v>24</v>
      </c>
    </row>
    <row r="32" spans="1:4" ht="18" customHeight="1" x14ac:dyDescent="0.15">
      <c r="A32" s="5">
        <v>22</v>
      </c>
      <c r="B32" s="22">
        <v>10</v>
      </c>
      <c r="C32" s="14">
        <v>3</v>
      </c>
      <c r="D32" s="18">
        <v>13</v>
      </c>
    </row>
    <row r="33" spans="1:4" ht="18" customHeight="1" x14ac:dyDescent="0.15">
      <c r="A33" s="5">
        <v>23</v>
      </c>
      <c r="B33" s="22">
        <v>17</v>
      </c>
      <c r="C33" s="14">
        <v>13</v>
      </c>
      <c r="D33" s="18">
        <v>30</v>
      </c>
    </row>
    <row r="34" spans="1:4" ht="18" customHeight="1" x14ac:dyDescent="0.15">
      <c r="A34" s="5">
        <v>24</v>
      </c>
      <c r="B34" s="22">
        <v>8</v>
      </c>
      <c r="C34" s="14">
        <v>8</v>
      </c>
      <c r="D34" s="18">
        <v>16</v>
      </c>
    </row>
    <row r="35" spans="1:4" ht="18" customHeight="1" x14ac:dyDescent="0.15">
      <c r="A35" s="5" t="s">
        <v>9</v>
      </c>
      <c r="B35" s="22">
        <v>57</v>
      </c>
      <c r="C35" s="14">
        <v>52</v>
      </c>
      <c r="D35" s="18">
        <v>109</v>
      </c>
    </row>
    <row r="36" spans="1:4" ht="18" customHeight="1" x14ac:dyDescent="0.15">
      <c r="A36" s="5">
        <v>25</v>
      </c>
      <c r="B36" s="22">
        <v>7</v>
      </c>
      <c r="C36" s="14">
        <v>10</v>
      </c>
      <c r="D36" s="18">
        <v>17</v>
      </c>
    </row>
    <row r="37" spans="1:4" ht="18" customHeight="1" x14ac:dyDescent="0.15">
      <c r="A37" s="5">
        <v>26</v>
      </c>
      <c r="B37" s="22">
        <v>17</v>
      </c>
      <c r="C37" s="14">
        <v>7</v>
      </c>
      <c r="D37" s="18">
        <v>24</v>
      </c>
    </row>
    <row r="38" spans="1:4" ht="18" customHeight="1" x14ac:dyDescent="0.15">
      <c r="A38" s="5">
        <v>27</v>
      </c>
      <c r="B38" s="22">
        <v>10</v>
      </c>
      <c r="C38" s="14">
        <v>3</v>
      </c>
      <c r="D38" s="18">
        <v>13</v>
      </c>
    </row>
    <row r="39" spans="1:4" ht="18" customHeight="1" x14ac:dyDescent="0.15">
      <c r="A39" s="5">
        <v>28</v>
      </c>
      <c r="B39" s="22">
        <v>11</v>
      </c>
      <c r="C39" s="14">
        <v>6</v>
      </c>
      <c r="D39" s="18">
        <v>17</v>
      </c>
    </row>
    <row r="40" spans="1:4" ht="18" customHeight="1" x14ac:dyDescent="0.15">
      <c r="A40" s="5">
        <v>29</v>
      </c>
      <c r="B40" s="22">
        <v>16</v>
      </c>
      <c r="C40" s="14">
        <v>9</v>
      </c>
      <c r="D40" s="18">
        <v>25</v>
      </c>
    </row>
    <row r="41" spans="1:4" ht="18" customHeight="1" x14ac:dyDescent="0.15">
      <c r="A41" s="5" t="s">
        <v>2</v>
      </c>
      <c r="B41" s="22">
        <v>61</v>
      </c>
      <c r="C41" s="14">
        <v>35</v>
      </c>
      <c r="D41" s="18">
        <v>96</v>
      </c>
    </row>
    <row r="42" spans="1:4" ht="18" customHeight="1" x14ac:dyDescent="0.15">
      <c r="A42" s="5">
        <v>30</v>
      </c>
      <c r="B42" s="22">
        <v>10</v>
      </c>
      <c r="C42" s="14">
        <v>10</v>
      </c>
      <c r="D42" s="18">
        <v>20</v>
      </c>
    </row>
    <row r="43" spans="1:4" ht="18" customHeight="1" x14ac:dyDescent="0.15">
      <c r="A43" s="5">
        <v>31</v>
      </c>
      <c r="B43" s="22">
        <v>11</v>
      </c>
      <c r="C43" s="14">
        <v>10</v>
      </c>
      <c r="D43" s="18">
        <v>21</v>
      </c>
    </row>
    <row r="44" spans="1:4" ht="18" customHeight="1" x14ac:dyDescent="0.15">
      <c r="A44" s="5">
        <v>32</v>
      </c>
      <c r="B44" s="22">
        <v>15</v>
      </c>
      <c r="C44" s="14">
        <v>5</v>
      </c>
      <c r="D44" s="18">
        <v>20</v>
      </c>
    </row>
    <row r="45" spans="1:4" ht="18" customHeight="1" x14ac:dyDescent="0.15">
      <c r="A45" s="5">
        <v>33</v>
      </c>
      <c r="B45" s="22">
        <v>13</v>
      </c>
      <c r="C45" s="14">
        <v>7</v>
      </c>
      <c r="D45" s="18">
        <v>20</v>
      </c>
    </row>
    <row r="46" spans="1:4" ht="18" customHeight="1" x14ac:dyDescent="0.15">
      <c r="A46" s="5">
        <v>34</v>
      </c>
      <c r="B46" s="22">
        <v>9</v>
      </c>
      <c r="C46" s="14">
        <v>11</v>
      </c>
      <c r="D46" s="18">
        <v>20</v>
      </c>
    </row>
    <row r="47" spans="1:4" ht="18" customHeight="1" x14ac:dyDescent="0.15">
      <c r="A47" s="5" t="s">
        <v>15</v>
      </c>
      <c r="B47" s="22">
        <v>58</v>
      </c>
      <c r="C47" s="14">
        <v>43</v>
      </c>
      <c r="D47" s="18">
        <v>101</v>
      </c>
    </row>
    <row r="48" spans="1:4" ht="18" customHeight="1" x14ac:dyDescent="0.15">
      <c r="A48" s="5">
        <v>35</v>
      </c>
      <c r="B48" s="22">
        <v>6</v>
      </c>
      <c r="C48" s="14">
        <v>10</v>
      </c>
      <c r="D48" s="18">
        <v>16</v>
      </c>
    </row>
    <row r="49" spans="1:4" ht="18" customHeight="1" x14ac:dyDescent="0.15">
      <c r="A49" s="5">
        <v>36</v>
      </c>
      <c r="B49" s="22">
        <v>11</v>
      </c>
      <c r="C49" s="14">
        <v>7</v>
      </c>
      <c r="D49" s="18">
        <v>18</v>
      </c>
    </row>
    <row r="50" spans="1:4" ht="18" customHeight="1" x14ac:dyDescent="0.15">
      <c r="A50" s="5">
        <v>37</v>
      </c>
      <c r="B50" s="22">
        <v>12</v>
      </c>
      <c r="C50" s="14">
        <v>13</v>
      </c>
      <c r="D50" s="18">
        <v>25</v>
      </c>
    </row>
    <row r="51" spans="1:4" ht="18" customHeight="1" x14ac:dyDescent="0.15">
      <c r="A51" s="5">
        <v>38</v>
      </c>
      <c r="B51" s="22">
        <v>10</v>
      </c>
      <c r="C51" s="14">
        <v>8</v>
      </c>
      <c r="D51" s="18">
        <v>18</v>
      </c>
    </row>
    <row r="52" spans="1:4" ht="18" customHeight="1" x14ac:dyDescent="0.15">
      <c r="A52" s="5">
        <v>39</v>
      </c>
      <c r="B52" s="22">
        <v>13</v>
      </c>
      <c r="C52" s="14">
        <v>12</v>
      </c>
      <c r="D52" s="18">
        <v>25</v>
      </c>
    </row>
    <row r="53" spans="1:4" ht="18" customHeight="1" x14ac:dyDescent="0.15">
      <c r="A53" s="5" t="s">
        <v>18</v>
      </c>
      <c r="B53" s="22">
        <v>52</v>
      </c>
      <c r="C53" s="14">
        <v>50</v>
      </c>
      <c r="D53" s="18">
        <v>102</v>
      </c>
    </row>
    <row r="54" spans="1:4" ht="18" customHeight="1" x14ac:dyDescent="0.15">
      <c r="A54" s="5">
        <v>40</v>
      </c>
      <c r="B54" s="22">
        <v>13</v>
      </c>
      <c r="C54" s="14">
        <v>9</v>
      </c>
      <c r="D54" s="18">
        <v>22</v>
      </c>
    </row>
    <row r="55" spans="1:4" ht="18" customHeight="1" x14ac:dyDescent="0.15">
      <c r="A55" s="5">
        <v>41</v>
      </c>
      <c r="B55" s="22">
        <v>17</v>
      </c>
      <c r="C55" s="14">
        <v>19</v>
      </c>
      <c r="D55" s="18">
        <v>36</v>
      </c>
    </row>
    <row r="56" spans="1:4" ht="18" customHeight="1" x14ac:dyDescent="0.15">
      <c r="A56" s="5">
        <v>42</v>
      </c>
      <c r="B56" s="22">
        <v>13</v>
      </c>
      <c r="C56" s="14">
        <v>11</v>
      </c>
      <c r="D56" s="18">
        <v>24</v>
      </c>
    </row>
    <row r="57" spans="1:4" ht="18" customHeight="1" x14ac:dyDescent="0.15">
      <c r="A57" s="5">
        <v>43</v>
      </c>
      <c r="B57" s="22">
        <v>21</v>
      </c>
      <c r="C57" s="14">
        <v>12</v>
      </c>
      <c r="D57" s="18">
        <v>33</v>
      </c>
    </row>
    <row r="58" spans="1:4" ht="18" customHeight="1" x14ac:dyDescent="0.15">
      <c r="A58" s="5">
        <v>44</v>
      </c>
      <c r="B58" s="22">
        <v>18</v>
      </c>
      <c r="C58" s="14">
        <v>13</v>
      </c>
      <c r="D58" s="18">
        <v>31</v>
      </c>
    </row>
    <row r="59" spans="1:4" ht="18" customHeight="1" x14ac:dyDescent="0.15">
      <c r="A59" s="5" t="s">
        <v>21</v>
      </c>
      <c r="B59" s="22">
        <v>82</v>
      </c>
      <c r="C59" s="14">
        <v>64</v>
      </c>
      <c r="D59" s="18">
        <v>146</v>
      </c>
    </row>
    <row r="60" spans="1:4" ht="18" customHeight="1" x14ac:dyDescent="0.15">
      <c r="A60" s="5">
        <v>45</v>
      </c>
      <c r="B60" s="22">
        <v>23</v>
      </c>
      <c r="C60" s="14">
        <v>12</v>
      </c>
      <c r="D60" s="18">
        <v>35</v>
      </c>
    </row>
    <row r="61" spans="1:4" ht="18" customHeight="1" x14ac:dyDescent="0.15">
      <c r="A61" s="5">
        <v>46</v>
      </c>
      <c r="B61" s="22">
        <v>12</v>
      </c>
      <c r="C61" s="14">
        <v>13</v>
      </c>
      <c r="D61" s="18">
        <v>25</v>
      </c>
    </row>
    <row r="62" spans="1:4" ht="18" customHeight="1" x14ac:dyDescent="0.15">
      <c r="A62" s="5">
        <v>47</v>
      </c>
      <c r="B62" s="22">
        <v>19</v>
      </c>
      <c r="C62" s="14">
        <v>21</v>
      </c>
      <c r="D62" s="18">
        <v>40</v>
      </c>
    </row>
    <row r="63" spans="1:4" ht="18" customHeight="1" x14ac:dyDescent="0.15">
      <c r="A63" s="5">
        <v>48</v>
      </c>
      <c r="B63" s="22">
        <v>21</v>
      </c>
      <c r="C63" s="14">
        <v>24</v>
      </c>
      <c r="D63" s="18">
        <v>45</v>
      </c>
    </row>
    <row r="64" spans="1:4" ht="18" customHeight="1" x14ac:dyDescent="0.15">
      <c r="A64" s="5">
        <v>49</v>
      </c>
      <c r="B64" s="22">
        <v>26</v>
      </c>
      <c r="C64" s="14">
        <v>10</v>
      </c>
      <c r="D64" s="18">
        <v>36</v>
      </c>
    </row>
    <row r="65" spans="1:4" ht="18" customHeight="1" x14ac:dyDescent="0.15">
      <c r="A65" s="5" t="s">
        <v>17</v>
      </c>
      <c r="B65" s="22">
        <v>101</v>
      </c>
      <c r="C65" s="14">
        <v>80</v>
      </c>
      <c r="D65" s="18">
        <v>181</v>
      </c>
    </row>
    <row r="66" spans="1:4" ht="18" customHeight="1" x14ac:dyDescent="0.15">
      <c r="A66" s="5">
        <v>50</v>
      </c>
      <c r="B66" s="22">
        <v>16</v>
      </c>
      <c r="C66" s="14">
        <v>20</v>
      </c>
      <c r="D66" s="18">
        <v>36</v>
      </c>
    </row>
    <row r="67" spans="1:4" ht="18" customHeight="1" x14ac:dyDescent="0.15">
      <c r="A67" s="5">
        <v>51</v>
      </c>
      <c r="B67" s="22">
        <v>23</v>
      </c>
      <c r="C67" s="14">
        <v>16</v>
      </c>
      <c r="D67" s="18">
        <v>39</v>
      </c>
    </row>
    <row r="68" spans="1:4" ht="18" customHeight="1" x14ac:dyDescent="0.15">
      <c r="A68" s="5">
        <v>52</v>
      </c>
      <c r="B68" s="22">
        <v>28</v>
      </c>
      <c r="C68" s="14">
        <v>16</v>
      </c>
      <c r="D68" s="18">
        <v>44</v>
      </c>
    </row>
    <row r="69" spans="1:4" ht="18" customHeight="1" x14ac:dyDescent="0.15">
      <c r="A69" s="5">
        <v>53</v>
      </c>
      <c r="B69" s="22">
        <v>24</v>
      </c>
      <c r="C69" s="14">
        <v>29</v>
      </c>
      <c r="D69" s="18">
        <v>53</v>
      </c>
    </row>
    <row r="70" spans="1:4" ht="18" customHeight="1" x14ac:dyDescent="0.15">
      <c r="A70" s="5">
        <v>54</v>
      </c>
      <c r="B70" s="22">
        <v>14</v>
      </c>
      <c r="C70" s="14">
        <v>29</v>
      </c>
      <c r="D70" s="18">
        <v>43</v>
      </c>
    </row>
    <row r="71" spans="1:4" ht="18" customHeight="1" x14ac:dyDescent="0.15">
      <c r="A71" s="5" t="s">
        <v>22</v>
      </c>
      <c r="B71" s="22">
        <v>105</v>
      </c>
      <c r="C71" s="14">
        <v>110</v>
      </c>
      <c r="D71" s="18">
        <v>215</v>
      </c>
    </row>
    <row r="72" spans="1:4" ht="18" customHeight="1" x14ac:dyDescent="0.15">
      <c r="A72" s="5">
        <v>55</v>
      </c>
      <c r="B72" s="22">
        <v>15</v>
      </c>
      <c r="C72" s="14">
        <v>14</v>
      </c>
      <c r="D72" s="18">
        <v>29</v>
      </c>
    </row>
    <row r="73" spans="1:4" ht="18" customHeight="1" x14ac:dyDescent="0.15">
      <c r="A73" s="5">
        <v>56</v>
      </c>
      <c r="B73" s="22">
        <v>24</v>
      </c>
      <c r="C73" s="14">
        <v>14</v>
      </c>
      <c r="D73" s="18">
        <v>38</v>
      </c>
    </row>
    <row r="74" spans="1:4" ht="18" customHeight="1" x14ac:dyDescent="0.15">
      <c r="A74" s="5">
        <v>57</v>
      </c>
      <c r="B74" s="22">
        <v>25</v>
      </c>
      <c r="C74" s="14">
        <v>14</v>
      </c>
      <c r="D74" s="18">
        <v>39</v>
      </c>
    </row>
    <row r="75" spans="1:4" ht="18" customHeight="1" x14ac:dyDescent="0.15">
      <c r="A75" s="5">
        <v>58</v>
      </c>
      <c r="B75" s="22">
        <v>20</v>
      </c>
      <c r="C75" s="14">
        <v>17</v>
      </c>
      <c r="D75" s="18">
        <v>37</v>
      </c>
    </row>
    <row r="76" spans="1:4" ht="18" customHeight="1" x14ac:dyDescent="0.15">
      <c r="A76" s="5">
        <v>59</v>
      </c>
      <c r="B76" s="22">
        <v>23</v>
      </c>
      <c r="C76" s="14">
        <v>15</v>
      </c>
      <c r="D76" s="18">
        <v>38</v>
      </c>
    </row>
    <row r="77" spans="1:4" ht="18" customHeight="1" x14ac:dyDescent="0.15">
      <c r="A77" s="5" t="s">
        <v>27</v>
      </c>
      <c r="B77" s="22">
        <v>107</v>
      </c>
      <c r="C77" s="14">
        <v>74</v>
      </c>
      <c r="D77" s="18">
        <v>181</v>
      </c>
    </row>
    <row r="78" spans="1:4" ht="18" customHeight="1" x14ac:dyDescent="0.15">
      <c r="A78" s="5">
        <v>60</v>
      </c>
      <c r="B78" s="22">
        <v>11</v>
      </c>
      <c r="C78" s="14">
        <v>16</v>
      </c>
      <c r="D78" s="18">
        <v>27</v>
      </c>
    </row>
    <row r="79" spans="1:4" ht="18" customHeight="1" x14ac:dyDescent="0.15">
      <c r="A79" s="5">
        <v>61</v>
      </c>
      <c r="B79" s="22">
        <v>23</v>
      </c>
      <c r="C79" s="14">
        <v>16</v>
      </c>
      <c r="D79" s="18">
        <v>39</v>
      </c>
    </row>
    <row r="80" spans="1:4" ht="18" customHeight="1" x14ac:dyDescent="0.15">
      <c r="A80" s="5">
        <v>62</v>
      </c>
      <c r="B80" s="22">
        <v>20</v>
      </c>
      <c r="C80" s="14">
        <v>29</v>
      </c>
      <c r="D80" s="18">
        <v>49</v>
      </c>
    </row>
    <row r="81" spans="1:4" ht="18" customHeight="1" x14ac:dyDescent="0.15">
      <c r="A81" s="5">
        <v>63</v>
      </c>
      <c r="B81" s="22">
        <v>14</v>
      </c>
      <c r="C81" s="14">
        <v>23</v>
      </c>
      <c r="D81" s="18">
        <v>37</v>
      </c>
    </row>
    <row r="82" spans="1:4" ht="18" customHeight="1" x14ac:dyDescent="0.15">
      <c r="A82" s="5">
        <v>64</v>
      </c>
      <c r="B82" s="22">
        <v>19</v>
      </c>
      <c r="C82" s="14">
        <v>17</v>
      </c>
      <c r="D82" s="18">
        <v>36</v>
      </c>
    </row>
    <row r="83" spans="1:4" ht="18" customHeight="1" x14ac:dyDescent="0.15">
      <c r="A83" s="5" t="s">
        <v>28</v>
      </c>
      <c r="B83" s="22">
        <v>87</v>
      </c>
      <c r="C83" s="14">
        <v>101</v>
      </c>
      <c r="D83" s="18">
        <v>188</v>
      </c>
    </row>
    <row r="84" spans="1:4" ht="18" customHeight="1" x14ac:dyDescent="0.15">
      <c r="A84" s="5" t="s">
        <v>31</v>
      </c>
      <c r="B84" s="22">
        <v>760</v>
      </c>
      <c r="C84" s="14">
        <v>670</v>
      </c>
      <c r="D84" s="18">
        <v>1430</v>
      </c>
    </row>
    <row r="85" spans="1:4" ht="18" customHeight="1" x14ac:dyDescent="0.15">
      <c r="A85" s="5">
        <v>65</v>
      </c>
      <c r="B85" s="22">
        <v>19</v>
      </c>
      <c r="C85" s="14">
        <v>23</v>
      </c>
      <c r="D85" s="18">
        <v>42</v>
      </c>
    </row>
    <row r="86" spans="1:4" ht="18" customHeight="1" x14ac:dyDescent="0.15">
      <c r="A86" s="5">
        <v>66</v>
      </c>
      <c r="B86" s="22">
        <v>17</v>
      </c>
      <c r="C86" s="14">
        <v>19</v>
      </c>
      <c r="D86" s="18">
        <v>36</v>
      </c>
    </row>
    <row r="87" spans="1:4" ht="18" customHeight="1" x14ac:dyDescent="0.15">
      <c r="A87" s="5">
        <v>67</v>
      </c>
      <c r="B87" s="22">
        <v>14</v>
      </c>
      <c r="C87" s="14">
        <v>19</v>
      </c>
      <c r="D87" s="18">
        <v>33</v>
      </c>
    </row>
    <row r="88" spans="1:4" ht="18" customHeight="1" x14ac:dyDescent="0.15">
      <c r="A88" s="5">
        <v>68</v>
      </c>
      <c r="B88" s="22">
        <v>17</v>
      </c>
      <c r="C88" s="14">
        <v>25</v>
      </c>
      <c r="D88" s="18">
        <v>42</v>
      </c>
    </row>
    <row r="89" spans="1:4" ht="18" customHeight="1" x14ac:dyDescent="0.15">
      <c r="A89" s="5">
        <v>69</v>
      </c>
      <c r="B89" s="22">
        <v>21</v>
      </c>
      <c r="C89" s="14">
        <v>21</v>
      </c>
      <c r="D89" s="18">
        <v>42</v>
      </c>
    </row>
    <row r="90" spans="1:4" ht="18" customHeight="1" x14ac:dyDescent="0.15">
      <c r="A90" s="5" t="s">
        <v>20</v>
      </c>
      <c r="B90" s="22">
        <v>88</v>
      </c>
      <c r="C90" s="14">
        <v>107</v>
      </c>
      <c r="D90" s="18">
        <v>195</v>
      </c>
    </row>
    <row r="91" spans="1:4" ht="18" customHeight="1" x14ac:dyDescent="0.15">
      <c r="A91" s="5">
        <v>70</v>
      </c>
      <c r="B91" s="22">
        <v>16</v>
      </c>
      <c r="C91" s="14">
        <v>28</v>
      </c>
      <c r="D91" s="18">
        <v>44</v>
      </c>
    </row>
    <row r="92" spans="1:4" ht="18" customHeight="1" x14ac:dyDescent="0.15">
      <c r="A92" s="5">
        <v>71</v>
      </c>
      <c r="B92" s="22">
        <v>22</v>
      </c>
      <c r="C92" s="14">
        <v>18</v>
      </c>
      <c r="D92" s="18">
        <v>40</v>
      </c>
    </row>
    <row r="93" spans="1:4" ht="18" customHeight="1" x14ac:dyDescent="0.15">
      <c r="A93" s="5">
        <v>72</v>
      </c>
      <c r="B93" s="22">
        <v>27</v>
      </c>
      <c r="C93" s="14">
        <v>25</v>
      </c>
      <c r="D93" s="18">
        <v>52</v>
      </c>
    </row>
    <row r="94" spans="1:4" ht="18" customHeight="1" x14ac:dyDescent="0.15">
      <c r="A94" s="5">
        <v>73</v>
      </c>
      <c r="B94" s="22">
        <v>23</v>
      </c>
      <c r="C94" s="14">
        <v>28</v>
      </c>
      <c r="D94" s="18">
        <v>51</v>
      </c>
    </row>
    <row r="95" spans="1:4" ht="18" customHeight="1" x14ac:dyDescent="0.15">
      <c r="A95" s="5">
        <v>74</v>
      </c>
      <c r="B95" s="22">
        <v>29</v>
      </c>
      <c r="C95" s="14">
        <v>24</v>
      </c>
      <c r="D95" s="18">
        <v>53</v>
      </c>
    </row>
    <row r="96" spans="1:4" ht="18" customHeight="1" x14ac:dyDescent="0.15">
      <c r="A96" s="5" t="s">
        <v>33</v>
      </c>
      <c r="B96" s="22">
        <v>117</v>
      </c>
      <c r="C96" s="14">
        <v>123</v>
      </c>
      <c r="D96" s="18">
        <v>240</v>
      </c>
    </row>
    <row r="97" spans="1:4" ht="18" customHeight="1" x14ac:dyDescent="0.15">
      <c r="A97" s="5">
        <v>75</v>
      </c>
      <c r="B97" s="22">
        <v>26</v>
      </c>
      <c r="C97" s="14">
        <v>17</v>
      </c>
      <c r="D97" s="18">
        <v>43</v>
      </c>
    </row>
    <row r="98" spans="1:4" ht="18" customHeight="1" x14ac:dyDescent="0.15">
      <c r="A98" s="5">
        <v>76</v>
      </c>
      <c r="B98" s="22">
        <v>19</v>
      </c>
      <c r="C98" s="14">
        <v>28</v>
      </c>
      <c r="D98" s="18">
        <v>47</v>
      </c>
    </row>
    <row r="99" spans="1:4" ht="18" customHeight="1" x14ac:dyDescent="0.15">
      <c r="A99" s="5">
        <v>77</v>
      </c>
      <c r="B99" s="22">
        <v>35</v>
      </c>
      <c r="C99" s="14">
        <v>31</v>
      </c>
      <c r="D99" s="18">
        <v>66</v>
      </c>
    </row>
    <row r="100" spans="1:4" ht="18" customHeight="1" x14ac:dyDescent="0.15">
      <c r="A100" s="5">
        <v>78</v>
      </c>
      <c r="B100" s="22">
        <v>36</v>
      </c>
      <c r="C100" s="14">
        <v>22</v>
      </c>
      <c r="D100" s="18">
        <v>58</v>
      </c>
    </row>
    <row r="101" spans="1:4" ht="18" customHeight="1" x14ac:dyDescent="0.15">
      <c r="A101" s="5">
        <v>79</v>
      </c>
      <c r="B101" s="22">
        <v>19</v>
      </c>
      <c r="C101" s="14">
        <v>26</v>
      </c>
      <c r="D101" s="18">
        <v>45</v>
      </c>
    </row>
    <row r="102" spans="1:4" ht="18" customHeight="1" x14ac:dyDescent="0.15">
      <c r="A102" s="5" t="s">
        <v>0</v>
      </c>
      <c r="B102" s="22">
        <v>135</v>
      </c>
      <c r="C102" s="14">
        <v>124</v>
      </c>
      <c r="D102" s="18">
        <v>259</v>
      </c>
    </row>
    <row r="103" spans="1:4" ht="18" customHeight="1" x14ac:dyDescent="0.15">
      <c r="A103" s="5">
        <v>80</v>
      </c>
      <c r="B103" s="22">
        <v>15</v>
      </c>
      <c r="C103" s="14">
        <v>14</v>
      </c>
      <c r="D103" s="18">
        <v>29</v>
      </c>
    </row>
    <row r="104" spans="1:4" ht="18" customHeight="1" x14ac:dyDescent="0.15">
      <c r="A104" s="5">
        <v>81</v>
      </c>
      <c r="B104" s="22">
        <v>15</v>
      </c>
      <c r="C104" s="14">
        <v>24</v>
      </c>
      <c r="D104" s="18">
        <v>39</v>
      </c>
    </row>
    <row r="105" spans="1:4" ht="18" customHeight="1" x14ac:dyDescent="0.15">
      <c r="A105" s="5">
        <v>82</v>
      </c>
      <c r="B105" s="22">
        <v>12</v>
      </c>
      <c r="C105" s="14">
        <v>22</v>
      </c>
      <c r="D105" s="18">
        <v>34</v>
      </c>
    </row>
    <row r="106" spans="1:4" ht="18" customHeight="1" x14ac:dyDescent="0.15">
      <c r="A106" s="5">
        <v>83</v>
      </c>
      <c r="B106" s="22">
        <v>9</v>
      </c>
      <c r="C106" s="14">
        <v>14</v>
      </c>
      <c r="D106" s="18">
        <v>23</v>
      </c>
    </row>
    <row r="107" spans="1:4" ht="18" customHeight="1" x14ac:dyDescent="0.15">
      <c r="A107" s="5">
        <v>84</v>
      </c>
      <c r="B107" s="22">
        <v>12</v>
      </c>
      <c r="C107" s="14">
        <v>20</v>
      </c>
      <c r="D107" s="18">
        <v>32</v>
      </c>
    </row>
    <row r="108" spans="1:4" ht="18" customHeight="1" x14ac:dyDescent="0.15">
      <c r="A108" s="5" t="s">
        <v>35</v>
      </c>
      <c r="B108" s="22">
        <v>63</v>
      </c>
      <c r="C108" s="14">
        <v>94</v>
      </c>
      <c r="D108" s="18">
        <v>157</v>
      </c>
    </row>
    <row r="109" spans="1:4" ht="18" customHeight="1" x14ac:dyDescent="0.15">
      <c r="A109" s="5">
        <v>85</v>
      </c>
      <c r="B109" s="22">
        <v>11</v>
      </c>
      <c r="C109" s="14">
        <v>10</v>
      </c>
      <c r="D109" s="18">
        <v>21</v>
      </c>
    </row>
    <row r="110" spans="1:4" ht="18" customHeight="1" x14ac:dyDescent="0.15">
      <c r="A110" s="5">
        <v>86</v>
      </c>
      <c r="B110" s="22">
        <v>6</v>
      </c>
      <c r="C110" s="14">
        <v>9</v>
      </c>
      <c r="D110" s="18">
        <v>15</v>
      </c>
    </row>
    <row r="111" spans="1:4" ht="18" customHeight="1" x14ac:dyDescent="0.15">
      <c r="A111" s="5">
        <v>87</v>
      </c>
      <c r="B111" s="22">
        <v>5</v>
      </c>
      <c r="C111" s="14">
        <v>16</v>
      </c>
      <c r="D111" s="18">
        <v>21</v>
      </c>
    </row>
    <row r="112" spans="1:4" ht="18" customHeight="1" x14ac:dyDescent="0.15">
      <c r="A112" s="5">
        <v>88</v>
      </c>
      <c r="B112" s="22">
        <v>2</v>
      </c>
      <c r="C112" s="14">
        <v>10</v>
      </c>
      <c r="D112" s="18">
        <v>12</v>
      </c>
    </row>
    <row r="113" spans="1:4" ht="18" customHeight="1" x14ac:dyDescent="0.15">
      <c r="A113" s="5">
        <v>89</v>
      </c>
      <c r="B113" s="22">
        <v>9</v>
      </c>
      <c r="C113" s="14">
        <v>8</v>
      </c>
      <c r="D113" s="18">
        <v>17</v>
      </c>
    </row>
    <row r="114" spans="1:4" ht="18" customHeight="1" x14ac:dyDescent="0.15">
      <c r="A114" s="5" t="s">
        <v>37</v>
      </c>
      <c r="B114" s="22">
        <v>33</v>
      </c>
      <c r="C114" s="14">
        <v>53</v>
      </c>
      <c r="D114" s="18">
        <v>86</v>
      </c>
    </row>
    <row r="115" spans="1:4" ht="18" customHeight="1" x14ac:dyDescent="0.15">
      <c r="A115" s="5">
        <v>90</v>
      </c>
      <c r="B115" s="22">
        <v>5</v>
      </c>
      <c r="C115" s="14">
        <v>9</v>
      </c>
      <c r="D115" s="18">
        <v>14</v>
      </c>
    </row>
    <row r="116" spans="1:4" ht="18" customHeight="1" x14ac:dyDescent="0.15">
      <c r="A116" s="5">
        <v>91</v>
      </c>
      <c r="B116" s="22">
        <v>3</v>
      </c>
      <c r="C116" s="14">
        <v>11</v>
      </c>
      <c r="D116" s="18">
        <v>14</v>
      </c>
    </row>
    <row r="117" spans="1:4" ht="18" customHeight="1" x14ac:dyDescent="0.15">
      <c r="A117" s="5">
        <v>92</v>
      </c>
      <c r="B117" s="22">
        <v>3</v>
      </c>
      <c r="C117" s="14">
        <v>3</v>
      </c>
      <c r="D117" s="18">
        <v>6</v>
      </c>
    </row>
    <row r="118" spans="1:4" ht="18" customHeight="1" x14ac:dyDescent="0.15">
      <c r="A118" s="5">
        <v>93</v>
      </c>
      <c r="B118" s="22">
        <v>2</v>
      </c>
      <c r="C118" s="14">
        <v>13</v>
      </c>
      <c r="D118" s="18">
        <v>15</v>
      </c>
    </row>
    <row r="119" spans="1:4" ht="18" customHeight="1" x14ac:dyDescent="0.15">
      <c r="A119" s="5">
        <v>94</v>
      </c>
      <c r="B119" s="22">
        <v>0</v>
      </c>
      <c r="C119" s="14">
        <v>8</v>
      </c>
      <c r="D119" s="18">
        <v>8</v>
      </c>
    </row>
    <row r="120" spans="1:4" ht="18" customHeight="1" x14ac:dyDescent="0.15">
      <c r="A120" s="5" t="s">
        <v>39</v>
      </c>
      <c r="B120" s="22">
        <v>13</v>
      </c>
      <c r="C120" s="14">
        <v>44</v>
      </c>
      <c r="D120" s="18">
        <v>57</v>
      </c>
    </row>
    <row r="121" spans="1:4" ht="18" customHeight="1" x14ac:dyDescent="0.15">
      <c r="A121" s="5">
        <v>95</v>
      </c>
      <c r="B121" s="22">
        <v>1</v>
      </c>
      <c r="C121" s="14">
        <v>3</v>
      </c>
      <c r="D121" s="18">
        <v>4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2</v>
      </c>
      <c r="C126" s="14">
        <v>10</v>
      </c>
      <c r="D126" s="18">
        <v>12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451</v>
      </c>
      <c r="C130" s="14">
        <v>557</v>
      </c>
      <c r="D130" s="18">
        <v>1008</v>
      </c>
    </row>
    <row r="131" spans="1:4" ht="18" customHeight="1" x14ac:dyDescent="0.15">
      <c r="A131" s="7" t="s">
        <v>45</v>
      </c>
      <c r="B131" s="23">
        <v>1325</v>
      </c>
      <c r="C131" s="15">
        <v>1338</v>
      </c>
      <c r="D131" s="19">
        <v>266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400-000000000000}">
  <sheetPr codeName="Sheet4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0</v>
      </c>
      <c r="C5" s="13">
        <v>7</v>
      </c>
      <c r="D5" s="17">
        <v>17</v>
      </c>
    </row>
    <row r="6" spans="1:4" ht="18" customHeight="1" x14ac:dyDescent="0.15">
      <c r="A6" s="5">
        <v>1</v>
      </c>
      <c r="B6" s="22">
        <v>9</v>
      </c>
      <c r="C6" s="14">
        <v>5</v>
      </c>
      <c r="D6" s="18">
        <v>14</v>
      </c>
    </row>
    <row r="7" spans="1:4" ht="18" customHeight="1" x14ac:dyDescent="0.15">
      <c r="A7" s="5">
        <v>2</v>
      </c>
      <c r="B7" s="22">
        <v>12</v>
      </c>
      <c r="C7" s="14">
        <v>13</v>
      </c>
      <c r="D7" s="18">
        <v>25</v>
      </c>
    </row>
    <row r="8" spans="1:4" ht="18" customHeight="1" x14ac:dyDescent="0.15">
      <c r="A8" s="5">
        <v>3</v>
      </c>
      <c r="B8" s="22">
        <v>5</v>
      </c>
      <c r="C8" s="14">
        <v>12</v>
      </c>
      <c r="D8" s="18">
        <v>17</v>
      </c>
    </row>
    <row r="9" spans="1:4" ht="18" customHeight="1" x14ac:dyDescent="0.15">
      <c r="A9" s="5">
        <v>4</v>
      </c>
      <c r="B9" s="22">
        <v>6</v>
      </c>
      <c r="C9" s="14">
        <v>12</v>
      </c>
      <c r="D9" s="18">
        <v>18</v>
      </c>
    </row>
    <row r="10" spans="1:4" ht="18" customHeight="1" x14ac:dyDescent="0.15">
      <c r="A10" s="5" t="s">
        <v>7</v>
      </c>
      <c r="B10" s="22">
        <v>42</v>
      </c>
      <c r="C10" s="14">
        <v>49</v>
      </c>
      <c r="D10" s="18">
        <v>91</v>
      </c>
    </row>
    <row r="11" spans="1:4" ht="18" customHeight="1" x14ac:dyDescent="0.15">
      <c r="A11" s="5">
        <v>5</v>
      </c>
      <c r="B11" s="22">
        <v>12</v>
      </c>
      <c r="C11" s="14">
        <v>10</v>
      </c>
      <c r="D11" s="18">
        <v>22</v>
      </c>
    </row>
    <row r="12" spans="1:4" ht="18" customHeight="1" x14ac:dyDescent="0.15">
      <c r="A12" s="5">
        <v>6</v>
      </c>
      <c r="B12" s="22">
        <v>11</v>
      </c>
      <c r="C12" s="14">
        <v>14</v>
      </c>
      <c r="D12" s="18">
        <v>25</v>
      </c>
    </row>
    <row r="13" spans="1:4" ht="18" customHeight="1" x14ac:dyDescent="0.15">
      <c r="A13" s="5">
        <v>7</v>
      </c>
      <c r="B13" s="22">
        <v>12</v>
      </c>
      <c r="C13" s="14">
        <v>16</v>
      </c>
      <c r="D13" s="18">
        <v>28</v>
      </c>
    </row>
    <row r="14" spans="1:4" ht="18" customHeight="1" x14ac:dyDescent="0.15">
      <c r="A14" s="5">
        <v>8</v>
      </c>
      <c r="B14" s="22">
        <v>10</v>
      </c>
      <c r="C14" s="14">
        <v>7</v>
      </c>
      <c r="D14" s="18">
        <v>17</v>
      </c>
    </row>
    <row r="15" spans="1:4" ht="18" customHeight="1" x14ac:dyDescent="0.15">
      <c r="A15" s="5">
        <v>9</v>
      </c>
      <c r="B15" s="22">
        <v>18</v>
      </c>
      <c r="C15" s="14">
        <v>10</v>
      </c>
      <c r="D15" s="18">
        <v>28</v>
      </c>
    </row>
    <row r="16" spans="1:4" ht="18" customHeight="1" x14ac:dyDescent="0.15">
      <c r="A16" s="5" t="s">
        <v>11</v>
      </c>
      <c r="B16" s="22">
        <v>63</v>
      </c>
      <c r="C16" s="14">
        <v>57</v>
      </c>
      <c r="D16" s="18">
        <v>120</v>
      </c>
    </row>
    <row r="17" spans="1:4" ht="18" customHeight="1" x14ac:dyDescent="0.15">
      <c r="A17" s="5">
        <v>10</v>
      </c>
      <c r="B17" s="22">
        <v>12</v>
      </c>
      <c r="C17" s="14">
        <v>2</v>
      </c>
      <c r="D17" s="18">
        <v>14</v>
      </c>
    </row>
    <row r="18" spans="1:4" ht="18" customHeight="1" x14ac:dyDescent="0.15">
      <c r="A18" s="5">
        <v>11</v>
      </c>
      <c r="B18" s="22">
        <v>17</v>
      </c>
      <c r="C18" s="14">
        <v>21</v>
      </c>
      <c r="D18" s="18">
        <v>38</v>
      </c>
    </row>
    <row r="19" spans="1:4" ht="18" customHeight="1" x14ac:dyDescent="0.15">
      <c r="A19" s="5">
        <v>12</v>
      </c>
      <c r="B19" s="22">
        <v>10</v>
      </c>
      <c r="C19" s="14">
        <v>19</v>
      </c>
      <c r="D19" s="18">
        <v>29</v>
      </c>
    </row>
    <row r="20" spans="1:4" ht="18" customHeight="1" x14ac:dyDescent="0.15">
      <c r="A20" s="5">
        <v>13</v>
      </c>
      <c r="B20" s="22">
        <v>14</v>
      </c>
      <c r="C20" s="14">
        <v>13</v>
      </c>
      <c r="D20" s="18">
        <v>27</v>
      </c>
    </row>
    <row r="21" spans="1:4" ht="18" customHeight="1" x14ac:dyDescent="0.15">
      <c r="A21" s="5">
        <v>14</v>
      </c>
      <c r="B21" s="22">
        <v>19</v>
      </c>
      <c r="C21" s="14">
        <v>14</v>
      </c>
      <c r="D21" s="18">
        <v>33</v>
      </c>
    </row>
    <row r="22" spans="1:4" ht="18" customHeight="1" x14ac:dyDescent="0.15">
      <c r="A22" s="5" t="s">
        <v>12</v>
      </c>
      <c r="B22" s="22">
        <v>72</v>
      </c>
      <c r="C22" s="14">
        <v>69</v>
      </c>
      <c r="D22" s="18">
        <v>141</v>
      </c>
    </row>
    <row r="23" spans="1:4" ht="18" customHeight="1" x14ac:dyDescent="0.15">
      <c r="A23" s="5" t="s">
        <v>6</v>
      </c>
      <c r="B23" s="22">
        <v>177</v>
      </c>
      <c r="C23" s="14">
        <v>175</v>
      </c>
      <c r="D23" s="18">
        <v>352</v>
      </c>
    </row>
    <row r="24" spans="1:4" ht="18" customHeight="1" x14ac:dyDescent="0.15">
      <c r="A24" s="5">
        <v>15</v>
      </c>
      <c r="B24" s="22">
        <v>15</v>
      </c>
      <c r="C24" s="14">
        <v>15</v>
      </c>
      <c r="D24" s="18">
        <v>30</v>
      </c>
    </row>
    <row r="25" spans="1:4" ht="18" customHeight="1" x14ac:dyDescent="0.15">
      <c r="A25" s="5">
        <v>16</v>
      </c>
      <c r="B25" s="22">
        <v>20</v>
      </c>
      <c r="C25" s="14">
        <v>13</v>
      </c>
      <c r="D25" s="18">
        <v>33</v>
      </c>
    </row>
    <row r="26" spans="1:4" ht="18" customHeight="1" x14ac:dyDescent="0.15">
      <c r="A26" s="5">
        <v>17</v>
      </c>
      <c r="B26" s="22">
        <v>23</v>
      </c>
      <c r="C26" s="14">
        <v>22</v>
      </c>
      <c r="D26" s="18">
        <v>45</v>
      </c>
    </row>
    <row r="27" spans="1:4" ht="18" customHeight="1" x14ac:dyDescent="0.15">
      <c r="A27" s="5">
        <v>18</v>
      </c>
      <c r="B27" s="22">
        <v>16</v>
      </c>
      <c r="C27" s="14">
        <v>17</v>
      </c>
      <c r="D27" s="18">
        <v>33</v>
      </c>
    </row>
    <row r="28" spans="1:4" ht="18" customHeight="1" x14ac:dyDescent="0.15">
      <c r="A28" s="5">
        <v>19</v>
      </c>
      <c r="B28" s="22">
        <v>9</v>
      </c>
      <c r="C28" s="14">
        <v>13</v>
      </c>
      <c r="D28" s="18">
        <v>22</v>
      </c>
    </row>
    <row r="29" spans="1:4" ht="18" customHeight="1" x14ac:dyDescent="0.15">
      <c r="A29" s="5" t="s">
        <v>14</v>
      </c>
      <c r="B29" s="22">
        <v>83</v>
      </c>
      <c r="C29" s="14">
        <v>80</v>
      </c>
      <c r="D29" s="18">
        <v>163</v>
      </c>
    </row>
    <row r="30" spans="1:4" ht="18" customHeight="1" x14ac:dyDescent="0.15">
      <c r="A30" s="5">
        <v>20</v>
      </c>
      <c r="B30" s="22">
        <v>12</v>
      </c>
      <c r="C30" s="14">
        <v>18</v>
      </c>
      <c r="D30" s="18">
        <v>30</v>
      </c>
    </row>
    <row r="31" spans="1:4" ht="18" customHeight="1" x14ac:dyDescent="0.15">
      <c r="A31" s="5">
        <v>21</v>
      </c>
      <c r="B31" s="22">
        <v>11</v>
      </c>
      <c r="C31" s="14">
        <v>7</v>
      </c>
      <c r="D31" s="18">
        <v>18</v>
      </c>
    </row>
    <row r="32" spans="1:4" ht="18" customHeight="1" x14ac:dyDescent="0.15">
      <c r="A32" s="5">
        <v>22</v>
      </c>
      <c r="B32" s="22">
        <v>14</v>
      </c>
      <c r="C32" s="14">
        <v>9</v>
      </c>
      <c r="D32" s="18">
        <v>23</v>
      </c>
    </row>
    <row r="33" spans="1:4" ht="18" customHeight="1" x14ac:dyDescent="0.15">
      <c r="A33" s="5">
        <v>23</v>
      </c>
      <c r="B33" s="22">
        <v>16</v>
      </c>
      <c r="C33" s="14">
        <v>10</v>
      </c>
      <c r="D33" s="18">
        <v>26</v>
      </c>
    </row>
    <row r="34" spans="1:4" ht="18" customHeight="1" x14ac:dyDescent="0.15">
      <c r="A34" s="5">
        <v>24</v>
      </c>
      <c r="B34" s="22">
        <v>17</v>
      </c>
      <c r="C34" s="14">
        <v>14</v>
      </c>
      <c r="D34" s="18">
        <v>31</v>
      </c>
    </row>
    <row r="35" spans="1:4" ht="18" customHeight="1" x14ac:dyDescent="0.15">
      <c r="A35" s="5" t="s">
        <v>9</v>
      </c>
      <c r="B35" s="22">
        <v>70</v>
      </c>
      <c r="C35" s="14">
        <v>58</v>
      </c>
      <c r="D35" s="18">
        <v>128</v>
      </c>
    </row>
    <row r="36" spans="1:4" ht="18" customHeight="1" x14ac:dyDescent="0.15">
      <c r="A36" s="5">
        <v>25</v>
      </c>
      <c r="B36" s="22">
        <v>9</v>
      </c>
      <c r="C36" s="14">
        <v>10</v>
      </c>
      <c r="D36" s="18">
        <v>19</v>
      </c>
    </row>
    <row r="37" spans="1:4" ht="18" customHeight="1" x14ac:dyDescent="0.15">
      <c r="A37" s="5">
        <v>26</v>
      </c>
      <c r="B37" s="22">
        <v>10</v>
      </c>
      <c r="C37" s="14">
        <v>8</v>
      </c>
      <c r="D37" s="18">
        <v>18</v>
      </c>
    </row>
    <row r="38" spans="1:4" ht="18" customHeight="1" x14ac:dyDescent="0.15">
      <c r="A38" s="5">
        <v>27</v>
      </c>
      <c r="B38" s="22">
        <v>11</v>
      </c>
      <c r="C38" s="14">
        <v>7</v>
      </c>
      <c r="D38" s="18">
        <v>18</v>
      </c>
    </row>
    <row r="39" spans="1:4" ht="18" customHeight="1" x14ac:dyDescent="0.15">
      <c r="A39" s="5">
        <v>28</v>
      </c>
      <c r="B39" s="22">
        <v>8</v>
      </c>
      <c r="C39" s="14">
        <v>10</v>
      </c>
      <c r="D39" s="18">
        <v>18</v>
      </c>
    </row>
    <row r="40" spans="1:4" ht="18" customHeight="1" x14ac:dyDescent="0.15">
      <c r="A40" s="5">
        <v>29</v>
      </c>
      <c r="B40" s="22">
        <v>9</v>
      </c>
      <c r="C40" s="14">
        <v>9</v>
      </c>
      <c r="D40" s="18">
        <v>18</v>
      </c>
    </row>
    <row r="41" spans="1:4" ht="18" customHeight="1" x14ac:dyDescent="0.15">
      <c r="A41" s="5" t="s">
        <v>2</v>
      </c>
      <c r="B41" s="22">
        <v>47</v>
      </c>
      <c r="C41" s="14">
        <v>44</v>
      </c>
      <c r="D41" s="18">
        <v>91</v>
      </c>
    </row>
    <row r="42" spans="1:4" ht="18" customHeight="1" x14ac:dyDescent="0.15">
      <c r="A42" s="5">
        <v>30</v>
      </c>
      <c r="B42" s="22">
        <v>12</v>
      </c>
      <c r="C42" s="14">
        <v>13</v>
      </c>
      <c r="D42" s="18">
        <v>25</v>
      </c>
    </row>
    <row r="43" spans="1:4" ht="18" customHeight="1" x14ac:dyDescent="0.15">
      <c r="A43" s="5">
        <v>31</v>
      </c>
      <c r="B43" s="22">
        <v>9</v>
      </c>
      <c r="C43" s="14">
        <v>7</v>
      </c>
      <c r="D43" s="18">
        <v>16</v>
      </c>
    </row>
    <row r="44" spans="1:4" ht="18" customHeight="1" x14ac:dyDescent="0.15">
      <c r="A44" s="5">
        <v>32</v>
      </c>
      <c r="B44" s="22">
        <v>13</v>
      </c>
      <c r="C44" s="14">
        <v>11</v>
      </c>
      <c r="D44" s="18">
        <v>24</v>
      </c>
    </row>
    <row r="45" spans="1:4" ht="18" customHeight="1" x14ac:dyDescent="0.15">
      <c r="A45" s="5">
        <v>33</v>
      </c>
      <c r="B45" s="22">
        <v>2</v>
      </c>
      <c r="C45" s="14">
        <v>15</v>
      </c>
      <c r="D45" s="18">
        <v>17</v>
      </c>
    </row>
    <row r="46" spans="1:4" ht="18" customHeight="1" x14ac:dyDescent="0.15">
      <c r="A46" s="5">
        <v>34</v>
      </c>
      <c r="B46" s="22">
        <v>17</v>
      </c>
      <c r="C46" s="14">
        <v>12</v>
      </c>
      <c r="D46" s="18">
        <v>29</v>
      </c>
    </row>
    <row r="47" spans="1:4" ht="18" customHeight="1" x14ac:dyDescent="0.15">
      <c r="A47" s="5" t="s">
        <v>15</v>
      </c>
      <c r="B47" s="22">
        <v>53</v>
      </c>
      <c r="C47" s="14">
        <v>58</v>
      </c>
      <c r="D47" s="18">
        <v>111</v>
      </c>
    </row>
    <row r="48" spans="1:4" ht="18" customHeight="1" x14ac:dyDescent="0.15">
      <c r="A48" s="5">
        <v>35</v>
      </c>
      <c r="B48" s="22">
        <v>14</v>
      </c>
      <c r="C48" s="14">
        <v>17</v>
      </c>
      <c r="D48" s="18">
        <v>31</v>
      </c>
    </row>
    <row r="49" spans="1:4" ht="18" customHeight="1" x14ac:dyDescent="0.15">
      <c r="A49" s="5">
        <v>36</v>
      </c>
      <c r="B49" s="22">
        <v>10</v>
      </c>
      <c r="C49" s="14">
        <v>13</v>
      </c>
      <c r="D49" s="18">
        <v>23</v>
      </c>
    </row>
    <row r="50" spans="1:4" ht="18" customHeight="1" x14ac:dyDescent="0.15">
      <c r="A50" s="5">
        <v>37</v>
      </c>
      <c r="B50" s="22">
        <v>12</v>
      </c>
      <c r="C50" s="14">
        <v>7</v>
      </c>
      <c r="D50" s="18">
        <v>19</v>
      </c>
    </row>
    <row r="51" spans="1:4" ht="18" customHeight="1" x14ac:dyDescent="0.15">
      <c r="A51" s="5">
        <v>38</v>
      </c>
      <c r="B51" s="22">
        <v>12</v>
      </c>
      <c r="C51" s="14">
        <v>10</v>
      </c>
      <c r="D51" s="18">
        <v>22</v>
      </c>
    </row>
    <row r="52" spans="1:4" ht="18" customHeight="1" x14ac:dyDescent="0.15">
      <c r="A52" s="5">
        <v>39</v>
      </c>
      <c r="B52" s="22">
        <v>11</v>
      </c>
      <c r="C52" s="14">
        <v>11</v>
      </c>
      <c r="D52" s="18">
        <v>22</v>
      </c>
    </row>
    <row r="53" spans="1:4" ht="18" customHeight="1" x14ac:dyDescent="0.15">
      <c r="A53" s="5" t="s">
        <v>18</v>
      </c>
      <c r="B53" s="22">
        <v>59</v>
      </c>
      <c r="C53" s="14">
        <v>58</v>
      </c>
      <c r="D53" s="18">
        <v>117</v>
      </c>
    </row>
    <row r="54" spans="1:4" ht="18" customHeight="1" x14ac:dyDescent="0.15">
      <c r="A54" s="5">
        <v>40</v>
      </c>
      <c r="B54" s="22">
        <v>16</v>
      </c>
      <c r="C54" s="14">
        <v>21</v>
      </c>
      <c r="D54" s="18">
        <v>37</v>
      </c>
    </row>
    <row r="55" spans="1:4" ht="18" customHeight="1" x14ac:dyDescent="0.15">
      <c r="A55" s="5">
        <v>41</v>
      </c>
      <c r="B55" s="22">
        <v>18</v>
      </c>
      <c r="C55" s="14">
        <v>12</v>
      </c>
      <c r="D55" s="18">
        <v>30</v>
      </c>
    </row>
    <row r="56" spans="1:4" ht="18" customHeight="1" x14ac:dyDescent="0.15">
      <c r="A56" s="5">
        <v>42</v>
      </c>
      <c r="B56" s="22">
        <v>15</v>
      </c>
      <c r="C56" s="14">
        <v>15</v>
      </c>
      <c r="D56" s="18">
        <v>30</v>
      </c>
    </row>
    <row r="57" spans="1:4" ht="18" customHeight="1" x14ac:dyDescent="0.15">
      <c r="A57" s="5">
        <v>43</v>
      </c>
      <c r="B57" s="22">
        <v>16</v>
      </c>
      <c r="C57" s="14">
        <v>13</v>
      </c>
      <c r="D57" s="18">
        <v>29</v>
      </c>
    </row>
    <row r="58" spans="1:4" ht="18" customHeight="1" x14ac:dyDescent="0.15">
      <c r="A58" s="5">
        <v>44</v>
      </c>
      <c r="B58" s="22">
        <v>15</v>
      </c>
      <c r="C58" s="14">
        <v>16</v>
      </c>
      <c r="D58" s="18">
        <v>31</v>
      </c>
    </row>
    <row r="59" spans="1:4" ht="18" customHeight="1" x14ac:dyDescent="0.15">
      <c r="A59" s="5" t="s">
        <v>21</v>
      </c>
      <c r="B59" s="22">
        <v>80</v>
      </c>
      <c r="C59" s="14">
        <v>77</v>
      </c>
      <c r="D59" s="18">
        <v>157</v>
      </c>
    </row>
    <row r="60" spans="1:4" ht="18" customHeight="1" x14ac:dyDescent="0.15">
      <c r="A60" s="5">
        <v>45</v>
      </c>
      <c r="B60" s="22">
        <v>18</v>
      </c>
      <c r="C60" s="14">
        <v>16</v>
      </c>
      <c r="D60" s="18">
        <v>34</v>
      </c>
    </row>
    <row r="61" spans="1:4" ht="18" customHeight="1" x14ac:dyDescent="0.15">
      <c r="A61" s="5">
        <v>46</v>
      </c>
      <c r="B61" s="22">
        <v>17</v>
      </c>
      <c r="C61" s="14">
        <v>20</v>
      </c>
      <c r="D61" s="18">
        <v>37</v>
      </c>
    </row>
    <row r="62" spans="1:4" ht="18" customHeight="1" x14ac:dyDescent="0.15">
      <c r="A62" s="5">
        <v>47</v>
      </c>
      <c r="B62" s="22">
        <v>21</v>
      </c>
      <c r="C62" s="14">
        <v>26</v>
      </c>
      <c r="D62" s="18">
        <v>47</v>
      </c>
    </row>
    <row r="63" spans="1:4" ht="18" customHeight="1" x14ac:dyDescent="0.15">
      <c r="A63" s="5">
        <v>48</v>
      </c>
      <c r="B63" s="22">
        <v>21</v>
      </c>
      <c r="C63" s="14">
        <v>31</v>
      </c>
      <c r="D63" s="18">
        <v>52</v>
      </c>
    </row>
    <row r="64" spans="1:4" ht="18" customHeight="1" x14ac:dyDescent="0.15">
      <c r="A64" s="5">
        <v>49</v>
      </c>
      <c r="B64" s="22">
        <v>26</v>
      </c>
      <c r="C64" s="14">
        <v>25</v>
      </c>
      <c r="D64" s="18">
        <v>51</v>
      </c>
    </row>
    <row r="65" spans="1:4" ht="18" customHeight="1" x14ac:dyDescent="0.15">
      <c r="A65" s="5" t="s">
        <v>17</v>
      </c>
      <c r="B65" s="22">
        <v>103</v>
      </c>
      <c r="C65" s="14">
        <v>118</v>
      </c>
      <c r="D65" s="18">
        <v>221</v>
      </c>
    </row>
    <row r="66" spans="1:4" ht="18" customHeight="1" x14ac:dyDescent="0.15">
      <c r="A66" s="5">
        <v>50</v>
      </c>
      <c r="B66" s="22">
        <v>28</v>
      </c>
      <c r="C66" s="14">
        <v>22</v>
      </c>
      <c r="D66" s="18">
        <v>50</v>
      </c>
    </row>
    <row r="67" spans="1:4" ht="18" customHeight="1" x14ac:dyDescent="0.15">
      <c r="A67" s="5">
        <v>51</v>
      </c>
      <c r="B67" s="22">
        <v>27</v>
      </c>
      <c r="C67" s="14">
        <v>21</v>
      </c>
      <c r="D67" s="18">
        <v>48</v>
      </c>
    </row>
    <row r="68" spans="1:4" ht="18" customHeight="1" x14ac:dyDescent="0.15">
      <c r="A68" s="5">
        <v>52</v>
      </c>
      <c r="B68" s="22">
        <v>32</v>
      </c>
      <c r="C68" s="14">
        <v>26</v>
      </c>
      <c r="D68" s="18">
        <v>58</v>
      </c>
    </row>
    <row r="69" spans="1:4" ht="18" customHeight="1" x14ac:dyDescent="0.15">
      <c r="A69" s="5">
        <v>53</v>
      </c>
      <c r="B69" s="22">
        <v>30</v>
      </c>
      <c r="C69" s="14">
        <v>23</v>
      </c>
      <c r="D69" s="18">
        <v>53</v>
      </c>
    </row>
    <row r="70" spans="1:4" ht="18" customHeight="1" x14ac:dyDescent="0.15">
      <c r="A70" s="5">
        <v>54</v>
      </c>
      <c r="B70" s="22">
        <v>40</v>
      </c>
      <c r="C70" s="14">
        <v>26</v>
      </c>
      <c r="D70" s="18">
        <v>66</v>
      </c>
    </row>
    <row r="71" spans="1:4" ht="18" customHeight="1" x14ac:dyDescent="0.15">
      <c r="A71" s="5" t="s">
        <v>22</v>
      </c>
      <c r="B71" s="22">
        <v>157</v>
      </c>
      <c r="C71" s="14">
        <v>118</v>
      </c>
      <c r="D71" s="18">
        <v>275</v>
      </c>
    </row>
    <row r="72" spans="1:4" ht="18" customHeight="1" x14ac:dyDescent="0.15">
      <c r="A72" s="5">
        <v>55</v>
      </c>
      <c r="B72" s="22">
        <v>34</v>
      </c>
      <c r="C72" s="14">
        <v>24</v>
      </c>
      <c r="D72" s="18">
        <v>58</v>
      </c>
    </row>
    <row r="73" spans="1:4" ht="18" customHeight="1" x14ac:dyDescent="0.15">
      <c r="A73" s="5">
        <v>56</v>
      </c>
      <c r="B73" s="22">
        <v>19</v>
      </c>
      <c r="C73" s="14">
        <v>27</v>
      </c>
      <c r="D73" s="18">
        <v>46</v>
      </c>
    </row>
    <row r="74" spans="1:4" ht="18" customHeight="1" x14ac:dyDescent="0.15">
      <c r="A74" s="5">
        <v>57</v>
      </c>
      <c r="B74" s="22">
        <v>32</v>
      </c>
      <c r="C74" s="14">
        <v>21</v>
      </c>
      <c r="D74" s="18">
        <v>53</v>
      </c>
    </row>
    <row r="75" spans="1:4" ht="18" customHeight="1" x14ac:dyDescent="0.15">
      <c r="A75" s="5">
        <v>58</v>
      </c>
      <c r="B75" s="22">
        <v>29</v>
      </c>
      <c r="C75" s="14">
        <v>24</v>
      </c>
      <c r="D75" s="18">
        <v>53</v>
      </c>
    </row>
    <row r="76" spans="1:4" ht="18" customHeight="1" x14ac:dyDescent="0.15">
      <c r="A76" s="5">
        <v>59</v>
      </c>
      <c r="B76" s="22">
        <v>12</v>
      </c>
      <c r="C76" s="14">
        <v>16</v>
      </c>
      <c r="D76" s="18">
        <v>28</v>
      </c>
    </row>
    <row r="77" spans="1:4" ht="18" customHeight="1" x14ac:dyDescent="0.15">
      <c r="A77" s="5" t="s">
        <v>27</v>
      </c>
      <c r="B77" s="22">
        <v>126</v>
      </c>
      <c r="C77" s="14">
        <v>112</v>
      </c>
      <c r="D77" s="18">
        <v>238</v>
      </c>
    </row>
    <row r="78" spans="1:4" ht="18" customHeight="1" x14ac:dyDescent="0.15">
      <c r="A78" s="5">
        <v>60</v>
      </c>
      <c r="B78" s="22">
        <v>20</v>
      </c>
      <c r="C78" s="14">
        <v>16</v>
      </c>
      <c r="D78" s="18">
        <v>36</v>
      </c>
    </row>
    <row r="79" spans="1:4" ht="18" customHeight="1" x14ac:dyDescent="0.15">
      <c r="A79" s="5">
        <v>61</v>
      </c>
      <c r="B79" s="22">
        <v>16</v>
      </c>
      <c r="C79" s="14">
        <v>16</v>
      </c>
      <c r="D79" s="18">
        <v>32</v>
      </c>
    </row>
    <row r="80" spans="1:4" ht="18" customHeight="1" x14ac:dyDescent="0.15">
      <c r="A80" s="5">
        <v>62</v>
      </c>
      <c r="B80" s="22">
        <v>13</v>
      </c>
      <c r="C80" s="14">
        <v>18</v>
      </c>
      <c r="D80" s="18">
        <v>31</v>
      </c>
    </row>
    <row r="81" spans="1:4" ht="18" customHeight="1" x14ac:dyDescent="0.15">
      <c r="A81" s="5">
        <v>63</v>
      </c>
      <c r="B81" s="22">
        <v>14</v>
      </c>
      <c r="C81" s="14">
        <v>9</v>
      </c>
      <c r="D81" s="18">
        <v>23</v>
      </c>
    </row>
    <row r="82" spans="1:4" ht="18" customHeight="1" x14ac:dyDescent="0.15">
      <c r="A82" s="5">
        <v>64</v>
      </c>
      <c r="B82" s="22">
        <v>14</v>
      </c>
      <c r="C82" s="14">
        <v>12</v>
      </c>
      <c r="D82" s="18">
        <v>26</v>
      </c>
    </row>
    <row r="83" spans="1:4" ht="18" customHeight="1" x14ac:dyDescent="0.15">
      <c r="A83" s="5" t="s">
        <v>28</v>
      </c>
      <c r="B83" s="22">
        <v>77</v>
      </c>
      <c r="C83" s="14">
        <v>71</v>
      </c>
      <c r="D83" s="18">
        <v>148</v>
      </c>
    </row>
    <row r="84" spans="1:4" ht="18" customHeight="1" x14ac:dyDescent="0.15">
      <c r="A84" s="5" t="s">
        <v>31</v>
      </c>
      <c r="B84" s="22">
        <v>855</v>
      </c>
      <c r="C84" s="14">
        <v>794</v>
      </c>
      <c r="D84" s="18">
        <v>1649</v>
      </c>
    </row>
    <row r="85" spans="1:4" ht="18" customHeight="1" x14ac:dyDescent="0.15">
      <c r="A85" s="5">
        <v>65</v>
      </c>
      <c r="B85" s="22">
        <v>11</v>
      </c>
      <c r="C85" s="14">
        <v>11</v>
      </c>
      <c r="D85" s="18">
        <v>22</v>
      </c>
    </row>
    <row r="86" spans="1:4" ht="18" customHeight="1" x14ac:dyDescent="0.15">
      <c r="A86" s="5">
        <v>66</v>
      </c>
      <c r="B86" s="22">
        <v>11</v>
      </c>
      <c r="C86" s="14">
        <v>12</v>
      </c>
      <c r="D86" s="18">
        <v>23</v>
      </c>
    </row>
    <row r="87" spans="1:4" ht="18" customHeight="1" x14ac:dyDescent="0.15">
      <c r="A87" s="5">
        <v>67</v>
      </c>
      <c r="B87" s="22">
        <v>12</v>
      </c>
      <c r="C87" s="14">
        <v>16</v>
      </c>
      <c r="D87" s="18">
        <v>28</v>
      </c>
    </row>
    <row r="88" spans="1:4" ht="18" customHeight="1" x14ac:dyDescent="0.15">
      <c r="A88" s="5">
        <v>68</v>
      </c>
      <c r="B88" s="22">
        <v>9</v>
      </c>
      <c r="C88" s="14">
        <v>16</v>
      </c>
      <c r="D88" s="18">
        <v>25</v>
      </c>
    </row>
    <row r="89" spans="1:4" ht="18" customHeight="1" x14ac:dyDescent="0.15">
      <c r="A89" s="5">
        <v>69</v>
      </c>
      <c r="B89" s="22">
        <v>12</v>
      </c>
      <c r="C89" s="14">
        <v>12</v>
      </c>
      <c r="D89" s="18">
        <v>24</v>
      </c>
    </row>
    <row r="90" spans="1:4" ht="18" customHeight="1" x14ac:dyDescent="0.15">
      <c r="A90" s="5" t="s">
        <v>20</v>
      </c>
      <c r="B90" s="22">
        <v>55</v>
      </c>
      <c r="C90" s="14">
        <v>67</v>
      </c>
      <c r="D90" s="18">
        <v>122</v>
      </c>
    </row>
    <row r="91" spans="1:4" ht="18" customHeight="1" x14ac:dyDescent="0.15">
      <c r="A91" s="5">
        <v>70</v>
      </c>
      <c r="B91" s="22">
        <v>8</v>
      </c>
      <c r="C91" s="14">
        <v>17</v>
      </c>
      <c r="D91" s="18">
        <v>25</v>
      </c>
    </row>
    <row r="92" spans="1:4" ht="18" customHeight="1" x14ac:dyDescent="0.15">
      <c r="A92" s="5">
        <v>71</v>
      </c>
      <c r="B92" s="22">
        <v>15</v>
      </c>
      <c r="C92" s="14">
        <v>21</v>
      </c>
      <c r="D92" s="18">
        <v>36</v>
      </c>
    </row>
    <row r="93" spans="1:4" ht="18" customHeight="1" x14ac:dyDescent="0.15">
      <c r="A93" s="5">
        <v>72</v>
      </c>
      <c r="B93" s="22">
        <v>12</v>
      </c>
      <c r="C93" s="14">
        <v>22</v>
      </c>
      <c r="D93" s="18">
        <v>34</v>
      </c>
    </row>
    <row r="94" spans="1:4" ht="18" customHeight="1" x14ac:dyDescent="0.15">
      <c r="A94" s="5">
        <v>73</v>
      </c>
      <c r="B94" s="22">
        <v>23</v>
      </c>
      <c r="C94" s="14">
        <v>16</v>
      </c>
      <c r="D94" s="18">
        <v>39</v>
      </c>
    </row>
    <row r="95" spans="1:4" ht="18" customHeight="1" x14ac:dyDescent="0.15">
      <c r="A95" s="5">
        <v>74</v>
      </c>
      <c r="B95" s="22">
        <v>19</v>
      </c>
      <c r="C95" s="14">
        <v>15</v>
      </c>
      <c r="D95" s="18">
        <v>34</v>
      </c>
    </row>
    <row r="96" spans="1:4" ht="18" customHeight="1" x14ac:dyDescent="0.15">
      <c r="A96" s="5" t="s">
        <v>33</v>
      </c>
      <c r="B96" s="22">
        <v>77</v>
      </c>
      <c r="C96" s="14">
        <v>91</v>
      </c>
      <c r="D96" s="18">
        <v>168</v>
      </c>
    </row>
    <row r="97" spans="1:4" ht="18" customHeight="1" x14ac:dyDescent="0.15">
      <c r="A97" s="5">
        <v>75</v>
      </c>
      <c r="B97" s="22">
        <v>16</v>
      </c>
      <c r="C97" s="14">
        <v>19</v>
      </c>
      <c r="D97" s="18">
        <v>35</v>
      </c>
    </row>
    <row r="98" spans="1:4" ht="18" customHeight="1" x14ac:dyDescent="0.15">
      <c r="A98" s="5">
        <v>76</v>
      </c>
      <c r="B98" s="22">
        <v>17</v>
      </c>
      <c r="C98" s="14">
        <v>26</v>
      </c>
      <c r="D98" s="18">
        <v>43</v>
      </c>
    </row>
    <row r="99" spans="1:4" ht="18" customHeight="1" x14ac:dyDescent="0.15">
      <c r="A99" s="5">
        <v>77</v>
      </c>
      <c r="B99" s="22">
        <v>13</v>
      </c>
      <c r="C99" s="14">
        <v>38</v>
      </c>
      <c r="D99" s="18">
        <v>51</v>
      </c>
    </row>
    <row r="100" spans="1:4" ht="18" customHeight="1" x14ac:dyDescent="0.15">
      <c r="A100" s="5">
        <v>78</v>
      </c>
      <c r="B100" s="22">
        <v>17</v>
      </c>
      <c r="C100" s="14">
        <v>40</v>
      </c>
      <c r="D100" s="18">
        <v>57</v>
      </c>
    </row>
    <row r="101" spans="1:4" ht="18" customHeight="1" x14ac:dyDescent="0.15">
      <c r="A101" s="5">
        <v>79</v>
      </c>
      <c r="B101" s="22">
        <v>17</v>
      </c>
      <c r="C101" s="14">
        <v>26</v>
      </c>
      <c r="D101" s="18">
        <v>43</v>
      </c>
    </row>
    <row r="102" spans="1:4" ht="18" customHeight="1" x14ac:dyDescent="0.15">
      <c r="A102" s="5" t="s">
        <v>0</v>
      </c>
      <c r="B102" s="22">
        <v>80</v>
      </c>
      <c r="C102" s="14">
        <v>149</v>
      </c>
      <c r="D102" s="18">
        <v>229</v>
      </c>
    </row>
    <row r="103" spans="1:4" ht="18" customHeight="1" x14ac:dyDescent="0.15">
      <c r="A103" s="5">
        <v>80</v>
      </c>
      <c r="B103" s="22">
        <v>7</v>
      </c>
      <c r="C103" s="14">
        <v>17</v>
      </c>
      <c r="D103" s="18">
        <v>24</v>
      </c>
    </row>
    <row r="104" spans="1:4" ht="18" customHeight="1" x14ac:dyDescent="0.15">
      <c r="A104" s="5">
        <v>81</v>
      </c>
      <c r="B104" s="22">
        <v>16</v>
      </c>
      <c r="C104" s="14">
        <v>24</v>
      </c>
      <c r="D104" s="18">
        <v>40</v>
      </c>
    </row>
    <row r="105" spans="1:4" ht="18" customHeight="1" x14ac:dyDescent="0.15">
      <c r="A105" s="5">
        <v>82</v>
      </c>
      <c r="B105" s="22">
        <v>18</v>
      </c>
      <c r="C105" s="14">
        <v>33</v>
      </c>
      <c r="D105" s="18">
        <v>51</v>
      </c>
    </row>
    <row r="106" spans="1:4" ht="18" customHeight="1" x14ac:dyDescent="0.15">
      <c r="A106" s="5">
        <v>83</v>
      </c>
      <c r="B106" s="22">
        <v>18</v>
      </c>
      <c r="C106" s="14">
        <v>35</v>
      </c>
      <c r="D106" s="18">
        <v>53</v>
      </c>
    </row>
    <row r="107" spans="1:4" ht="18" customHeight="1" x14ac:dyDescent="0.15">
      <c r="A107" s="5">
        <v>84</v>
      </c>
      <c r="B107" s="22">
        <v>17</v>
      </c>
      <c r="C107" s="14">
        <v>24</v>
      </c>
      <c r="D107" s="18">
        <v>41</v>
      </c>
    </row>
    <row r="108" spans="1:4" ht="18" customHeight="1" x14ac:dyDescent="0.15">
      <c r="A108" s="5" t="s">
        <v>35</v>
      </c>
      <c r="B108" s="22">
        <v>76</v>
      </c>
      <c r="C108" s="14">
        <v>133</v>
      </c>
      <c r="D108" s="18">
        <v>209</v>
      </c>
    </row>
    <row r="109" spans="1:4" ht="18" customHeight="1" x14ac:dyDescent="0.15">
      <c r="A109" s="5">
        <v>85</v>
      </c>
      <c r="B109" s="22">
        <v>13</v>
      </c>
      <c r="C109" s="14">
        <v>18</v>
      </c>
      <c r="D109" s="18">
        <v>31</v>
      </c>
    </row>
    <row r="110" spans="1:4" ht="18" customHeight="1" x14ac:dyDescent="0.15">
      <c r="A110" s="5">
        <v>86</v>
      </c>
      <c r="B110" s="22">
        <v>19</v>
      </c>
      <c r="C110" s="14">
        <v>10</v>
      </c>
      <c r="D110" s="18">
        <v>29</v>
      </c>
    </row>
    <row r="111" spans="1:4" ht="18" customHeight="1" x14ac:dyDescent="0.15">
      <c r="A111" s="5">
        <v>87</v>
      </c>
      <c r="B111" s="22">
        <v>7</v>
      </c>
      <c r="C111" s="14">
        <v>15</v>
      </c>
      <c r="D111" s="18">
        <v>22</v>
      </c>
    </row>
    <row r="112" spans="1:4" ht="18" customHeight="1" x14ac:dyDescent="0.15">
      <c r="A112" s="5">
        <v>88</v>
      </c>
      <c r="B112" s="22">
        <v>7</v>
      </c>
      <c r="C112" s="14">
        <v>15</v>
      </c>
      <c r="D112" s="18">
        <v>22</v>
      </c>
    </row>
    <row r="113" spans="1:4" ht="18" customHeight="1" x14ac:dyDescent="0.15">
      <c r="A113" s="5">
        <v>89</v>
      </c>
      <c r="B113" s="22">
        <v>8</v>
      </c>
      <c r="C113" s="14">
        <v>12</v>
      </c>
      <c r="D113" s="18">
        <v>20</v>
      </c>
    </row>
    <row r="114" spans="1:4" ht="18" customHeight="1" x14ac:dyDescent="0.15">
      <c r="A114" s="5" t="s">
        <v>37</v>
      </c>
      <c r="B114" s="22">
        <v>54</v>
      </c>
      <c r="C114" s="14">
        <v>70</v>
      </c>
      <c r="D114" s="18">
        <v>124</v>
      </c>
    </row>
    <row r="115" spans="1:4" ht="18" customHeight="1" x14ac:dyDescent="0.15">
      <c r="A115" s="5">
        <v>90</v>
      </c>
      <c r="B115" s="22">
        <v>5</v>
      </c>
      <c r="C115" s="14">
        <v>7</v>
      </c>
      <c r="D115" s="18">
        <v>12</v>
      </c>
    </row>
    <row r="116" spans="1:4" ht="18" customHeight="1" x14ac:dyDescent="0.15">
      <c r="A116" s="5">
        <v>91</v>
      </c>
      <c r="B116" s="22">
        <v>3</v>
      </c>
      <c r="C116" s="14">
        <v>13</v>
      </c>
      <c r="D116" s="18">
        <v>16</v>
      </c>
    </row>
    <row r="117" spans="1:4" ht="18" customHeight="1" x14ac:dyDescent="0.15">
      <c r="A117" s="5">
        <v>92</v>
      </c>
      <c r="B117" s="22">
        <v>4</v>
      </c>
      <c r="C117" s="14">
        <v>14</v>
      </c>
      <c r="D117" s="18">
        <v>18</v>
      </c>
    </row>
    <row r="118" spans="1:4" ht="18" customHeight="1" x14ac:dyDescent="0.15">
      <c r="A118" s="5">
        <v>93</v>
      </c>
      <c r="B118" s="22">
        <v>2</v>
      </c>
      <c r="C118" s="14">
        <v>4</v>
      </c>
      <c r="D118" s="18">
        <v>6</v>
      </c>
    </row>
    <row r="119" spans="1:4" ht="18" customHeight="1" x14ac:dyDescent="0.15">
      <c r="A119" s="5">
        <v>94</v>
      </c>
      <c r="B119" s="22">
        <v>0</v>
      </c>
      <c r="C119" s="14">
        <v>2</v>
      </c>
      <c r="D119" s="18">
        <v>2</v>
      </c>
    </row>
    <row r="120" spans="1:4" ht="18" customHeight="1" x14ac:dyDescent="0.15">
      <c r="A120" s="5" t="s">
        <v>39</v>
      </c>
      <c r="B120" s="22">
        <v>14</v>
      </c>
      <c r="C120" s="14">
        <v>40</v>
      </c>
      <c r="D120" s="18">
        <v>54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0</v>
      </c>
      <c r="C122" s="14">
        <v>3</v>
      </c>
      <c r="D122" s="18">
        <v>3</v>
      </c>
    </row>
    <row r="123" spans="1:4" ht="18" customHeight="1" x14ac:dyDescent="0.15">
      <c r="A123" s="5">
        <v>97</v>
      </c>
      <c r="B123" s="22">
        <v>2</v>
      </c>
      <c r="C123" s="14">
        <v>5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2</v>
      </c>
      <c r="C126" s="14">
        <v>13</v>
      </c>
      <c r="D126" s="18">
        <v>15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358</v>
      </c>
      <c r="C130" s="14">
        <v>567</v>
      </c>
      <c r="D130" s="18">
        <v>925</v>
      </c>
    </row>
    <row r="131" spans="1:4" ht="18" customHeight="1" x14ac:dyDescent="0.15">
      <c r="A131" s="7" t="s">
        <v>45</v>
      </c>
      <c r="B131" s="23">
        <v>1390</v>
      </c>
      <c r="C131" s="15">
        <v>1536</v>
      </c>
      <c r="D131" s="19">
        <v>292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500-000000000000}">
  <sheetPr codeName="Sheet4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3</v>
      </c>
      <c r="C5" s="13">
        <v>40</v>
      </c>
      <c r="D5" s="17">
        <v>73</v>
      </c>
    </row>
    <row r="6" spans="1:4" ht="18" customHeight="1" x14ac:dyDescent="0.15">
      <c r="A6" s="5">
        <v>1</v>
      </c>
      <c r="B6" s="22">
        <v>35</v>
      </c>
      <c r="C6" s="14">
        <v>45</v>
      </c>
      <c r="D6" s="18">
        <v>80</v>
      </c>
    </row>
    <row r="7" spans="1:4" ht="18" customHeight="1" x14ac:dyDescent="0.15">
      <c r="A7" s="5">
        <v>2</v>
      </c>
      <c r="B7" s="22">
        <v>36</v>
      </c>
      <c r="C7" s="14">
        <v>34</v>
      </c>
      <c r="D7" s="18">
        <v>70</v>
      </c>
    </row>
    <row r="8" spans="1:4" ht="18" customHeight="1" x14ac:dyDescent="0.15">
      <c r="A8" s="5">
        <v>3</v>
      </c>
      <c r="B8" s="22">
        <v>39</v>
      </c>
      <c r="C8" s="14">
        <v>36</v>
      </c>
      <c r="D8" s="18">
        <v>75</v>
      </c>
    </row>
    <row r="9" spans="1:4" ht="18" customHeight="1" x14ac:dyDescent="0.15">
      <c r="A9" s="5">
        <v>4</v>
      </c>
      <c r="B9" s="22">
        <v>38</v>
      </c>
      <c r="C9" s="14">
        <v>33</v>
      </c>
      <c r="D9" s="18">
        <v>71</v>
      </c>
    </row>
    <row r="10" spans="1:4" ht="18" customHeight="1" x14ac:dyDescent="0.15">
      <c r="A10" s="5" t="s">
        <v>7</v>
      </c>
      <c r="B10" s="22">
        <v>181</v>
      </c>
      <c r="C10" s="14">
        <v>188</v>
      </c>
      <c r="D10" s="18">
        <v>369</v>
      </c>
    </row>
    <row r="11" spans="1:4" ht="18" customHeight="1" x14ac:dyDescent="0.15">
      <c r="A11" s="5">
        <v>5</v>
      </c>
      <c r="B11" s="22">
        <v>42</v>
      </c>
      <c r="C11" s="14">
        <v>44</v>
      </c>
      <c r="D11" s="18">
        <v>86</v>
      </c>
    </row>
    <row r="12" spans="1:4" ht="18" customHeight="1" x14ac:dyDescent="0.15">
      <c r="A12" s="5">
        <v>6</v>
      </c>
      <c r="B12" s="22">
        <v>43</v>
      </c>
      <c r="C12" s="14">
        <v>44</v>
      </c>
      <c r="D12" s="18">
        <v>87</v>
      </c>
    </row>
    <row r="13" spans="1:4" ht="18" customHeight="1" x14ac:dyDescent="0.15">
      <c r="A13" s="5">
        <v>7</v>
      </c>
      <c r="B13" s="22">
        <v>61</v>
      </c>
      <c r="C13" s="14">
        <v>42</v>
      </c>
      <c r="D13" s="18">
        <v>103</v>
      </c>
    </row>
    <row r="14" spans="1:4" ht="18" customHeight="1" x14ac:dyDescent="0.15">
      <c r="A14" s="5">
        <v>8</v>
      </c>
      <c r="B14" s="22">
        <v>48</v>
      </c>
      <c r="C14" s="14">
        <v>42</v>
      </c>
      <c r="D14" s="18">
        <v>90</v>
      </c>
    </row>
    <row r="15" spans="1:4" ht="18" customHeight="1" x14ac:dyDescent="0.15">
      <c r="A15" s="5">
        <v>9</v>
      </c>
      <c r="B15" s="22">
        <v>51</v>
      </c>
      <c r="C15" s="14">
        <v>50</v>
      </c>
      <c r="D15" s="18">
        <v>101</v>
      </c>
    </row>
    <row r="16" spans="1:4" ht="18" customHeight="1" x14ac:dyDescent="0.15">
      <c r="A16" s="5" t="s">
        <v>11</v>
      </c>
      <c r="B16" s="22">
        <v>245</v>
      </c>
      <c r="C16" s="14">
        <v>222</v>
      </c>
      <c r="D16" s="18">
        <v>467</v>
      </c>
    </row>
    <row r="17" spans="1:4" ht="18" customHeight="1" x14ac:dyDescent="0.15">
      <c r="A17" s="5">
        <v>10</v>
      </c>
      <c r="B17" s="22">
        <v>47</v>
      </c>
      <c r="C17" s="14">
        <v>52</v>
      </c>
      <c r="D17" s="18">
        <v>99</v>
      </c>
    </row>
    <row r="18" spans="1:4" ht="18" customHeight="1" x14ac:dyDescent="0.15">
      <c r="A18" s="5">
        <v>11</v>
      </c>
      <c r="B18" s="22">
        <v>55</v>
      </c>
      <c r="C18" s="14">
        <v>39</v>
      </c>
      <c r="D18" s="18">
        <v>94</v>
      </c>
    </row>
    <row r="19" spans="1:4" ht="18" customHeight="1" x14ac:dyDescent="0.15">
      <c r="A19" s="5">
        <v>12</v>
      </c>
      <c r="B19" s="22">
        <v>47</v>
      </c>
      <c r="C19" s="14">
        <v>43</v>
      </c>
      <c r="D19" s="18">
        <v>90</v>
      </c>
    </row>
    <row r="20" spans="1:4" ht="18" customHeight="1" x14ac:dyDescent="0.15">
      <c r="A20" s="5">
        <v>13</v>
      </c>
      <c r="B20" s="22">
        <v>50</v>
      </c>
      <c r="C20" s="14">
        <v>50</v>
      </c>
      <c r="D20" s="18">
        <v>100</v>
      </c>
    </row>
    <row r="21" spans="1:4" ht="18" customHeight="1" x14ac:dyDescent="0.15">
      <c r="A21" s="5">
        <v>14</v>
      </c>
      <c r="B21" s="22">
        <v>51</v>
      </c>
      <c r="C21" s="14">
        <v>49</v>
      </c>
      <c r="D21" s="18">
        <v>100</v>
      </c>
    </row>
    <row r="22" spans="1:4" ht="18" customHeight="1" x14ac:dyDescent="0.15">
      <c r="A22" s="5" t="s">
        <v>12</v>
      </c>
      <c r="B22" s="22">
        <v>250</v>
      </c>
      <c r="C22" s="14">
        <v>233</v>
      </c>
      <c r="D22" s="18">
        <v>483</v>
      </c>
    </row>
    <row r="23" spans="1:4" ht="18" customHeight="1" x14ac:dyDescent="0.15">
      <c r="A23" s="5" t="s">
        <v>6</v>
      </c>
      <c r="B23" s="22">
        <v>676</v>
      </c>
      <c r="C23" s="14">
        <v>643</v>
      </c>
      <c r="D23" s="18">
        <v>1319</v>
      </c>
    </row>
    <row r="24" spans="1:4" ht="18" customHeight="1" x14ac:dyDescent="0.15">
      <c r="A24" s="5">
        <v>15</v>
      </c>
      <c r="B24" s="22">
        <v>53</v>
      </c>
      <c r="C24" s="14">
        <v>54</v>
      </c>
      <c r="D24" s="18">
        <v>107</v>
      </c>
    </row>
    <row r="25" spans="1:4" ht="18" customHeight="1" x14ac:dyDescent="0.15">
      <c r="A25" s="5">
        <v>16</v>
      </c>
      <c r="B25" s="22">
        <v>48</v>
      </c>
      <c r="C25" s="14">
        <v>53</v>
      </c>
      <c r="D25" s="18">
        <v>101</v>
      </c>
    </row>
    <row r="26" spans="1:4" ht="18" customHeight="1" x14ac:dyDescent="0.15">
      <c r="A26" s="5">
        <v>17</v>
      </c>
      <c r="B26" s="22">
        <v>60</v>
      </c>
      <c r="C26" s="14">
        <v>57</v>
      </c>
      <c r="D26" s="18">
        <v>117</v>
      </c>
    </row>
    <row r="27" spans="1:4" ht="18" customHeight="1" x14ac:dyDescent="0.15">
      <c r="A27" s="5">
        <v>18</v>
      </c>
      <c r="B27" s="22">
        <v>42</v>
      </c>
      <c r="C27" s="14">
        <v>44</v>
      </c>
      <c r="D27" s="18">
        <v>86</v>
      </c>
    </row>
    <row r="28" spans="1:4" ht="18" customHeight="1" x14ac:dyDescent="0.15">
      <c r="A28" s="5">
        <v>19</v>
      </c>
      <c r="B28" s="22">
        <v>52</v>
      </c>
      <c r="C28" s="14">
        <v>59</v>
      </c>
      <c r="D28" s="18">
        <v>111</v>
      </c>
    </row>
    <row r="29" spans="1:4" ht="18" customHeight="1" x14ac:dyDescent="0.15">
      <c r="A29" s="5" t="s">
        <v>14</v>
      </c>
      <c r="B29" s="22">
        <v>255</v>
      </c>
      <c r="C29" s="14">
        <v>267</v>
      </c>
      <c r="D29" s="18">
        <v>522</v>
      </c>
    </row>
    <row r="30" spans="1:4" ht="18" customHeight="1" x14ac:dyDescent="0.15">
      <c r="A30" s="5">
        <v>20</v>
      </c>
      <c r="B30" s="22">
        <v>59</v>
      </c>
      <c r="C30" s="14">
        <v>46</v>
      </c>
      <c r="D30" s="18">
        <v>105</v>
      </c>
    </row>
    <row r="31" spans="1:4" ht="18" customHeight="1" x14ac:dyDescent="0.15">
      <c r="A31" s="5">
        <v>21</v>
      </c>
      <c r="B31" s="22">
        <v>57</v>
      </c>
      <c r="C31" s="14">
        <v>39</v>
      </c>
      <c r="D31" s="18">
        <v>96</v>
      </c>
    </row>
    <row r="32" spans="1:4" ht="18" customHeight="1" x14ac:dyDescent="0.15">
      <c r="A32" s="5">
        <v>22</v>
      </c>
      <c r="B32" s="22">
        <v>74</v>
      </c>
      <c r="C32" s="14">
        <v>42</v>
      </c>
      <c r="D32" s="18">
        <v>116</v>
      </c>
    </row>
    <row r="33" spans="1:4" ht="18" customHeight="1" x14ac:dyDescent="0.15">
      <c r="A33" s="5">
        <v>23</v>
      </c>
      <c r="B33" s="22">
        <v>63</v>
      </c>
      <c r="C33" s="14">
        <v>46</v>
      </c>
      <c r="D33" s="18">
        <v>109</v>
      </c>
    </row>
    <row r="34" spans="1:4" ht="18" customHeight="1" x14ac:dyDescent="0.15">
      <c r="A34" s="5">
        <v>24</v>
      </c>
      <c r="B34" s="22">
        <v>44</v>
      </c>
      <c r="C34" s="14">
        <v>48</v>
      </c>
      <c r="D34" s="18">
        <v>92</v>
      </c>
    </row>
    <row r="35" spans="1:4" ht="18" customHeight="1" x14ac:dyDescent="0.15">
      <c r="A35" s="5" t="s">
        <v>9</v>
      </c>
      <c r="B35" s="22">
        <v>297</v>
      </c>
      <c r="C35" s="14">
        <v>221</v>
      </c>
      <c r="D35" s="18">
        <v>518</v>
      </c>
    </row>
    <row r="36" spans="1:4" ht="18" customHeight="1" x14ac:dyDescent="0.15">
      <c r="A36" s="5">
        <v>25</v>
      </c>
      <c r="B36" s="22">
        <v>65</v>
      </c>
      <c r="C36" s="14">
        <v>56</v>
      </c>
      <c r="D36" s="18">
        <v>121</v>
      </c>
    </row>
    <row r="37" spans="1:4" ht="18" customHeight="1" x14ac:dyDescent="0.15">
      <c r="A37" s="5">
        <v>26</v>
      </c>
      <c r="B37" s="22">
        <v>57</v>
      </c>
      <c r="C37" s="14">
        <v>44</v>
      </c>
      <c r="D37" s="18">
        <v>101</v>
      </c>
    </row>
    <row r="38" spans="1:4" ht="18" customHeight="1" x14ac:dyDescent="0.15">
      <c r="A38" s="5">
        <v>27</v>
      </c>
      <c r="B38" s="22">
        <v>60</v>
      </c>
      <c r="C38" s="14">
        <v>47</v>
      </c>
      <c r="D38" s="18">
        <v>107</v>
      </c>
    </row>
    <row r="39" spans="1:4" ht="18" customHeight="1" x14ac:dyDescent="0.15">
      <c r="A39" s="5">
        <v>28</v>
      </c>
      <c r="B39" s="22">
        <v>72</v>
      </c>
      <c r="C39" s="14">
        <v>49</v>
      </c>
      <c r="D39" s="18">
        <v>121</v>
      </c>
    </row>
    <row r="40" spans="1:4" ht="18" customHeight="1" x14ac:dyDescent="0.15">
      <c r="A40" s="5">
        <v>29</v>
      </c>
      <c r="B40" s="22">
        <v>57</v>
      </c>
      <c r="C40" s="14">
        <v>44</v>
      </c>
      <c r="D40" s="18">
        <v>101</v>
      </c>
    </row>
    <row r="41" spans="1:4" ht="18" customHeight="1" x14ac:dyDescent="0.15">
      <c r="A41" s="5" t="s">
        <v>2</v>
      </c>
      <c r="B41" s="22">
        <v>311</v>
      </c>
      <c r="C41" s="14">
        <v>240</v>
      </c>
      <c r="D41" s="18">
        <v>551</v>
      </c>
    </row>
    <row r="42" spans="1:4" ht="18" customHeight="1" x14ac:dyDescent="0.15">
      <c r="A42" s="5">
        <v>30</v>
      </c>
      <c r="B42" s="22">
        <v>55</v>
      </c>
      <c r="C42" s="14">
        <v>50</v>
      </c>
      <c r="D42" s="18">
        <v>105</v>
      </c>
    </row>
    <row r="43" spans="1:4" ht="18" customHeight="1" x14ac:dyDescent="0.15">
      <c r="A43" s="5">
        <v>31</v>
      </c>
      <c r="B43" s="22">
        <v>66</v>
      </c>
      <c r="C43" s="14">
        <v>73</v>
      </c>
      <c r="D43" s="18">
        <v>139</v>
      </c>
    </row>
    <row r="44" spans="1:4" ht="18" customHeight="1" x14ac:dyDescent="0.15">
      <c r="A44" s="5">
        <v>32</v>
      </c>
      <c r="B44" s="22">
        <v>59</v>
      </c>
      <c r="C44" s="14">
        <v>46</v>
      </c>
      <c r="D44" s="18">
        <v>105</v>
      </c>
    </row>
    <row r="45" spans="1:4" ht="18" customHeight="1" x14ac:dyDescent="0.15">
      <c r="A45" s="5">
        <v>33</v>
      </c>
      <c r="B45" s="22">
        <v>68</v>
      </c>
      <c r="C45" s="14">
        <v>50</v>
      </c>
      <c r="D45" s="18">
        <v>118</v>
      </c>
    </row>
    <row r="46" spans="1:4" ht="18" customHeight="1" x14ac:dyDescent="0.15">
      <c r="A46" s="5">
        <v>34</v>
      </c>
      <c r="B46" s="22">
        <v>66</v>
      </c>
      <c r="C46" s="14">
        <v>70</v>
      </c>
      <c r="D46" s="18">
        <v>136</v>
      </c>
    </row>
    <row r="47" spans="1:4" ht="18" customHeight="1" x14ac:dyDescent="0.15">
      <c r="A47" s="5" t="s">
        <v>15</v>
      </c>
      <c r="B47" s="22">
        <v>314</v>
      </c>
      <c r="C47" s="14">
        <v>289</v>
      </c>
      <c r="D47" s="18">
        <v>603</v>
      </c>
    </row>
    <row r="48" spans="1:4" ht="18" customHeight="1" x14ac:dyDescent="0.15">
      <c r="A48" s="5">
        <v>35</v>
      </c>
      <c r="B48" s="22">
        <v>54</v>
      </c>
      <c r="C48" s="14">
        <v>49</v>
      </c>
      <c r="D48" s="18">
        <v>103</v>
      </c>
    </row>
    <row r="49" spans="1:4" ht="18" customHeight="1" x14ac:dyDescent="0.15">
      <c r="A49" s="5">
        <v>36</v>
      </c>
      <c r="B49" s="22">
        <v>62</v>
      </c>
      <c r="C49" s="14">
        <v>57</v>
      </c>
      <c r="D49" s="18">
        <v>119</v>
      </c>
    </row>
    <row r="50" spans="1:4" ht="18" customHeight="1" x14ac:dyDescent="0.15">
      <c r="A50" s="5">
        <v>37</v>
      </c>
      <c r="B50" s="22">
        <v>59</v>
      </c>
      <c r="C50" s="14">
        <v>60</v>
      </c>
      <c r="D50" s="18">
        <v>119</v>
      </c>
    </row>
    <row r="51" spans="1:4" ht="18" customHeight="1" x14ac:dyDescent="0.15">
      <c r="A51" s="5">
        <v>38</v>
      </c>
      <c r="B51" s="22">
        <v>78</v>
      </c>
      <c r="C51" s="14">
        <v>70</v>
      </c>
      <c r="D51" s="18">
        <v>148</v>
      </c>
    </row>
    <row r="52" spans="1:4" ht="18" customHeight="1" x14ac:dyDescent="0.15">
      <c r="A52" s="5">
        <v>39</v>
      </c>
      <c r="B52" s="22">
        <v>54</v>
      </c>
      <c r="C52" s="14">
        <v>52</v>
      </c>
      <c r="D52" s="18">
        <v>106</v>
      </c>
    </row>
    <row r="53" spans="1:4" ht="18" customHeight="1" x14ac:dyDescent="0.15">
      <c r="A53" s="5" t="s">
        <v>18</v>
      </c>
      <c r="B53" s="22">
        <v>307</v>
      </c>
      <c r="C53" s="14">
        <v>288</v>
      </c>
      <c r="D53" s="18">
        <v>595</v>
      </c>
    </row>
    <row r="54" spans="1:4" ht="18" customHeight="1" x14ac:dyDescent="0.15">
      <c r="A54" s="5">
        <v>40</v>
      </c>
      <c r="B54" s="22">
        <v>72</v>
      </c>
      <c r="C54" s="14">
        <v>61</v>
      </c>
      <c r="D54" s="18">
        <v>133</v>
      </c>
    </row>
    <row r="55" spans="1:4" ht="18" customHeight="1" x14ac:dyDescent="0.15">
      <c r="A55" s="5">
        <v>41</v>
      </c>
      <c r="B55" s="22">
        <v>68</v>
      </c>
      <c r="C55" s="14">
        <v>43</v>
      </c>
      <c r="D55" s="18">
        <v>111</v>
      </c>
    </row>
    <row r="56" spans="1:4" ht="18" customHeight="1" x14ac:dyDescent="0.15">
      <c r="A56" s="5">
        <v>42</v>
      </c>
      <c r="B56" s="22">
        <v>70</v>
      </c>
      <c r="C56" s="14">
        <v>67</v>
      </c>
      <c r="D56" s="18">
        <v>137</v>
      </c>
    </row>
    <row r="57" spans="1:4" ht="18" customHeight="1" x14ac:dyDescent="0.15">
      <c r="A57" s="5">
        <v>43</v>
      </c>
      <c r="B57" s="22">
        <v>76</v>
      </c>
      <c r="C57" s="14">
        <v>62</v>
      </c>
      <c r="D57" s="18">
        <v>138</v>
      </c>
    </row>
    <row r="58" spans="1:4" ht="18" customHeight="1" x14ac:dyDescent="0.15">
      <c r="A58" s="5">
        <v>44</v>
      </c>
      <c r="B58" s="22">
        <v>81</v>
      </c>
      <c r="C58" s="14">
        <v>76</v>
      </c>
      <c r="D58" s="18">
        <v>157</v>
      </c>
    </row>
    <row r="59" spans="1:4" ht="18" customHeight="1" x14ac:dyDescent="0.15">
      <c r="A59" s="5" t="s">
        <v>21</v>
      </c>
      <c r="B59" s="22">
        <v>367</v>
      </c>
      <c r="C59" s="14">
        <v>309</v>
      </c>
      <c r="D59" s="18">
        <v>676</v>
      </c>
    </row>
    <row r="60" spans="1:4" ht="18" customHeight="1" x14ac:dyDescent="0.15">
      <c r="A60" s="5">
        <v>45</v>
      </c>
      <c r="B60" s="22">
        <v>87</v>
      </c>
      <c r="C60" s="14">
        <v>67</v>
      </c>
      <c r="D60" s="18">
        <v>154</v>
      </c>
    </row>
    <row r="61" spans="1:4" ht="18" customHeight="1" x14ac:dyDescent="0.15">
      <c r="A61" s="5">
        <v>46</v>
      </c>
      <c r="B61" s="22">
        <v>75</v>
      </c>
      <c r="C61" s="14">
        <v>80</v>
      </c>
      <c r="D61" s="18">
        <v>155</v>
      </c>
    </row>
    <row r="62" spans="1:4" ht="18" customHeight="1" x14ac:dyDescent="0.15">
      <c r="A62" s="5">
        <v>47</v>
      </c>
      <c r="B62" s="22">
        <v>73</v>
      </c>
      <c r="C62" s="14">
        <v>84</v>
      </c>
      <c r="D62" s="18">
        <v>157</v>
      </c>
    </row>
    <row r="63" spans="1:4" ht="18" customHeight="1" x14ac:dyDescent="0.15">
      <c r="A63" s="5">
        <v>48</v>
      </c>
      <c r="B63" s="22">
        <v>100</v>
      </c>
      <c r="C63" s="14">
        <v>83</v>
      </c>
      <c r="D63" s="18">
        <v>183</v>
      </c>
    </row>
    <row r="64" spans="1:4" ht="18" customHeight="1" x14ac:dyDescent="0.15">
      <c r="A64" s="5">
        <v>49</v>
      </c>
      <c r="B64" s="22">
        <v>83</v>
      </c>
      <c r="C64" s="14">
        <v>102</v>
      </c>
      <c r="D64" s="18">
        <v>185</v>
      </c>
    </row>
    <row r="65" spans="1:4" ht="18" customHeight="1" x14ac:dyDescent="0.15">
      <c r="A65" s="5" t="s">
        <v>17</v>
      </c>
      <c r="B65" s="22">
        <v>418</v>
      </c>
      <c r="C65" s="14">
        <v>416</v>
      </c>
      <c r="D65" s="18">
        <v>834</v>
      </c>
    </row>
    <row r="66" spans="1:4" ht="18" customHeight="1" x14ac:dyDescent="0.15">
      <c r="A66" s="5">
        <v>50</v>
      </c>
      <c r="B66" s="22">
        <v>83</v>
      </c>
      <c r="C66" s="14">
        <v>84</v>
      </c>
      <c r="D66" s="18">
        <v>167</v>
      </c>
    </row>
    <row r="67" spans="1:4" ht="18" customHeight="1" x14ac:dyDescent="0.15">
      <c r="A67" s="5">
        <v>51</v>
      </c>
      <c r="B67" s="22">
        <v>82</v>
      </c>
      <c r="C67" s="14">
        <v>81</v>
      </c>
      <c r="D67" s="18">
        <v>163</v>
      </c>
    </row>
    <row r="68" spans="1:4" ht="18" customHeight="1" x14ac:dyDescent="0.15">
      <c r="A68" s="5">
        <v>52</v>
      </c>
      <c r="B68" s="22">
        <v>93</v>
      </c>
      <c r="C68" s="14">
        <v>89</v>
      </c>
      <c r="D68" s="18">
        <v>182</v>
      </c>
    </row>
    <row r="69" spans="1:4" ht="18" customHeight="1" x14ac:dyDescent="0.15">
      <c r="A69" s="5">
        <v>53</v>
      </c>
      <c r="B69" s="22">
        <v>107</v>
      </c>
      <c r="C69" s="14">
        <v>96</v>
      </c>
      <c r="D69" s="18">
        <v>203</v>
      </c>
    </row>
    <row r="70" spans="1:4" ht="18" customHeight="1" x14ac:dyDescent="0.15">
      <c r="A70" s="5">
        <v>54</v>
      </c>
      <c r="B70" s="22">
        <v>91</v>
      </c>
      <c r="C70" s="14">
        <v>87</v>
      </c>
      <c r="D70" s="18">
        <v>178</v>
      </c>
    </row>
    <row r="71" spans="1:4" ht="18" customHeight="1" x14ac:dyDescent="0.15">
      <c r="A71" s="5" t="s">
        <v>22</v>
      </c>
      <c r="B71" s="22">
        <v>456</v>
      </c>
      <c r="C71" s="14">
        <v>437</v>
      </c>
      <c r="D71" s="18">
        <v>893</v>
      </c>
    </row>
    <row r="72" spans="1:4" ht="18" customHeight="1" x14ac:dyDescent="0.15">
      <c r="A72" s="5">
        <v>55</v>
      </c>
      <c r="B72" s="22">
        <v>103</v>
      </c>
      <c r="C72" s="14">
        <v>87</v>
      </c>
      <c r="D72" s="18">
        <v>190</v>
      </c>
    </row>
    <row r="73" spans="1:4" ht="18" customHeight="1" x14ac:dyDescent="0.15">
      <c r="A73" s="5">
        <v>56</v>
      </c>
      <c r="B73" s="22">
        <v>76</v>
      </c>
      <c r="C73" s="14">
        <v>83</v>
      </c>
      <c r="D73" s="18">
        <v>159</v>
      </c>
    </row>
    <row r="74" spans="1:4" ht="18" customHeight="1" x14ac:dyDescent="0.15">
      <c r="A74" s="5">
        <v>57</v>
      </c>
      <c r="B74" s="22">
        <v>80</v>
      </c>
      <c r="C74" s="14">
        <v>82</v>
      </c>
      <c r="D74" s="18">
        <v>162</v>
      </c>
    </row>
    <row r="75" spans="1:4" ht="18" customHeight="1" x14ac:dyDescent="0.15">
      <c r="A75" s="5">
        <v>58</v>
      </c>
      <c r="B75" s="22">
        <v>91</v>
      </c>
      <c r="C75" s="14">
        <v>71</v>
      </c>
      <c r="D75" s="18">
        <v>162</v>
      </c>
    </row>
    <row r="76" spans="1:4" ht="18" customHeight="1" x14ac:dyDescent="0.15">
      <c r="A76" s="5">
        <v>59</v>
      </c>
      <c r="B76" s="22">
        <v>70</v>
      </c>
      <c r="C76" s="14">
        <v>84</v>
      </c>
      <c r="D76" s="18">
        <v>154</v>
      </c>
    </row>
    <row r="77" spans="1:4" ht="18" customHeight="1" x14ac:dyDescent="0.15">
      <c r="A77" s="5" t="s">
        <v>27</v>
      </c>
      <c r="B77" s="22">
        <v>420</v>
      </c>
      <c r="C77" s="14">
        <v>407</v>
      </c>
      <c r="D77" s="18">
        <v>827</v>
      </c>
    </row>
    <row r="78" spans="1:4" ht="18" customHeight="1" x14ac:dyDescent="0.15">
      <c r="A78" s="5">
        <v>60</v>
      </c>
      <c r="B78" s="22">
        <v>80</v>
      </c>
      <c r="C78" s="14">
        <v>71</v>
      </c>
      <c r="D78" s="18">
        <v>151</v>
      </c>
    </row>
    <row r="79" spans="1:4" ht="18" customHeight="1" x14ac:dyDescent="0.15">
      <c r="A79" s="5">
        <v>61</v>
      </c>
      <c r="B79" s="22">
        <v>91</v>
      </c>
      <c r="C79" s="14">
        <v>70</v>
      </c>
      <c r="D79" s="18">
        <v>161</v>
      </c>
    </row>
    <row r="80" spans="1:4" ht="18" customHeight="1" x14ac:dyDescent="0.15">
      <c r="A80" s="5">
        <v>62</v>
      </c>
      <c r="B80" s="22">
        <v>64</v>
      </c>
      <c r="C80" s="14">
        <v>82</v>
      </c>
      <c r="D80" s="18">
        <v>146</v>
      </c>
    </row>
    <row r="81" spans="1:4" ht="18" customHeight="1" x14ac:dyDescent="0.15">
      <c r="A81" s="5">
        <v>63</v>
      </c>
      <c r="B81" s="22">
        <v>66</v>
      </c>
      <c r="C81" s="14">
        <v>74</v>
      </c>
      <c r="D81" s="18">
        <v>140</v>
      </c>
    </row>
    <row r="82" spans="1:4" ht="18" customHeight="1" x14ac:dyDescent="0.15">
      <c r="A82" s="5">
        <v>64</v>
      </c>
      <c r="B82" s="22">
        <v>74</v>
      </c>
      <c r="C82" s="14">
        <v>73</v>
      </c>
      <c r="D82" s="18">
        <v>147</v>
      </c>
    </row>
    <row r="83" spans="1:4" ht="18" customHeight="1" x14ac:dyDescent="0.15">
      <c r="A83" s="5" t="s">
        <v>28</v>
      </c>
      <c r="B83" s="22">
        <v>375</v>
      </c>
      <c r="C83" s="14">
        <v>370</v>
      </c>
      <c r="D83" s="18">
        <v>745</v>
      </c>
    </row>
    <row r="84" spans="1:4" ht="18" customHeight="1" x14ac:dyDescent="0.15">
      <c r="A84" s="5" t="s">
        <v>31</v>
      </c>
      <c r="B84" s="22">
        <v>3520</v>
      </c>
      <c r="C84" s="14">
        <v>3244</v>
      </c>
      <c r="D84" s="18">
        <v>6764</v>
      </c>
    </row>
    <row r="85" spans="1:4" ht="18" customHeight="1" x14ac:dyDescent="0.15">
      <c r="A85" s="5">
        <v>65</v>
      </c>
      <c r="B85" s="22">
        <v>58</v>
      </c>
      <c r="C85" s="14">
        <v>67</v>
      </c>
      <c r="D85" s="18">
        <v>125</v>
      </c>
    </row>
    <row r="86" spans="1:4" ht="18" customHeight="1" x14ac:dyDescent="0.15">
      <c r="A86" s="5">
        <v>66</v>
      </c>
      <c r="B86" s="22">
        <v>72</v>
      </c>
      <c r="C86" s="14">
        <v>67</v>
      </c>
      <c r="D86" s="18">
        <v>139</v>
      </c>
    </row>
    <row r="87" spans="1:4" ht="18" customHeight="1" x14ac:dyDescent="0.15">
      <c r="A87" s="5">
        <v>67</v>
      </c>
      <c r="B87" s="22">
        <v>82</v>
      </c>
      <c r="C87" s="14">
        <v>87</v>
      </c>
      <c r="D87" s="18">
        <v>169</v>
      </c>
    </row>
    <row r="88" spans="1:4" ht="18" customHeight="1" x14ac:dyDescent="0.15">
      <c r="A88" s="5">
        <v>68</v>
      </c>
      <c r="B88" s="22">
        <v>65</v>
      </c>
      <c r="C88" s="14">
        <v>82</v>
      </c>
      <c r="D88" s="18">
        <v>147</v>
      </c>
    </row>
    <row r="89" spans="1:4" ht="18" customHeight="1" x14ac:dyDescent="0.15">
      <c r="A89" s="5">
        <v>69</v>
      </c>
      <c r="B89" s="22">
        <v>59</v>
      </c>
      <c r="C89" s="14">
        <v>75</v>
      </c>
      <c r="D89" s="18">
        <v>134</v>
      </c>
    </row>
    <row r="90" spans="1:4" ht="18" customHeight="1" x14ac:dyDescent="0.15">
      <c r="A90" s="5" t="s">
        <v>20</v>
      </c>
      <c r="B90" s="22">
        <v>336</v>
      </c>
      <c r="C90" s="14">
        <v>378</v>
      </c>
      <c r="D90" s="18">
        <v>714</v>
      </c>
    </row>
    <row r="91" spans="1:4" ht="18" customHeight="1" x14ac:dyDescent="0.15">
      <c r="A91" s="5">
        <v>70</v>
      </c>
      <c r="B91" s="22">
        <v>75</v>
      </c>
      <c r="C91" s="14">
        <v>87</v>
      </c>
      <c r="D91" s="18">
        <v>162</v>
      </c>
    </row>
    <row r="92" spans="1:4" ht="18" customHeight="1" x14ac:dyDescent="0.15">
      <c r="A92" s="5">
        <v>71</v>
      </c>
      <c r="B92" s="22">
        <v>60</v>
      </c>
      <c r="C92" s="14">
        <v>86</v>
      </c>
      <c r="D92" s="18">
        <v>146</v>
      </c>
    </row>
    <row r="93" spans="1:4" ht="18" customHeight="1" x14ac:dyDescent="0.15">
      <c r="A93" s="5">
        <v>72</v>
      </c>
      <c r="B93" s="22">
        <v>83</v>
      </c>
      <c r="C93" s="14">
        <v>84</v>
      </c>
      <c r="D93" s="18">
        <v>167</v>
      </c>
    </row>
    <row r="94" spans="1:4" ht="18" customHeight="1" x14ac:dyDescent="0.15">
      <c r="A94" s="5">
        <v>73</v>
      </c>
      <c r="B94" s="22">
        <v>88</v>
      </c>
      <c r="C94" s="14">
        <v>79</v>
      </c>
      <c r="D94" s="18">
        <v>167</v>
      </c>
    </row>
    <row r="95" spans="1:4" ht="18" customHeight="1" x14ac:dyDescent="0.15">
      <c r="A95" s="5">
        <v>74</v>
      </c>
      <c r="B95" s="22">
        <v>83</v>
      </c>
      <c r="C95" s="14">
        <v>103</v>
      </c>
      <c r="D95" s="18">
        <v>186</v>
      </c>
    </row>
    <row r="96" spans="1:4" ht="18" customHeight="1" x14ac:dyDescent="0.15">
      <c r="A96" s="5" t="s">
        <v>33</v>
      </c>
      <c r="B96" s="22">
        <v>389</v>
      </c>
      <c r="C96" s="14">
        <v>439</v>
      </c>
      <c r="D96" s="18">
        <v>828</v>
      </c>
    </row>
    <row r="97" spans="1:4" ht="18" customHeight="1" x14ac:dyDescent="0.15">
      <c r="A97" s="5">
        <v>75</v>
      </c>
      <c r="B97" s="22">
        <v>60</v>
      </c>
      <c r="C97" s="14">
        <v>92</v>
      </c>
      <c r="D97" s="18">
        <v>152</v>
      </c>
    </row>
    <row r="98" spans="1:4" ht="18" customHeight="1" x14ac:dyDescent="0.15">
      <c r="A98" s="5">
        <v>76</v>
      </c>
      <c r="B98" s="22">
        <v>93</v>
      </c>
      <c r="C98" s="14">
        <v>104</v>
      </c>
      <c r="D98" s="18">
        <v>197</v>
      </c>
    </row>
    <row r="99" spans="1:4" ht="18" customHeight="1" x14ac:dyDescent="0.15">
      <c r="A99" s="5">
        <v>77</v>
      </c>
      <c r="B99" s="22">
        <v>102</v>
      </c>
      <c r="C99" s="14">
        <v>119</v>
      </c>
      <c r="D99" s="18">
        <v>221</v>
      </c>
    </row>
    <row r="100" spans="1:4" ht="18" customHeight="1" x14ac:dyDescent="0.15">
      <c r="A100" s="5">
        <v>78</v>
      </c>
      <c r="B100" s="22">
        <v>99</v>
      </c>
      <c r="C100" s="14">
        <v>91</v>
      </c>
      <c r="D100" s="18">
        <v>190</v>
      </c>
    </row>
    <row r="101" spans="1:4" ht="18" customHeight="1" x14ac:dyDescent="0.15">
      <c r="A101" s="5">
        <v>79</v>
      </c>
      <c r="B101" s="22">
        <v>70</v>
      </c>
      <c r="C101" s="14">
        <v>85</v>
      </c>
      <c r="D101" s="18">
        <v>155</v>
      </c>
    </row>
    <row r="102" spans="1:4" ht="18" customHeight="1" x14ac:dyDescent="0.15">
      <c r="A102" s="5" t="s">
        <v>0</v>
      </c>
      <c r="B102" s="22">
        <v>424</v>
      </c>
      <c r="C102" s="14">
        <v>491</v>
      </c>
      <c r="D102" s="18">
        <v>915</v>
      </c>
    </row>
    <row r="103" spans="1:4" ht="18" customHeight="1" x14ac:dyDescent="0.15">
      <c r="A103" s="5">
        <v>80</v>
      </c>
      <c r="B103" s="22">
        <v>58</v>
      </c>
      <c r="C103" s="14">
        <v>76</v>
      </c>
      <c r="D103" s="18">
        <v>134</v>
      </c>
    </row>
    <row r="104" spans="1:4" ht="18" customHeight="1" x14ac:dyDescent="0.15">
      <c r="A104" s="5">
        <v>81</v>
      </c>
      <c r="B104" s="22">
        <v>55</v>
      </c>
      <c r="C104" s="14">
        <v>84</v>
      </c>
      <c r="D104" s="18">
        <v>139</v>
      </c>
    </row>
    <row r="105" spans="1:4" ht="18" customHeight="1" x14ac:dyDescent="0.15">
      <c r="A105" s="5">
        <v>82</v>
      </c>
      <c r="B105" s="22">
        <v>61</v>
      </c>
      <c r="C105" s="14">
        <v>94</v>
      </c>
      <c r="D105" s="18">
        <v>155</v>
      </c>
    </row>
    <row r="106" spans="1:4" ht="18" customHeight="1" x14ac:dyDescent="0.15">
      <c r="A106" s="5">
        <v>83</v>
      </c>
      <c r="B106" s="22">
        <v>50</v>
      </c>
      <c r="C106" s="14">
        <v>77</v>
      </c>
      <c r="D106" s="18">
        <v>127</v>
      </c>
    </row>
    <row r="107" spans="1:4" ht="18" customHeight="1" x14ac:dyDescent="0.15">
      <c r="A107" s="5">
        <v>84</v>
      </c>
      <c r="B107" s="22">
        <v>52</v>
      </c>
      <c r="C107" s="14">
        <v>90</v>
      </c>
      <c r="D107" s="18">
        <v>142</v>
      </c>
    </row>
    <row r="108" spans="1:4" ht="18" customHeight="1" x14ac:dyDescent="0.15">
      <c r="A108" s="5" t="s">
        <v>35</v>
      </c>
      <c r="B108" s="22">
        <v>276</v>
      </c>
      <c r="C108" s="14">
        <v>421</v>
      </c>
      <c r="D108" s="18">
        <v>697</v>
      </c>
    </row>
    <row r="109" spans="1:4" ht="18" customHeight="1" x14ac:dyDescent="0.15">
      <c r="A109" s="5">
        <v>85</v>
      </c>
      <c r="B109" s="22">
        <v>49</v>
      </c>
      <c r="C109" s="14">
        <v>80</v>
      </c>
      <c r="D109" s="18">
        <v>129</v>
      </c>
    </row>
    <row r="110" spans="1:4" ht="18" customHeight="1" x14ac:dyDescent="0.15">
      <c r="A110" s="5">
        <v>86</v>
      </c>
      <c r="B110" s="22">
        <v>46</v>
      </c>
      <c r="C110" s="14">
        <v>56</v>
      </c>
      <c r="D110" s="18">
        <v>102</v>
      </c>
    </row>
    <row r="111" spans="1:4" ht="18" customHeight="1" x14ac:dyDescent="0.15">
      <c r="A111" s="5">
        <v>87</v>
      </c>
      <c r="B111" s="22">
        <v>30</v>
      </c>
      <c r="C111" s="14">
        <v>39</v>
      </c>
      <c r="D111" s="18">
        <v>69</v>
      </c>
    </row>
    <row r="112" spans="1:4" ht="18" customHeight="1" x14ac:dyDescent="0.15">
      <c r="A112" s="5">
        <v>88</v>
      </c>
      <c r="B112" s="22">
        <v>19</v>
      </c>
      <c r="C112" s="14">
        <v>50</v>
      </c>
      <c r="D112" s="18">
        <v>69</v>
      </c>
    </row>
    <row r="113" spans="1:4" ht="18" customHeight="1" x14ac:dyDescent="0.15">
      <c r="A113" s="5">
        <v>89</v>
      </c>
      <c r="B113" s="22">
        <v>17</v>
      </c>
      <c r="C113" s="14">
        <v>55</v>
      </c>
      <c r="D113" s="18">
        <v>72</v>
      </c>
    </row>
    <row r="114" spans="1:4" ht="18" customHeight="1" x14ac:dyDescent="0.15">
      <c r="A114" s="5" t="s">
        <v>37</v>
      </c>
      <c r="B114" s="22">
        <v>161</v>
      </c>
      <c r="C114" s="14">
        <v>280</v>
      </c>
      <c r="D114" s="18">
        <v>441</v>
      </c>
    </row>
    <row r="115" spans="1:4" ht="18" customHeight="1" x14ac:dyDescent="0.15">
      <c r="A115" s="5">
        <v>90</v>
      </c>
      <c r="B115" s="22">
        <v>29</v>
      </c>
      <c r="C115" s="14">
        <v>54</v>
      </c>
      <c r="D115" s="18">
        <v>83</v>
      </c>
    </row>
    <row r="116" spans="1:4" ht="18" customHeight="1" x14ac:dyDescent="0.15">
      <c r="A116" s="5">
        <v>91</v>
      </c>
      <c r="B116" s="22">
        <v>16</v>
      </c>
      <c r="C116" s="14">
        <v>28</v>
      </c>
      <c r="D116" s="18">
        <v>44</v>
      </c>
    </row>
    <row r="117" spans="1:4" ht="18" customHeight="1" x14ac:dyDescent="0.15">
      <c r="A117" s="5">
        <v>92</v>
      </c>
      <c r="B117" s="22">
        <v>17</v>
      </c>
      <c r="C117" s="14">
        <v>34</v>
      </c>
      <c r="D117" s="18">
        <v>51</v>
      </c>
    </row>
    <row r="118" spans="1:4" ht="18" customHeight="1" x14ac:dyDescent="0.15">
      <c r="A118" s="5">
        <v>93</v>
      </c>
      <c r="B118" s="22">
        <v>8</v>
      </c>
      <c r="C118" s="14">
        <v>44</v>
      </c>
      <c r="D118" s="18">
        <v>52</v>
      </c>
    </row>
    <row r="119" spans="1:4" ht="18" customHeight="1" x14ac:dyDescent="0.15">
      <c r="A119" s="5">
        <v>94</v>
      </c>
      <c r="B119" s="22">
        <v>7</v>
      </c>
      <c r="C119" s="14">
        <v>32</v>
      </c>
      <c r="D119" s="18">
        <v>39</v>
      </c>
    </row>
    <row r="120" spans="1:4" ht="18" customHeight="1" x14ac:dyDescent="0.15">
      <c r="A120" s="5" t="s">
        <v>39</v>
      </c>
      <c r="B120" s="22">
        <v>77</v>
      </c>
      <c r="C120" s="14">
        <v>192</v>
      </c>
      <c r="D120" s="18">
        <v>269</v>
      </c>
    </row>
    <row r="121" spans="1:4" ht="18" customHeight="1" x14ac:dyDescent="0.15">
      <c r="A121" s="5">
        <v>95</v>
      </c>
      <c r="B121" s="22">
        <v>7</v>
      </c>
      <c r="C121" s="14">
        <v>27</v>
      </c>
      <c r="D121" s="18">
        <v>34</v>
      </c>
    </row>
    <row r="122" spans="1:4" ht="18" customHeight="1" x14ac:dyDescent="0.15">
      <c r="A122" s="5">
        <v>96</v>
      </c>
      <c r="B122" s="22">
        <v>4</v>
      </c>
      <c r="C122" s="14">
        <v>16</v>
      </c>
      <c r="D122" s="18">
        <v>20</v>
      </c>
    </row>
    <row r="123" spans="1:4" ht="18" customHeight="1" x14ac:dyDescent="0.15">
      <c r="A123" s="5">
        <v>97</v>
      </c>
      <c r="B123" s="22">
        <v>4</v>
      </c>
      <c r="C123" s="14">
        <v>13</v>
      </c>
      <c r="D123" s="18">
        <v>17</v>
      </c>
    </row>
    <row r="124" spans="1:4" ht="18" customHeight="1" x14ac:dyDescent="0.15">
      <c r="A124" s="5">
        <v>98</v>
      </c>
      <c r="B124" s="22">
        <v>0</v>
      </c>
      <c r="C124" s="14">
        <v>7</v>
      </c>
      <c r="D124" s="18">
        <v>7</v>
      </c>
    </row>
    <row r="125" spans="1:4" ht="18" customHeight="1" x14ac:dyDescent="0.15">
      <c r="A125" s="5">
        <v>99</v>
      </c>
      <c r="B125" s="22">
        <v>1</v>
      </c>
      <c r="C125" s="14">
        <v>8</v>
      </c>
      <c r="D125" s="18">
        <v>9</v>
      </c>
    </row>
    <row r="126" spans="1:4" ht="18" customHeight="1" x14ac:dyDescent="0.15">
      <c r="A126" s="5" t="s">
        <v>40</v>
      </c>
      <c r="B126" s="22">
        <v>16</v>
      </c>
      <c r="C126" s="14">
        <v>71</v>
      </c>
      <c r="D126" s="18">
        <v>87</v>
      </c>
    </row>
    <row r="127" spans="1:4" ht="18" customHeight="1" x14ac:dyDescent="0.15">
      <c r="A127" s="5">
        <v>100</v>
      </c>
      <c r="B127" s="22">
        <v>3</v>
      </c>
      <c r="C127" s="14">
        <v>3</v>
      </c>
      <c r="D127" s="18">
        <v>6</v>
      </c>
    </row>
    <row r="128" spans="1:4" ht="18" customHeight="1" x14ac:dyDescent="0.15">
      <c r="A128" s="6" t="s">
        <v>43</v>
      </c>
      <c r="B128" s="22">
        <v>0</v>
      </c>
      <c r="C128" s="14">
        <v>8</v>
      </c>
      <c r="D128" s="18">
        <v>8</v>
      </c>
    </row>
    <row r="129" spans="1:4" ht="18" customHeight="1" x14ac:dyDescent="0.15">
      <c r="A129" s="5" t="s">
        <v>44</v>
      </c>
      <c r="B129" s="22">
        <v>3</v>
      </c>
      <c r="C129" s="14">
        <v>11</v>
      </c>
      <c r="D129" s="18">
        <v>14</v>
      </c>
    </row>
    <row r="130" spans="1:4" ht="18" customHeight="1" x14ac:dyDescent="0.15">
      <c r="A130" s="5" t="s">
        <v>46</v>
      </c>
      <c r="B130" s="22">
        <v>1682</v>
      </c>
      <c r="C130" s="14">
        <v>2283</v>
      </c>
      <c r="D130" s="18">
        <v>3965</v>
      </c>
    </row>
    <row r="131" spans="1:4" ht="18" customHeight="1" x14ac:dyDescent="0.15">
      <c r="A131" s="7" t="s">
        <v>45</v>
      </c>
      <c r="B131" s="23">
        <v>5878</v>
      </c>
      <c r="C131" s="15">
        <v>6170</v>
      </c>
      <c r="D131" s="19">
        <v>1204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1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</v>
      </c>
      <c r="C5" s="13">
        <v>8</v>
      </c>
      <c r="D5" s="17">
        <v>9</v>
      </c>
    </row>
    <row r="6" spans="1:4" ht="18" customHeight="1" x14ac:dyDescent="0.15">
      <c r="A6" s="5">
        <v>1</v>
      </c>
      <c r="B6" s="22">
        <v>5</v>
      </c>
      <c r="C6" s="14">
        <v>12</v>
      </c>
      <c r="D6" s="18">
        <v>17</v>
      </c>
    </row>
    <row r="7" spans="1:4" ht="18" customHeight="1" x14ac:dyDescent="0.15">
      <c r="A7" s="5">
        <v>2</v>
      </c>
      <c r="B7" s="22">
        <v>12</v>
      </c>
      <c r="C7" s="14">
        <v>10</v>
      </c>
      <c r="D7" s="18">
        <v>22</v>
      </c>
    </row>
    <row r="8" spans="1:4" ht="18" customHeight="1" x14ac:dyDescent="0.15">
      <c r="A8" s="5">
        <v>3</v>
      </c>
      <c r="B8" s="22">
        <v>7</v>
      </c>
      <c r="C8" s="14">
        <v>10</v>
      </c>
      <c r="D8" s="18">
        <v>17</v>
      </c>
    </row>
    <row r="9" spans="1:4" ht="18" customHeight="1" x14ac:dyDescent="0.15">
      <c r="A9" s="5">
        <v>4</v>
      </c>
      <c r="B9" s="22">
        <v>11</v>
      </c>
      <c r="C9" s="14">
        <v>9</v>
      </c>
      <c r="D9" s="18">
        <v>20</v>
      </c>
    </row>
    <row r="10" spans="1:4" ht="18" customHeight="1" x14ac:dyDescent="0.15">
      <c r="A10" s="5" t="s">
        <v>7</v>
      </c>
      <c r="B10" s="22">
        <v>36</v>
      </c>
      <c r="C10" s="14">
        <v>49</v>
      </c>
      <c r="D10" s="18">
        <v>85</v>
      </c>
    </row>
    <row r="11" spans="1:4" ht="18" customHeight="1" x14ac:dyDescent="0.15">
      <c r="A11" s="5">
        <v>5</v>
      </c>
      <c r="B11" s="22">
        <v>13</v>
      </c>
      <c r="C11" s="14">
        <v>10</v>
      </c>
      <c r="D11" s="18">
        <v>23</v>
      </c>
    </row>
    <row r="12" spans="1:4" ht="18" customHeight="1" x14ac:dyDescent="0.15">
      <c r="A12" s="5">
        <v>6</v>
      </c>
      <c r="B12" s="22">
        <v>10</v>
      </c>
      <c r="C12" s="14">
        <v>11</v>
      </c>
      <c r="D12" s="18">
        <v>21</v>
      </c>
    </row>
    <row r="13" spans="1:4" ht="18" customHeight="1" x14ac:dyDescent="0.15">
      <c r="A13" s="5">
        <v>7</v>
      </c>
      <c r="B13" s="22">
        <v>9</v>
      </c>
      <c r="C13" s="14">
        <v>10</v>
      </c>
      <c r="D13" s="18">
        <v>19</v>
      </c>
    </row>
    <row r="14" spans="1:4" ht="18" customHeight="1" x14ac:dyDescent="0.15">
      <c r="A14" s="5">
        <v>8</v>
      </c>
      <c r="B14" s="22">
        <v>8</v>
      </c>
      <c r="C14" s="14">
        <v>17</v>
      </c>
      <c r="D14" s="18">
        <v>25</v>
      </c>
    </row>
    <row r="15" spans="1:4" ht="18" customHeight="1" x14ac:dyDescent="0.15">
      <c r="A15" s="5">
        <v>9</v>
      </c>
      <c r="B15" s="22">
        <v>12</v>
      </c>
      <c r="C15" s="14">
        <v>6</v>
      </c>
      <c r="D15" s="18">
        <v>18</v>
      </c>
    </row>
    <row r="16" spans="1:4" ht="18" customHeight="1" x14ac:dyDescent="0.15">
      <c r="A16" s="5" t="s">
        <v>11</v>
      </c>
      <c r="B16" s="22">
        <v>52</v>
      </c>
      <c r="C16" s="14">
        <v>54</v>
      </c>
      <c r="D16" s="18">
        <v>106</v>
      </c>
    </row>
    <row r="17" spans="1:4" ht="18" customHeight="1" x14ac:dyDescent="0.15">
      <c r="A17" s="5">
        <v>10</v>
      </c>
      <c r="B17" s="22">
        <v>13</v>
      </c>
      <c r="C17" s="14">
        <v>15</v>
      </c>
      <c r="D17" s="18">
        <v>28</v>
      </c>
    </row>
    <row r="18" spans="1:4" ht="18" customHeight="1" x14ac:dyDescent="0.15">
      <c r="A18" s="5">
        <v>11</v>
      </c>
      <c r="B18" s="22">
        <v>11</v>
      </c>
      <c r="C18" s="14">
        <v>7</v>
      </c>
      <c r="D18" s="18">
        <v>18</v>
      </c>
    </row>
    <row r="19" spans="1:4" ht="18" customHeight="1" x14ac:dyDescent="0.15">
      <c r="A19" s="5">
        <v>12</v>
      </c>
      <c r="B19" s="22">
        <v>11</v>
      </c>
      <c r="C19" s="14">
        <v>13</v>
      </c>
      <c r="D19" s="18">
        <v>24</v>
      </c>
    </row>
    <row r="20" spans="1:4" ht="18" customHeight="1" x14ac:dyDescent="0.15">
      <c r="A20" s="5">
        <v>13</v>
      </c>
      <c r="B20" s="22">
        <v>16</v>
      </c>
      <c r="C20" s="14">
        <v>18</v>
      </c>
      <c r="D20" s="18">
        <v>34</v>
      </c>
    </row>
    <row r="21" spans="1:4" ht="18" customHeight="1" x14ac:dyDescent="0.15">
      <c r="A21" s="5">
        <v>14</v>
      </c>
      <c r="B21" s="22">
        <v>11</v>
      </c>
      <c r="C21" s="14">
        <v>11</v>
      </c>
      <c r="D21" s="18">
        <v>22</v>
      </c>
    </row>
    <row r="22" spans="1:4" ht="18" customHeight="1" x14ac:dyDescent="0.15">
      <c r="A22" s="5" t="s">
        <v>12</v>
      </c>
      <c r="B22" s="22">
        <v>62</v>
      </c>
      <c r="C22" s="14">
        <v>64</v>
      </c>
      <c r="D22" s="18">
        <v>126</v>
      </c>
    </row>
    <row r="23" spans="1:4" ht="18" customHeight="1" x14ac:dyDescent="0.15">
      <c r="A23" s="5" t="s">
        <v>6</v>
      </c>
      <c r="B23" s="22">
        <v>150</v>
      </c>
      <c r="C23" s="14">
        <v>167</v>
      </c>
      <c r="D23" s="18">
        <v>317</v>
      </c>
    </row>
    <row r="24" spans="1:4" ht="18" customHeight="1" x14ac:dyDescent="0.15">
      <c r="A24" s="5">
        <v>15</v>
      </c>
      <c r="B24" s="22">
        <v>17</v>
      </c>
      <c r="C24" s="14">
        <v>9</v>
      </c>
      <c r="D24" s="18">
        <v>26</v>
      </c>
    </row>
    <row r="25" spans="1:4" ht="18" customHeight="1" x14ac:dyDescent="0.15">
      <c r="A25" s="5">
        <v>16</v>
      </c>
      <c r="B25" s="22">
        <v>11</v>
      </c>
      <c r="C25" s="14">
        <v>13</v>
      </c>
      <c r="D25" s="18">
        <v>24</v>
      </c>
    </row>
    <row r="26" spans="1:4" ht="18" customHeight="1" x14ac:dyDescent="0.15">
      <c r="A26" s="5">
        <v>17</v>
      </c>
      <c r="B26" s="22">
        <v>9</v>
      </c>
      <c r="C26" s="14">
        <v>16</v>
      </c>
      <c r="D26" s="18">
        <v>25</v>
      </c>
    </row>
    <row r="27" spans="1:4" ht="18" customHeight="1" x14ac:dyDescent="0.15">
      <c r="A27" s="5">
        <v>18</v>
      </c>
      <c r="B27" s="22">
        <v>16</v>
      </c>
      <c r="C27" s="14">
        <v>14</v>
      </c>
      <c r="D27" s="18">
        <v>30</v>
      </c>
    </row>
    <row r="28" spans="1:4" ht="18" customHeight="1" x14ac:dyDescent="0.15">
      <c r="A28" s="5">
        <v>19</v>
      </c>
      <c r="B28" s="22">
        <v>38</v>
      </c>
      <c r="C28" s="14">
        <v>27</v>
      </c>
      <c r="D28" s="18">
        <v>65</v>
      </c>
    </row>
    <row r="29" spans="1:4" ht="18" customHeight="1" x14ac:dyDescent="0.15">
      <c r="A29" s="5" t="s">
        <v>14</v>
      </c>
      <c r="B29" s="22">
        <v>91</v>
      </c>
      <c r="C29" s="14">
        <v>79</v>
      </c>
      <c r="D29" s="18">
        <v>170</v>
      </c>
    </row>
    <row r="30" spans="1:4" ht="18" customHeight="1" x14ac:dyDescent="0.15">
      <c r="A30" s="5">
        <v>20</v>
      </c>
      <c r="B30" s="22">
        <v>14</v>
      </c>
      <c r="C30" s="14">
        <v>16</v>
      </c>
      <c r="D30" s="18">
        <v>30</v>
      </c>
    </row>
    <row r="31" spans="1:4" ht="18" customHeight="1" x14ac:dyDescent="0.15">
      <c r="A31" s="5">
        <v>21</v>
      </c>
      <c r="B31" s="22">
        <v>12</v>
      </c>
      <c r="C31" s="14">
        <v>16</v>
      </c>
      <c r="D31" s="18">
        <v>28</v>
      </c>
    </row>
    <row r="32" spans="1:4" ht="18" customHeight="1" x14ac:dyDescent="0.15">
      <c r="A32" s="5">
        <v>22</v>
      </c>
      <c r="B32" s="22">
        <v>7</v>
      </c>
      <c r="C32" s="14">
        <v>12</v>
      </c>
      <c r="D32" s="18">
        <v>19</v>
      </c>
    </row>
    <row r="33" spans="1:4" ht="18" customHeight="1" x14ac:dyDescent="0.15">
      <c r="A33" s="5">
        <v>23</v>
      </c>
      <c r="B33" s="22">
        <v>17</v>
      </c>
      <c r="C33" s="14">
        <v>15</v>
      </c>
      <c r="D33" s="18">
        <v>32</v>
      </c>
    </row>
    <row r="34" spans="1:4" ht="18" customHeight="1" x14ac:dyDescent="0.15">
      <c r="A34" s="5">
        <v>24</v>
      </c>
      <c r="B34" s="22">
        <v>13</v>
      </c>
      <c r="C34" s="14">
        <v>8</v>
      </c>
      <c r="D34" s="18">
        <v>21</v>
      </c>
    </row>
    <row r="35" spans="1:4" ht="18" customHeight="1" x14ac:dyDescent="0.15">
      <c r="A35" s="5" t="s">
        <v>9</v>
      </c>
      <c r="B35" s="22">
        <v>63</v>
      </c>
      <c r="C35" s="14">
        <v>67</v>
      </c>
      <c r="D35" s="18">
        <v>130</v>
      </c>
    </row>
    <row r="36" spans="1:4" ht="18" customHeight="1" x14ac:dyDescent="0.15">
      <c r="A36" s="5">
        <v>25</v>
      </c>
      <c r="B36" s="22">
        <v>15</v>
      </c>
      <c r="C36" s="14">
        <v>10</v>
      </c>
      <c r="D36" s="18">
        <v>25</v>
      </c>
    </row>
    <row r="37" spans="1:4" ht="18" customHeight="1" x14ac:dyDescent="0.15">
      <c r="A37" s="5">
        <v>26</v>
      </c>
      <c r="B37" s="22">
        <v>12</v>
      </c>
      <c r="C37" s="14">
        <v>8</v>
      </c>
      <c r="D37" s="18">
        <v>20</v>
      </c>
    </row>
    <row r="38" spans="1:4" ht="18" customHeight="1" x14ac:dyDescent="0.15">
      <c r="A38" s="5">
        <v>27</v>
      </c>
      <c r="B38" s="22">
        <v>18</v>
      </c>
      <c r="C38" s="14">
        <v>11</v>
      </c>
      <c r="D38" s="18">
        <v>29</v>
      </c>
    </row>
    <row r="39" spans="1:4" ht="18" customHeight="1" x14ac:dyDescent="0.15">
      <c r="A39" s="5">
        <v>28</v>
      </c>
      <c r="B39" s="22">
        <v>15</v>
      </c>
      <c r="C39" s="14">
        <v>6</v>
      </c>
      <c r="D39" s="18">
        <v>21</v>
      </c>
    </row>
    <row r="40" spans="1:4" ht="18" customHeight="1" x14ac:dyDescent="0.15">
      <c r="A40" s="5">
        <v>29</v>
      </c>
      <c r="B40" s="22">
        <v>8</v>
      </c>
      <c r="C40" s="14">
        <v>13</v>
      </c>
      <c r="D40" s="18">
        <v>21</v>
      </c>
    </row>
    <row r="41" spans="1:4" ht="18" customHeight="1" x14ac:dyDescent="0.15">
      <c r="A41" s="5" t="s">
        <v>2</v>
      </c>
      <c r="B41" s="22">
        <v>68</v>
      </c>
      <c r="C41" s="14">
        <v>48</v>
      </c>
      <c r="D41" s="18">
        <v>116</v>
      </c>
    </row>
    <row r="42" spans="1:4" ht="18" customHeight="1" x14ac:dyDescent="0.15">
      <c r="A42" s="5">
        <v>30</v>
      </c>
      <c r="B42" s="22">
        <v>7</v>
      </c>
      <c r="C42" s="14">
        <v>6</v>
      </c>
      <c r="D42" s="18">
        <v>13</v>
      </c>
    </row>
    <row r="43" spans="1:4" ht="18" customHeight="1" x14ac:dyDescent="0.15">
      <c r="A43" s="5">
        <v>31</v>
      </c>
      <c r="B43" s="22">
        <v>14</v>
      </c>
      <c r="C43" s="14">
        <v>9</v>
      </c>
      <c r="D43" s="18">
        <v>23</v>
      </c>
    </row>
    <row r="44" spans="1:4" ht="18" customHeight="1" x14ac:dyDescent="0.15">
      <c r="A44" s="5">
        <v>32</v>
      </c>
      <c r="B44" s="22">
        <v>15</v>
      </c>
      <c r="C44" s="14">
        <v>13</v>
      </c>
      <c r="D44" s="18">
        <v>28</v>
      </c>
    </row>
    <row r="45" spans="1:4" ht="18" customHeight="1" x14ac:dyDescent="0.15">
      <c r="A45" s="5">
        <v>33</v>
      </c>
      <c r="B45" s="22">
        <v>12</v>
      </c>
      <c r="C45" s="14">
        <v>10</v>
      </c>
      <c r="D45" s="18">
        <v>22</v>
      </c>
    </row>
    <row r="46" spans="1:4" ht="18" customHeight="1" x14ac:dyDescent="0.15">
      <c r="A46" s="5">
        <v>34</v>
      </c>
      <c r="B46" s="22">
        <v>9</v>
      </c>
      <c r="C46" s="14">
        <v>9</v>
      </c>
      <c r="D46" s="18">
        <v>18</v>
      </c>
    </row>
    <row r="47" spans="1:4" ht="18" customHeight="1" x14ac:dyDescent="0.15">
      <c r="A47" s="5" t="s">
        <v>15</v>
      </c>
      <c r="B47" s="22">
        <v>57</v>
      </c>
      <c r="C47" s="14">
        <v>47</v>
      </c>
      <c r="D47" s="18">
        <v>104</v>
      </c>
    </row>
    <row r="48" spans="1:4" ht="18" customHeight="1" x14ac:dyDescent="0.15">
      <c r="A48" s="5">
        <v>35</v>
      </c>
      <c r="B48" s="22">
        <v>16</v>
      </c>
      <c r="C48" s="14">
        <v>9</v>
      </c>
      <c r="D48" s="18">
        <v>25</v>
      </c>
    </row>
    <row r="49" spans="1:4" ht="18" customHeight="1" x14ac:dyDescent="0.15">
      <c r="A49" s="5">
        <v>36</v>
      </c>
      <c r="B49" s="22">
        <v>16</v>
      </c>
      <c r="C49" s="14">
        <v>15</v>
      </c>
      <c r="D49" s="18">
        <v>31</v>
      </c>
    </row>
    <row r="50" spans="1:4" ht="18" customHeight="1" x14ac:dyDescent="0.15">
      <c r="A50" s="5">
        <v>37</v>
      </c>
      <c r="B50" s="22">
        <v>11</v>
      </c>
      <c r="C50" s="14">
        <v>12</v>
      </c>
      <c r="D50" s="18">
        <v>23</v>
      </c>
    </row>
    <row r="51" spans="1:4" ht="18" customHeight="1" x14ac:dyDescent="0.15">
      <c r="A51" s="5">
        <v>38</v>
      </c>
      <c r="B51" s="22">
        <v>12</v>
      </c>
      <c r="C51" s="14">
        <v>9</v>
      </c>
      <c r="D51" s="18">
        <v>21</v>
      </c>
    </row>
    <row r="52" spans="1:4" ht="18" customHeight="1" x14ac:dyDescent="0.15">
      <c r="A52" s="5">
        <v>39</v>
      </c>
      <c r="B52" s="22">
        <v>19</v>
      </c>
      <c r="C52" s="14">
        <v>12</v>
      </c>
      <c r="D52" s="18">
        <v>31</v>
      </c>
    </row>
    <row r="53" spans="1:4" ht="18" customHeight="1" x14ac:dyDescent="0.15">
      <c r="A53" s="5" t="s">
        <v>18</v>
      </c>
      <c r="B53" s="22">
        <v>74</v>
      </c>
      <c r="C53" s="14">
        <v>57</v>
      </c>
      <c r="D53" s="18">
        <v>131</v>
      </c>
    </row>
    <row r="54" spans="1:4" ht="18" customHeight="1" x14ac:dyDescent="0.15">
      <c r="A54" s="5">
        <v>40</v>
      </c>
      <c r="B54" s="22">
        <v>20</v>
      </c>
      <c r="C54" s="14">
        <v>12</v>
      </c>
      <c r="D54" s="18">
        <v>32</v>
      </c>
    </row>
    <row r="55" spans="1:4" ht="18" customHeight="1" x14ac:dyDescent="0.15">
      <c r="A55" s="5">
        <v>41</v>
      </c>
      <c r="B55" s="22">
        <v>16</v>
      </c>
      <c r="C55" s="14">
        <v>20</v>
      </c>
      <c r="D55" s="18">
        <v>36</v>
      </c>
    </row>
    <row r="56" spans="1:4" ht="18" customHeight="1" x14ac:dyDescent="0.15">
      <c r="A56" s="5">
        <v>42</v>
      </c>
      <c r="B56" s="22">
        <v>22</v>
      </c>
      <c r="C56" s="14">
        <v>20</v>
      </c>
      <c r="D56" s="18">
        <v>42</v>
      </c>
    </row>
    <row r="57" spans="1:4" ht="18" customHeight="1" x14ac:dyDescent="0.15">
      <c r="A57" s="5">
        <v>43</v>
      </c>
      <c r="B57" s="22">
        <v>17</v>
      </c>
      <c r="C57" s="14">
        <v>13</v>
      </c>
      <c r="D57" s="18">
        <v>30</v>
      </c>
    </row>
    <row r="58" spans="1:4" ht="18" customHeight="1" x14ac:dyDescent="0.15">
      <c r="A58" s="5">
        <v>44</v>
      </c>
      <c r="B58" s="22">
        <v>18</v>
      </c>
      <c r="C58" s="14">
        <v>16</v>
      </c>
      <c r="D58" s="18">
        <v>34</v>
      </c>
    </row>
    <row r="59" spans="1:4" ht="18" customHeight="1" x14ac:dyDescent="0.15">
      <c r="A59" s="5" t="s">
        <v>21</v>
      </c>
      <c r="B59" s="22">
        <v>93</v>
      </c>
      <c r="C59" s="14">
        <v>81</v>
      </c>
      <c r="D59" s="18">
        <v>174</v>
      </c>
    </row>
    <row r="60" spans="1:4" ht="18" customHeight="1" x14ac:dyDescent="0.15">
      <c r="A60" s="5">
        <v>45</v>
      </c>
      <c r="B60" s="22">
        <v>24</v>
      </c>
      <c r="C60" s="14">
        <v>23</v>
      </c>
      <c r="D60" s="18">
        <v>47</v>
      </c>
    </row>
    <row r="61" spans="1:4" ht="18" customHeight="1" x14ac:dyDescent="0.15">
      <c r="A61" s="5">
        <v>46</v>
      </c>
      <c r="B61" s="22">
        <v>21</v>
      </c>
      <c r="C61" s="14">
        <v>13</v>
      </c>
      <c r="D61" s="18">
        <v>34</v>
      </c>
    </row>
    <row r="62" spans="1:4" ht="18" customHeight="1" x14ac:dyDescent="0.15">
      <c r="A62" s="5">
        <v>47</v>
      </c>
      <c r="B62" s="22">
        <v>21</v>
      </c>
      <c r="C62" s="14">
        <v>15</v>
      </c>
      <c r="D62" s="18">
        <v>36</v>
      </c>
    </row>
    <row r="63" spans="1:4" ht="18" customHeight="1" x14ac:dyDescent="0.15">
      <c r="A63" s="5">
        <v>48</v>
      </c>
      <c r="B63" s="22">
        <v>21</v>
      </c>
      <c r="C63" s="14">
        <v>21</v>
      </c>
      <c r="D63" s="18">
        <v>42</v>
      </c>
    </row>
    <row r="64" spans="1:4" ht="18" customHeight="1" x14ac:dyDescent="0.15">
      <c r="A64" s="5">
        <v>49</v>
      </c>
      <c r="B64" s="22">
        <v>17</v>
      </c>
      <c r="C64" s="14">
        <v>33</v>
      </c>
      <c r="D64" s="18">
        <v>50</v>
      </c>
    </row>
    <row r="65" spans="1:4" ht="18" customHeight="1" x14ac:dyDescent="0.15">
      <c r="A65" s="5" t="s">
        <v>17</v>
      </c>
      <c r="B65" s="22">
        <v>104</v>
      </c>
      <c r="C65" s="14">
        <v>105</v>
      </c>
      <c r="D65" s="18">
        <v>209</v>
      </c>
    </row>
    <row r="66" spans="1:4" ht="18" customHeight="1" x14ac:dyDescent="0.15">
      <c r="A66" s="5">
        <v>50</v>
      </c>
      <c r="B66" s="22">
        <v>20</v>
      </c>
      <c r="C66" s="14">
        <v>21</v>
      </c>
      <c r="D66" s="18">
        <v>41</v>
      </c>
    </row>
    <row r="67" spans="1:4" ht="18" customHeight="1" x14ac:dyDescent="0.15">
      <c r="A67" s="5">
        <v>51</v>
      </c>
      <c r="B67" s="22">
        <v>19</v>
      </c>
      <c r="C67" s="14">
        <v>23</v>
      </c>
      <c r="D67" s="18">
        <v>42</v>
      </c>
    </row>
    <row r="68" spans="1:4" ht="18" customHeight="1" x14ac:dyDescent="0.15">
      <c r="A68" s="5">
        <v>52</v>
      </c>
      <c r="B68" s="22">
        <v>29</v>
      </c>
      <c r="C68" s="14">
        <v>26</v>
      </c>
      <c r="D68" s="18">
        <v>55</v>
      </c>
    </row>
    <row r="69" spans="1:4" ht="18" customHeight="1" x14ac:dyDescent="0.15">
      <c r="A69" s="5">
        <v>53</v>
      </c>
      <c r="B69" s="22">
        <v>26</v>
      </c>
      <c r="C69" s="14">
        <v>17</v>
      </c>
      <c r="D69" s="18">
        <v>43</v>
      </c>
    </row>
    <row r="70" spans="1:4" ht="18" customHeight="1" x14ac:dyDescent="0.15">
      <c r="A70" s="5">
        <v>54</v>
      </c>
      <c r="B70" s="22">
        <v>19</v>
      </c>
      <c r="C70" s="14">
        <v>30</v>
      </c>
      <c r="D70" s="18">
        <v>49</v>
      </c>
    </row>
    <row r="71" spans="1:4" ht="18" customHeight="1" x14ac:dyDescent="0.15">
      <c r="A71" s="5" t="s">
        <v>22</v>
      </c>
      <c r="B71" s="22">
        <v>113</v>
      </c>
      <c r="C71" s="14">
        <v>117</v>
      </c>
      <c r="D71" s="18">
        <v>230</v>
      </c>
    </row>
    <row r="72" spans="1:4" ht="18" customHeight="1" x14ac:dyDescent="0.15">
      <c r="A72" s="5">
        <v>55</v>
      </c>
      <c r="B72" s="22">
        <v>25</v>
      </c>
      <c r="C72" s="14">
        <v>23</v>
      </c>
      <c r="D72" s="18">
        <v>48</v>
      </c>
    </row>
    <row r="73" spans="1:4" ht="18" customHeight="1" x14ac:dyDescent="0.15">
      <c r="A73" s="5">
        <v>56</v>
      </c>
      <c r="B73" s="22">
        <v>23</v>
      </c>
      <c r="C73" s="14">
        <v>15</v>
      </c>
      <c r="D73" s="18">
        <v>38</v>
      </c>
    </row>
    <row r="74" spans="1:4" ht="18" customHeight="1" x14ac:dyDescent="0.15">
      <c r="A74" s="5">
        <v>57</v>
      </c>
      <c r="B74" s="22">
        <v>22</v>
      </c>
      <c r="C74" s="14">
        <v>23</v>
      </c>
      <c r="D74" s="18">
        <v>45</v>
      </c>
    </row>
    <row r="75" spans="1:4" ht="18" customHeight="1" x14ac:dyDescent="0.15">
      <c r="A75" s="5">
        <v>58</v>
      </c>
      <c r="B75" s="22">
        <v>14</v>
      </c>
      <c r="C75" s="14">
        <v>21</v>
      </c>
      <c r="D75" s="18">
        <v>35</v>
      </c>
    </row>
    <row r="76" spans="1:4" ht="18" customHeight="1" x14ac:dyDescent="0.15">
      <c r="A76" s="5">
        <v>59</v>
      </c>
      <c r="B76" s="22">
        <v>14</v>
      </c>
      <c r="C76" s="14">
        <v>15</v>
      </c>
      <c r="D76" s="18">
        <v>29</v>
      </c>
    </row>
    <row r="77" spans="1:4" ht="18" customHeight="1" x14ac:dyDescent="0.15">
      <c r="A77" s="5" t="s">
        <v>27</v>
      </c>
      <c r="B77" s="22">
        <v>98</v>
      </c>
      <c r="C77" s="14">
        <v>97</v>
      </c>
      <c r="D77" s="18">
        <v>195</v>
      </c>
    </row>
    <row r="78" spans="1:4" ht="18" customHeight="1" x14ac:dyDescent="0.15">
      <c r="A78" s="5">
        <v>60</v>
      </c>
      <c r="B78" s="22">
        <v>27</v>
      </c>
      <c r="C78" s="14">
        <v>21</v>
      </c>
      <c r="D78" s="18">
        <v>48</v>
      </c>
    </row>
    <row r="79" spans="1:4" ht="18" customHeight="1" x14ac:dyDescent="0.15">
      <c r="A79" s="5">
        <v>61</v>
      </c>
      <c r="B79" s="22">
        <v>14</v>
      </c>
      <c r="C79" s="14">
        <v>25</v>
      </c>
      <c r="D79" s="18">
        <v>39</v>
      </c>
    </row>
    <row r="80" spans="1:4" ht="18" customHeight="1" x14ac:dyDescent="0.15">
      <c r="A80" s="5">
        <v>62</v>
      </c>
      <c r="B80" s="22">
        <v>19</v>
      </c>
      <c r="C80" s="14">
        <v>27</v>
      </c>
      <c r="D80" s="18">
        <v>46</v>
      </c>
    </row>
    <row r="81" spans="1:4" ht="18" customHeight="1" x14ac:dyDescent="0.15">
      <c r="A81" s="5">
        <v>63</v>
      </c>
      <c r="B81" s="22">
        <v>18</v>
      </c>
      <c r="C81" s="14">
        <v>19</v>
      </c>
      <c r="D81" s="18">
        <v>37</v>
      </c>
    </row>
    <row r="82" spans="1:4" ht="18" customHeight="1" x14ac:dyDescent="0.15">
      <c r="A82" s="5">
        <v>64</v>
      </c>
      <c r="B82" s="22">
        <v>19</v>
      </c>
      <c r="C82" s="14">
        <v>16</v>
      </c>
      <c r="D82" s="18">
        <v>35</v>
      </c>
    </row>
    <row r="83" spans="1:4" ht="18" customHeight="1" x14ac:dyDescent="0.15">
      <c r="A83" s="5" t="s">
        <v>28</v>
      </c>
      <c r="B83" s="22">
        <v>97</v>
      </c>
      <c r="C83" s="14">
        <v>108</v>
      </c>
      <c r="D83" s="18">
        <v>205</v>
      </c>
    </row>
    <row r="84" spans="1:4" ht="18" customHeight="1" x14ac:dyDescent="0.15">
      <c r="A84" s="5" t="s">
        <v>31</v>
      </c>
      <c r="B84" s="22">
        <v>858</v>
      </c>
      <c r="C84" s="14">
        <v>806</v>
      </c>
      <c r="D84" s="18">
        <v>1664</v>
      </c>
    </row>
    <row r="85" spans="1:4" ht="18" customHeight="1" x14ac:dyDescent="0.15">
      <c r="A85" s="5">
        <v>65</v>
      </c>
      <c r="B85" s="22">
        <v>20</v>
      </c>
      <c r="C85" s="14">
        <v>22</v>
      </c>
      <c r="D85" s="18">
        <v>42</v>
      </c>
    </row>
    <row r="86" spans="1:4" ht="18" customHeight="1" x14ac:dyDescent="0.15">
      <c r="A86" s="5">
        <v>66</v>
      </c>
      <c r="B86" s="22">
        <v>18</v>
      </c>
      <c r="C86" s="14">
        <v>16</v>
      </c>
      <c r="D86" s="18">
        <v>34</v>
      </c>
    </row>
    <row r="87" spans="1:4" ht="18" customHeight="1" x14ac:dyDescent="0.15">
      <c r="A87" s="5">
        <v>67</v>
      </c>
      <c r="B87" s="22">
        <v>13</v>
      </c>
      <c r="C87" s="14">
        <v>16</v>
      </c>
      <c r="D87" s="18">
        <v>29</v>
      </c>
    </row>
    <row r="88" spans="1:4" ht="18" customHeight="1" x14ac:dyDescent="0.15">
      <c r="A88" s="5">
        <v>68</v>
      </c>
      <c r="B88" s="22">
        <v>16</v>
      </c>
      <c r="C88" s="14">
        <v>18</v>
      </c>
      <c r="D88" s="18">
        <v>34</v>
      </c>
    </row>
    <row r="89" spans="1:4" ht="18" customHeight="1" x14ac:dyDescent="0.15">
      <c r="A89" s="5">
        <v>69</v>
      </c>
      <c r="B89" s="22">
        <v>15</v>
      </c>
      <c r="C89" s="14">
        <v>14</v>
      </c>
      <c r="D89" s="18">
        <v>29</v>
      </c>
    </row>
    <row r="90" spans="1:4" ht="18" customHeight="1" x14ac:dyDescent="0.15">
      <c r="A90" s="5" t="s">
        <v>20</v>
      </c>
      <c r="B90" s="22">
        <v>82</v>
      </c>
      <c r="C90" s="14">
        <v>86</v>
      </c>
      <c r="D90" s="18">
        <v>168</v>
      </c>
    </row>
    <row r="91" spans="1:4" ht="18" customHeight="1" x14ac:dyDescent="0.15">
      <c r="A91" s="5">
        <v>70</v>
      </c>
      <c r="B91" s="22">
        <v>10</v>
      </c>
      <c r="C91" s="14">
        <v>18</v>
      </c>
      <c r="D91" s="18">
        <v>28</v>
      </c>
    </row>
    <row r="92" spans="1:4" ht="18" customHeight="1" x14ac:dyDescent="0.15">
      <c r="A92" s="5">
        <v>71</v>
      </c>
      <c r="B92" s="22">
        <v>12</v>
      </c>
      <c r="C92" s="14">
        <v>22</v>
      </c>
      <c r="D92" s="18">
        <v>34</v>
      </c>
    </row>
    <row r="93" spans="1:4" ht="18" customHeight="1" x14ac:dyDescent="0.15">
      <c r="A93" s="5">
        <v>72</v>
      </c>
      <c r="B93" s="22">
        <v>19</v>
      </c>
      <c r="C93" s="14">
        <v>24</v>
      </c>
      <c r="D93" s="18">
        <v>43</v>
      </c>
    </row>
    <row r="94" spans="1:4" ht="18" customHeight="1" x14ac:dyDescent="0.15">
      <c r="A94" s="5">
        <v>73</v>
      </c>
      <c r="B94" s="22">
        <v>18</v>
      </c>
      <c r="C94" s="14">
        <v>30</v>
      </c>
      <c r="D94" s="18">
        <v>48</v>
      </c>
    </row>
    <row r="95" spans="1:4" ht="18" customHeight="1" x14ac:dyDescent="0.15">
      <c r="A95" s="5">
        <v>74</v>
      </c>
      <c r="B95" s="22">
        <v>12</v>
      </c>
      <c r="C95" s="14">
        <v>23</v>
      </c>
      <c r="D95" s="18">
        <v>35</v>
      </c>
    </row>
    <row r="96" spans="1:4" ht="18" customHeight="1" x14ac:dyDescent="0.15">
      <c r="A96" s="5" t="s">
        <v>33</v>
      </c>
      <c r="B96" s="22">
        <v>71</v>
      </c>
      <c r="C96" s="14">
        <v>117</v>
      </c>
      <c r="D96" s="18">
        <v>188</v>
      </c>
    </row>
    <row r="97" spans="1:4" ht="18" customHeight="1" x14ac:dyDescent="0.15">
      <c r="A97" s="5">
        <v>75</v>
      </c>
      <c r="B97" s="22">
        <v>15</v>
      </c>
      <c r="C97" s="14">
        <v>19</v>
      </c>
      <c r="D97" s="18">
        <v>34</v>
      </c>
    </row>
    <row r="98" spans="1:4" ht="18" customHeight="1" x14ac:dyDescent="0.15">
      <c r="A98" s="5">
        <v>76</v>
      </c>
      <c r="B98" s="22">
        <v>16</v>
      </c>
      <c r="C98" s="14">
        <v>28</v>
      </c>
      <c r="D98" s="18">
        <v>44</v>
      </c>
    </row>
    <row r="99" spans="1:4" ht="18" customHeight="1" x14ac:dyDescent="0.15">
      <c r="A99" s="5">
        <v>77</v>
      </c>
      <c r="B99" s="22">
        <v>27</v>
      </c>
      <c r="C99" s="14">
        <v>32</v>
      </c>
      <c r="D99" s="18">
        <v>59</v>
      </c>
    </row>
    <row r="100" spans="1:4" ht="18" customHeight="1" x14ac:dyDescent="0.15">
      <c r="A100" s="5">
        <v>78</v>
      </c>
      <c r="B100" s="22">
        <v>19</v>
      </c>
      <c r="C100" s="14">
        <v>30</v>
      </c>
      <c r="D100" s="18">
        <v>49</v>
      </c>
    </row>
    <row r="101" spans="1:4" ht="18" customHeight="1" x14ac:dyDescent="0.15">
      <c r="A101" s="5">
        <v>79</v>
      </c>
      <c r="B101" s="22">
        <v>16</v>
      </c>
      <c r="C101" s="14">
        <v>21</v>
      </c>
      <c r="D101" s="18">
        <v>37</v>
      </c>
    </row>
    <row r="102" spans="1:4" ht="18" customHeight="1" x14ac:dyDescent="0.15">
      <c r="A102" s="5" t="s">
        <v>0</v>
      </c>
      <c r="B102" s="22">
        <v>93</v>
      </c>
      <c r="C102" s="14">
        <v>130</v>
      </c>
      <c r="D102" s="18">
        <v>223</v>
      </c>
    </row>
    <row r="103" spans="1:4" ht="18" customHeight="1" x14ac:dyDescent="0.15">
      <c r="A103" s="5">
        <v>80</v>
      </c>
      <c r="B103" s="22">
        <v>16</v>
      </c>
      <c r="C103" s="14">
        <v>9</v>
      </c>
      <c r="D103" s="18">
        <v>25</v>
      </c>
    </row>
    <row r="104" spans="1:4" ht="18" customHeight="1" x14ac:dyDescent="0.15">
      <c r="A104" s="5">
        <v>81</v>
      </c>
      <c r="B104" s="22">
        <v>11</v>
      </c>
      <c r="C104" s="14">
        <v>13</v>
      </c>
      <c r="D104" s="18">
        <v>24</v>
      </c>
    </row>
    <row r="105" spans="1:4" ht="18" customHeight="1" x14ac:dyDescent="0.15">
      <c r="A105" s="5">
        <v>82</v>
      </c>
      <c r="B105" s="22">
        <v>15</v>
      </c>
      <c r="C105" s="14">
        <v>16</v>
      </c>
      <c r="D105" s="18">
        <v>31</v>
      </c>
    </row>
    <row r="106" spans="1:4" ht="18" customHeight="1" x14ac:dyDescent="0.15">
      <c r="A106" s="5">
        <v>83</v>
      </c>
      <c r="B106" s="22">
        <v>8</v>
      </c>
      <c r="C106" s="14">
        <v>19</v>
      </c>
      <c r="D106" s="18">
        <v>27</v>
      </c>
    </row>
    <row r="107" spans="1:4" ht="18" customHeight="1" x14ac:dyDescent="0.15">
      <c r="A107" s="5">
        <v>84</v>
      </c>
      <c r="B107" s="22">
        <v>14</v>
      </c>
      <c r="C107" s="14">
        <v>9</v>
      </c>
      <c r="D107" s="18">
        <v>23</v>
      </c>
    </row>
    <row r="108" spans="1:4" ht="18" customHeight="1" x14ac:dyDescent="0.15">
      <c r="A108" s="5" t="s">
        <v>35</v>
      </c>
      <c r="B108" s="22">
        <v>64</v>
      </c>
      <c r="C108" s="14">
        <v>66</v>
      </c>
      <c r="D108" s="18">
        <v>130</v>
      </c>
    </row>
    <row r="109" spans="1:4" ht="18" customHeight="1" x14ac:dyDescent="0.15">
      <c r="A109" s="5">
        <v>85</v>
      </c>
      <c r="B109" s="22">
        <v>11</v>
      </c>
      <c r="C109" s="14">
        <v>16</v>
      </c>
      <c r="D109" s="18">
        <v>27</v>
      </c>
    </row>
    <row r="110" spans="1:4" ht="18" customHeight="1" x14ac:dyDescent="0.15">
      <c r="A110" s="5">
        <v>86</v>
      </c>
      <c r="B110" s="22">
        <v>3</v>
      </c>
      <c r="C110" s="14">
        <v>11</v>
      </c>
      <c r="D110" s="18">
        <v>14</v>
      </c>
    </row>
    <row r="111" spans="1:4" ht="18" customHeight="1" x14ac:dyDescent="0.15">
      <c r="A111" s="5">
        <v>87</v>
      </c>
      <c r="B111" s="22">
        <v>4</v>
      </c>
      <c r="C111" s="14">
        <v>10</v>
      </c>
      <c r="D111" s="18">
        <v>14</v>
      </c>
    </row>
    <row r="112" spans="1:4" ht="18" customHeight="1" x14ac:dyDescent="0.15">
      <c r="A112" s="5">
        <v>88</v>
      </c>
      <c r="B112" s="22">
        <v>6</v>
      </c>
      <c r="C112" s="14">
        <v>12</v>
      </c>
      <c r="D112" s="18">
        <v>18</v>
      </c>
    </row>
    <row r="113" spans="1:4" ht="18" customHeight="1" x14ac:dyDescent="0.15">
      <c r="A113" s="5">
        <v>89</v>
      </c>
      <c r="B113" s="22">
        <v>8</v>
      </c>
      <c r="C113" s="14">
        <v>9</v>
      </c>
      <c r="D113" s="18">
        <v>17</v>
      </c>
    </row>
    <row r="114" spans="1:4" ht="18" customHeight="1" x14ac:dyDescent="0.15">
      <c r="A114" s="5" t="s">
        <v>37</v>
      </c>
      <c r="B114" s="22">
        <v>32</v>
      </c>
      <c r="C114" s="14">
        <v>58</v>
      </c>
      <c r="D114" s="18">
        <v>90</v>
      </c>
    </row>
    <row r="115" spans="1:4" ht="18" customHeight="1" x14ac:dyDescent="0.15">
      <c r="A115" s="5">
        <v>90</v>
      </c>
      <c r="B115" s="22">
        <v>4</v>
      </c>
      <c r="C115" s="14">
        <v>13</v>
      </c>
      <c r="D115" s="18">
        <v>17</v>
      </c>
    </row>
    <row r="116" spans="1:4" ht="18" customHeight="1" x14ac:dyDescent="0.15">
      <c r="A116" s="5">
        <v>91</v>
      </c>
      <c r="B116" s="22">
        <v>3</v>
      </c>
      <c r="C116" s="14">
        <v>8</v>
      </c>
      <c r="D116" s="18">
        <v>11</v>
      </c>
    </row>
    <row r="117" spans="1:4" ht="18" customHeight="1" x14ac:dyDescent="0.15">
      <c r="A117" s="5">
        <v>92</v>
      </c>
      <c r="B117" s="22">
        <v>3</v>
      </c>
      <c r="C117" s="14">
        <v>9</v>
      </c>
      <c r="D117" s="18">
        <v>12</v>
      </c>
    </row>
    <row r="118" spans="1:4" ht="18" customHeight="1" x14ac:dyDescent="0.15">
      <c r="A118" s="5">
        <v>93</v>
      </c>
      <c r="B118" s="22">
        <v>3</v>
      </c>
      <c r="C118" s="14">
        <v>8</v>
      </c>
      <c r="D118" s="18">
        <v>11</v>
      </c>
    </row>
    <row r="119" spans="1:4" ht="18" customHeight="1" x14ac:dyDescent="0.15">
      <c r="A119" s="5">
        <v>94</v>
      </c>
      <c r="B119" s="22">
        <v>2</v>
      </c>
      <c r="C119" s="14">
        <v>9</v>
      </c>
      <c r="D119" s="18">
        <v>11</v>
      </c>
    </row>
    <row r="120" spans="1:4" ht="18" customHeight="1" x14ac:dyDescent="0.15">
      <c r="A120" s="5" t="s">
        <v>39</v>
      </c>
      <c r="B120" s="22">
        <v>15</v>
      </c>
      <c r="C120" s="14">
        <v>47</v>
      </c>
      <c r="D120" s="18">
        <v>62</v>
      </c>
    </row>
    <row r="121" spans="1:4" ht="18" customHeight="1" x14ac:dyDescent="0.15">
      <c r="A121" s="5">
        <v>95</v>
      </c>
      <c r="B121" s="22">
        <v>1</v>
      </c>
      <c r="C121" s="14">
        <v>6</v>
      </c>
      <c r="D121" s="18">
        <v>7</v>
      </c>
    </row>
    <row r="122" spans="1:4" ht="18" customHeight="1" x14ac:dyDescent="0.15">
      <c r="A122" s="5">
        <v>96</v>
      </c>
      <c r="B122" s="22">
        <v>0</v>
      </c>
      <c r="C122" s="14">
        <v>7</v>
      </c>
      <c r="D122" s="18">
        <v>7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1</v>
      </c>
      <c r="C126" s="14">
        <v>19</v>
      </c>
      <c r="D126" s="18">
        <v>20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6</v>
      </c>
      <c r="D129" s="18">
        <v>6</v>
      </c>
    </row>
    <row r="130" spans="1:4" ht="18" customHeight="1" x14ac:dyDescent="0.15">
      <c r="A130" s="5" t="s">
        <v>46</v>
      </c>
      <c r="B130" s="22">
        <v>358</v>
      </c>
      <c r="C130" s="14">
        <v>529</v>
      </c>
      <c r="D130" s="18">
        <v>887</v>
      </c>
    </row>
    <row r="131" spans="1:4" ht="18" customHeight="1" x14ac:dyDescent="0.15">
      <c r="A131" s="7" t="s">
        <v>45</v>
      </c>
      <c r="B131" s="23">
        <v>1366</v>
      </c>
      <c r="C131" s="15">
        <v>1502</v>
      </c>
      <c r="D131" s="19">
        <v>286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600-000000000000}">
  <sheetPr codeName="Sheet5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9</v>
      </c>
      <c r="C5" s="13">
        <v>13</v>
      </c>
      <c r="D5" s="17">
        <v>22</v>
      </c>
    </row>
    <row r="6" spans="1:4" ht="18" customHeight="1" x14ac:dyDescent="0.15">
      <c r="A6" s="5">
        <v>1</v>
      </c>
      <c r="B6" s="22">
        <v>6</v>
      </c>
      <c r="C6" s="14">
        <v>11</v>
      </c>
      <c r="D6" s="18">
        <v>17</v>
      </c>
    </row>
    <row r="7" spans="1:4" ht="18" customHeight="1" x14ac:dyDescent="0.15">
      <c r="A7" s="5">
        <v>2</v>
      </c>
      <c r="B7" s="22">
        <v>14</v>
      </c>
      <c r="C7" s="14">
        <v>9</v>
      </c>
      <c r="D7" s="18">
        <v>23</v>
      </c>
    </row>
    <row r="8" spans="1:4" ht="18" customHeight="1" x14ac:dyDescent="0.15">
      <c r="A8" s="5">
        <v>3</v>
      </c>
      <c r="B8" s="22">
        <v>12</v>
      </c>
      <c r="C8" s="14">
        <v>13</v>
      </c>
      <c r="D8" s="18">
        <v>25</v>
      </c>
    </row>
    <row r="9" spans="1:4" ht="18" customHeight="1" x14ac:dyDescent="0.15">
      <c r="A9" s="5">
        <v>4</v>
      </c>
      <c r="B9" s="22">
        <v>10</v>
      </c>
      <c r="C9" s="14">
        <v>14</v>
      </c>
      <c r="D9" s="18">
        <v>24</v>
      </c>
    </row>
    <row r="10" spans="1:4" ht="18" customHeight="1" x14ac:dyDescent="0.15">
      <c r="A10" s="5" t="s">
        <v>7</v>
      </c>
      <c r="B10" s="22">
        <v>51</v>
      </c>
      <c r="C10" s="14">
        <v>60</v>
      </c>
      <c r="D10" s="18">
        <v>111</v>
      </c>
    </row>
    <row r="11" spans="1:4" ht="18" customHeight="1" x14ac:dyDescent="0.15">
      <c r="A11" s="5">
        <v>5</v>
      </c>
      <c r="B11" s="22">
        <v>9</v>
      </c>
      <c r="C11" s="14">
        <v>17</v>
      </c>
      <c r="D11" s="18">
        <v>26</v>
      </c>
    </row>
    <row r="12" spans="1:4" ht="18" customHeight="1" x14ac:dyDescent="0.15">
      <c r="A12" s="5">
        <v>6</v>
      </c>
      <c r="B12" s="22">
        <v>9</v>
      </c>
      <c r="C12" s="14">
        <v>15</v>
      </c>
      <c r="D12" s="18">
        <v>24</v>
      </c>
    </row>
    <row r="13" spans="1:4" ht="18" customHeight="1" x14ac:dyDescent="0.15">
      <c r="A13" s="5">
        <v>7</v>
      </c>
      <c r="B13" s="22">
        <v>16</v>
      </c>
      <c r="C13" s="14">
        <v>10</v>
      </c>
      <c r="D13" s="18">
        <v>26</v>
      </c>
    </row>
    <row r="14" spans="1:4" ht="18" customHeight="1" x14ac:dyDescent="0.15">
      <c r="A14" s="5">
        <v>8</v>
      </c>
      <c r="B14" s="22">
        <v>10</v>
      </c>
      <c r="C14" s="14">
        <v>19</v>
      </c>
      <c r="D14" s="18">
        <v>29</v>
      </c>
    </row>
    <row r="15" spans="1:4" ht="18" customHeight="1" x14ac:dyDescent="0.15">
      <c r="A15" s="5">
        <v>9</v>
      </c>
      <c r="B15" s="22">
        <v>19</v>
      </c>
      <c r="C15" s="14">
        <v>11</v>
      </c>
      <c r="D15" s="18">
        <v>30</v>
      </c>
    </row>
    <row r="16" spans="1:4" ht="18" customHeight="1" x14ac:dyDescent="0.15">
      <c r="A16" s="5" t="s">
        <v>11</v>
      </c>
      <c r="B16" s="22">
        <v>63</v>
      </c>
      <c r="C16" s="14">
        <v>72</v>
      </c>
      <c r="D16" s="18">
        <v>135</v>
      </c>
    </row>
    <row r="17" spans="1:4" ht="18" customHeight="1" x14ac:dyDescent="0.15">
      <c r="A17" s="5">
        <v>10</v>
      </c>
      <c r="B17" s="22">
        <v>11</v>
      </c>
      <c r="C17" s="14">
        <v>10</v>
      </c>
      <c r="D17" s="18">
        <v>21</v>
      </c>
    </row>
    <row r="18" spans="1:4" ht="18" customHeight="1" x14ac:dyDescent="0.15">
      <c r="A18" s="5">
        <v>11</v>
      </c>
      <c r="B18" s="22">
        <v>12</v>
      </c>
      <c r="C18" s="14">
        <v>13</v>
      </c>
      <c r="D18" s="18">
        <v>25</v>
      </c>
    </row>
    <row r="19" spans="1:4" ht="18" customHeight="1" x14ac:dyDescent="0.15">
      <c r="A19" s="5">
        <v>12</v>
      </c>
      <c r="B19" s="22">
        <v>13</v>
      </c>
      <c r="C19" s="14">
        <v>18</v>
      </c>
      <c r="D19" s="18">
        <v>31</v>
      </c>
    </row>
    <row r="20" spans="1:4" ht="18" customHeight="1" x14ac:dyDescent="0.15">
      <c r="A20" s="5">
        <v>13</v>
      </c>
      <c r="B20" s="22">
        <v>17</v>
      </c>
      <c r="C20" s="14">
        <v>12</v>
      </c>
      <c r="D20" s="18">
        <v>29</v>
      </c>
    </row>
    <row r="21" spans="1:4" ht="18" customHeight="1" x14ac:dyDescent="0.15">
      <c r="A21" s="5">
        <v>14</v>
      </c>
      <c r="B21" s="22">
        <v>14</v>
      </c>
      <c r="C21" s="14">
        <v>18</v>
      </c>
      <c r="D21" s="18">
        <v>32</v>
      </c>
    </row>
    <row r="22" spans="1:4" ht="18" customHeight="1" x14ac:dyDescent="0.15">
      <c r="A22" s="5" t="s">
        <v>12</v>
      </c>
      <c r="B22" s="22">
        <v>67</v>
      </c>
      <c r="C22" s="14">
        <v>71</v>
      </c>
      <c r="D22" s="18">
        <v>138</v>
      </c>
    </row>
    <row r="23" spans="1:4" ht="18" customHeight="1" x14ac:dyDescent="0.15">
      <c r="A23" s="5" t="s">
        <v>6</v>
      </c>
      <c r="B23" s="22">
        <v>181</v>
      </c>
      <c r="C23" s="14">
        <v>203</v>
      </c>
      <c r="D23" s="18">
        <v>384</v>
      </c>
    </row>
    <row r="24" spans="1:4" ht="18" customHeight="1" x14ac:dyDescent="0.15">
      <c r="A24" s="5">
        <v>15</v>
      </c>
      <c r="B24" s="22">
        <v>18</v>
      </c>
      <c r="C24" s="14">
        <v>14</v>
      </c>
      <c r="D24" s="18">
        <v>32</v>
      </c>
    </row>
    <row r="25" spans="1:4" ht="18" customHeight="1" x14ac:dyDescent="0.15">
      <c r="A25" s="5">
        <v>16</v>
      </c>
      <c r="B25" s="22">
        <v>15</v>
      </c>
      <c r="C25" s="14">
        <v>13</v>
      </c>
      <c r="D25" s="18">
        <v>28</v>
      </c>
    </row>
    <row r="26" spans="1:4" ht="18" customHeight="1" x14ac:dyDescent="0.15">
      <c r="A26" s="5">
        <v>17</v>
      </c>
      <c r="B26" s="22">
        <v>14</v>
      </c>
      <c r="C26" s="14">
        <v>7</v>
      </c>
      <c r="D26" s="18">
        <v>21</v>
      </c>
    </row>
    <row r="27" spans="1:4" ht="18" customHeight="1" x14ac:dyDescent="0.15">
      <c r="A27" s="5">
        <v>18</v>
      </c>
      <c r="B27" s="22">
        <v>13</v>
      </c>
      <c r="C27" s="14">
        <v>22</v>
      </c>
      <c r="D27" s="18">
        <v>35</v>
      </c>
    </row>
    <row r="28" spans="1:4" ht="18" customHeight="1" x14ac:dyDescent="0.15">
      <c r="A28" s="5">
        <v>19</v>
      </c>
      <c r="B28" s="22">
        <v>11</v>
      </c>
      <c r="C28" s="14">
        <v>17</v>
      </c>
      <c r="D28" s="18">
        <v>28</v>
      </c>
    </row>
    <row r="29" spans="1:4" ht="18" customHeight="1" x14ac:dyDescent="0.15">
      <c r="A29" s="5" t="s">
        <v>14</v>
      </c>
      <c r="B29" s="22">
        <v>71</v>
      </c>
      <c r="C29" s="14">
        <v>73</v>
      </c>
      <c r="D29" s="18">
        <v>144</v>
      </c>
    </row>
    <row r="30" spans="1:4" ht="18" customHeight="1" x14ac:dyDescent="0.15">
      <c r="A30" s="5">
        <v>20</v>
      </c>
      <c r="B30" s="22">
        <v>16</v>
      </c>
      <c r="C30" s="14">
        <v>10</v>
      </c>
      <c r="D30" s="18">
        <v>26</v>
      </c>
    </row>
    <row r="31" spans="1:4" ht="18" customHeight="1" x14ac:dyDescent="0.15">
      <c r="A31" s="5">
        <v>21</v>
      </c>
      <c r="B31" s="22">
        <v>11</v>
      </c>
      <c r="C31" s="14">
        <v>14</v>
      </c>
      <c r="D31" s="18">
        <v>25</v>
      </c>
    </row>
    <row r="32" spans="1:4" ht="18" customHeight="1" x14ac:dyDescent="0.15">
      <c r="A32" s="5">
        <v>22</v>
      </c>
      <c r="B32" s="22">
        <v>21</v>
      </c>
      <c r="C32" s="14">
        <v>16</v>
      </c>
      <c r="D32" s="18">
        <v>37</v>
      </c>
    </row>
    <row r="33" spans="1:4" ht="18" customHeight="1" x14ac:dyDescent="0.15">
      <c r="A33" s="5">
        <v>23</v>
      </c>
      <c r="B33" s="22">
        <v>18</v>
      </c>
      <c r="C33" s="14">
        <v>18</v>
      </c>
      <c r="D33" s="18">
        <v>36</v>
      </c>
    </row>
    <row r="34" spans="1:4" ht="18" customHeight="1" x14ac:dyDescent="0.15">
      <c r="A34" s="5">
        <v>24</v>
      </c>
      <c r="B34" s="22">
        <v>20</v>
      </c>
      <c r="C34" s="14">
        <v>14</v>
      </c>
      <c r="D34" s="18">
        <v>34</v>
      </c>
    </row>
    <row r="35" spans="1:4" ht="18" customHeight="1" x14ac:dyDescent="0.15">
      <c r="A35" s="5" t="s">
        <v>9</v>
      </c>
      <c r="B35" s="22">
        <v>86</v>
      </c>
      <c r="C35" s="14">
        <v>72</v>
      </c>
      <c r="D35" s="18">
        <v>158</v>
      </c>
    </row>
    <row r="36" spans="1:4" ht="18" customHeight="1" x14ac:dyDescent="0.15">
      <c r="A36" s="5">
        <v>25</v>
      </c>
      <c r="B36" s="22">
        <v>19</v>
      </c>
      <c r="C36" s="14">
        <v>12</v>
      </c>
      <c r="D36" s="18">
        <v>31</v>
      </c>
    </row>
    <row r="37" spans="1:4" ht="18" customHeight="1" x14ac:dyDescent="0.15">
      <c r="A37" s="5">
        <v>26</v>
      </c>
      <c r="B37" s="22">
        <v>18</v>
      </c>
      <c r="C37" s="14">
        <v>25</v>
      </c>
      <c r="D37" s="18">
        <v>43</v>
      </c>
    </row>
    <row r="38" spans="1:4" ht="18" customHeight="1" x14ac:dyDescent="0.15">
      <c r="A38" s="5">
        <v>27</v>
      </c>
      <c r="B38" s="22">
        <v>25</v>
      </c>
      <c r="C38" s="14">
        <v>22</v>
      </c>
      <c r="D38" s="18">
        <v>47</v>
      </c>
    </row>
    <row r="39" spans="1:4" ht="18" customHeight="1" x14ac:dyDescent="0.15">
      <c r="A39" s="5">
        <v>28</v>
      </c>
      <c r="B39" s="22">
        <v>26</v>
      </c>
      <c r="C39" s="14">
        <v>18</v>
      </c>
      <c r="D39" s="18">
        <v>44</v>
      </c>
    </row>
    <row r="40" spans="1:4" ht="18" customHeight="1" x14ac:dyDescent="0.15">
      <c r="A40" s="5">
        <v>29</v>
      </c>
      <c r="B40" s="22">
        <v>20</v>
      </c>
      <c r="C40" s="14">
        <v>20</v>
      </c>
      <c r="D40" s="18">
        <v>40</v>
      </c>
    </row>
    <row r="41" spans="1:4" ht="18" customHeight="1" x14ac:dyDescent="0.15">
      <c r="A41" s="5" t="s">
        <v>2</v>
      </c>
      <c r="B41" s="22">
        <v>108</v>
      </c>
      <c r="C41" s="14">
        <v>97</v>
      </c>
      <c r="D41" s="18">
        <v>205</v>
      </c>
    </row>
    <row r="42" spans="1:4" ht="18" customHeight="1" x14ac:dyDescent="0.15">
      <c r="A42" s="5">
        <v>30</v>
      </c>
      <c r="B42" s="22">
        <v>18</v>
      </c>
      <c r="C42" s="14">
        <v>20</v>
      </c>
      <c r="D42" s="18">
        <v>38</v>
      </c>
    </row>
    <row r="43" spans="1:4" ht="18" customHeight="1" x14ac:dyDescent="0.15">
      <c r="A43" s="5">
        <v>31</v>
      </c>
      <c r="B43" s="22">
        <v>24</v>
      </c>
      <c r="C43" s="14">
        <v>27</v>
      </c>
      <c r="D43" s="18">
        <v>51</v>
      </c>
    </row>
    <row r="44" spans="1:4" ht="18" customHeight="1" x14ac:dyDescent="0.15">
      <c r="A44" s="5">
        <v>32</v>
      </c>
      <c r="B44" s="22">
        <v>19</v>
      </c>
      <c r="C44" s="14">
        <v>19</v>
      </c>
      <c r="D44" s="18">
        <v>38</v>
      </c>
    </row>
    <row r="45" spans="1:4" ht="18" customHeight="1" x14ac:dyDescent="0.15">
      <c r="A45" s="5">
        <v>33</v>
      </c>
      <c r="B45" s="22">
        <v>13</v>
      </c>
      <c r="C45" s="14">
        <v>20</v>
      </c>
      <c r="D45" s="18">
        <v>33</v>
      </c>
    </row>
    <row r="46" spans="1:4" ht="18" customHeight="1" x14ac:dyDescent="0.15">
      <c r="A46" s="5">
        <v>34</v>
      </c>
      <c r="B46" s="22">
        <v>21</v>
      </c>
      <c r="C46" s="14">
        <v>13</v>
      </c>
      <c r="D46" s="18">
        <v>34</v>
      </c>
    </row>
    <row r="47" spans="1:4" ht="18" customHeight="1" x14ac:dyDescent="0.15">
      <c r="A47" s="5" t="s">
        <v>15</v>
      </c>
      <c r="B47" s="22">
        <v>95</v>
      </c>
      <c r="C47" s="14">
        <v>99</v>
      </c>
      <c r="D47" s="18">
        <v>194</v>
      </c>
    </row>
    <row r="48" spans="1:4" ht="18" customHeight="1" x14ac:dyDescent="0.15">
      <c r="A48" s="5">
        <v>35</v>
      </c>
      <c r="B48" s="22">
        <v>17</v>
      </c>
      <c r="C48" s="14">
        <v>20</v>
      </c>
      <c r="D48" s="18">
        <v>37</v>
      </c>
    </row>
    <row r="49" spans="1:4" ht="18" customHeight="1" x14ac:dyDescent="0.15">
      <c r="A49" s="5">
        <v>36</v>
      </c>
      <c r="B49" s="22">
        <v>24</v>
      </c>
      <c r="C49" s="14">
        <v>15</v>
      </c>
      <c r="D49" s="18">
        <v>39</v>
      </c>
    </row>
    <row r="50" spans="1:4" ht="18" customHeight="1" x14ac:dyDescent="0.15">
      <c r="A50" s="5">
        <v>37</v>
      </c>
      <c r="B50" s="22">
        <v>20</v>
      </c>
      <c r="C50" s="14">
        <v>17</v>
      </c>
      <c r="D50" s="18">
        <v>37</v>
      </c>
    </row>
    <row r="51" spans="1:4" ht="18" customHeight="1" x14ac:dyDescent="0.15">
      <c r="A51" s="5">
        <v>38</v>
      </c>
      <c r="B51" s="22">
        <v>24</v>
      </c>
      <c r="C51" s="14">
        <v>15</v>
      </c>
      <c r="D51" s="18">
        <v>39</v>
      </c>
    </row>
    <row r="52" spans="1:4" ht="18" customHeight="1" x14ac:dyDescent="0.15">
      <c r="A52" s="5">
        <v>39</v>
      </c>
      <c r="B52" s="22">
        <v>22</v>
      </c>
      <c r="C52" s="14">
        <v>24</v>
      </c>
      <c r="D52" s="18">
        <v>46</v>
      </c>
    </row>
    <row r="53" spans="1:4" ht="18" customHeight="1" x14ac:dyDescent="0.15">
      <c r="A53" s="5" t="s">
        <v>18</v>
      </c>
      <c r="B53" s="22">
        <v>107</v>
      </c>
      <c r="C53" s="14">
        <v>91</v>
      </c>
      <c r="D53" s="18">
        <v>198</v>
      </c>
    </row>
    <row r="54" spans="1:4" ht="18" customHeight="1" x14ac:dyDescent="0.15">
      <c r="A54" s="5">
        <v>40</v>
      </c>
      <c r="B54" s="22">
        <v>27</v>
      </c>
      <c r="C54" s="14">
        <v>20</v>
      </c>
      <c r="D54" s="18">
        <v>47</v>
      </c>
    </row>
    <row r="55" spans="1:4" ht="18" customHeight="1" x14ac:dyDescent="0.15">
      <c r="A55" s="5">
        <v>41</v>
      </c>
      <c r="B55" s="22">
        <v>17</v>
      </c>
      <c r="C55" s="14">
        <v>21</v>
      </c>
      <c r="D55" s="18">
        <v>38</v>
      </c>
    </row>
    <row r="56" spans="1:4" ht="18" customHeight="1" x14ac:dyDescent="0.15">
      <c r="A56" s="5">
        <v>42</v>
      </c>
      <c r="B56" s="22">
        <v>19</v>
      </c>
      <c r="C56" s="14">
        <v>26</v>
      </c>
      <c r="D56" s="18">
        <v>45</v>
      </c>
    </row>
    <row r="57" spans="1:4" ht="18" customHeight="1" x14ac:dyDescent="0.15">
      <c r="A57" s="5">
        <v>43</v>
      </c>
      <c r="B57" s="22">
        <v>14</v>
      </c>
      <c r="C57" s="14">
        <v>23</v>
      </c>
      <c r="D57" s="18">
        <v>37</v>
      </c>
    </row>
    <row r="58" spans="1:4" ht="18" customHeight="1" x14ac:dyDescent="0.15">
      <c r="A58" s="5">
        <v>44</v>
      </c>
      <c r="B58" s="22">
        <v>21</v>
      </c>
      <c r="C58" s="14">
        <v>13</v>
      </c>
      <c r="D58" s="18">
        <v>34</v>
      </c>
    </row>
    <row r="59" spans="1:4" ht="18" customHeight="1" x14ac:dyDescent="0.15">
      <c r="A59" s="5" t="s">
        <v>21</v>
      </c>
      <c r="B59" s="22">
        <v>98</v>
      </c>
      <c r="C59" s="14">
        <v>103</v>
      </c>
      <c r="D59" s="18">
        <v>201</v>
      </c>
    </row>
    <row r="60" spans="1:4" ht="18" customHeight="1" x14ac:dyDescent="0.15">
      <c r="A60" s="5">
        <v>45</v>
      </c>
      <c r="B60" s="22">
        <v>15</v>
      </c>
      <c r="C60" s="14">
        <v>21</v>
      </c>
      <c r="D60" s="18">
        <v>36</v>
      </c>
    </row>
    <row r="61" spans="1:4" ht="18" customHeight="1" x14ac:dyDescent="0.15">
      <c r="A61" s="5">
        <v>46</v>
      </c>
      <c r="B61" s="22">
        <v>22</v>
      </c>
      <c r="C61" s="14">
        <v>31</v>
      </c>
      <c r="D61" s="18">
        <v>53</v>
      </c>
    </row>
    <row r="62" spans="1:4" ht="18" customHeight="1" x14ac:dyDescent="0.15">
      <c r="A62" s="5">
        <v>47</v>
      </c>
      <c r="B62" s="22">
        <v>26</v>
      </c>
      <c r="C62" s="14">
        <v>26</v>
      </c>
      <c r="D62" s="18">
        <v>52</v>
      </c>
    </row>
    <row r="63" spans="1:4" ht="18" customHeight="1" x14ac:dyDescent="0.15">
      <c r="A63" s="5">
        <v>48</v>
      </c>
      <c r="B63" s="22">
        <v>30</v>
      </c>
      <c r="C63" s="14">
        <v>21</v>
      </c>
      <c r="D63" s="18">
        <v>51</v>
      </c>
    </row>
    <row r="64" spans="1:4" ht="18" customHeight="1" x14ac:dyDescent="0.15">
      <c r="A64" s="5">
        <v>49</v>
      </c>
      <c r="B64" s="22">
        <v>29</v>
      </c>
      <c r="C64" s="14">
        <v>25</v>
      </c>
      <c r="D64" s="18">
        <v>54</v>
      </c>
    </row>
    <row r="65" spans="1:4" ht="18" customHeight="1" x14ac:dyDescent="0.15">
      <c r="A65" s="5" t="s">
        <v>17</v>
      </c>
      <c r="B65" s="22">
        <v>122</v>
      </c>
      <c r="C65" s="14">
        <v>124</v>
      </c>
      <c r="D65" s="18">
        <v>246</v>
      </c>
    </row>
    <row r="66" spans="1:4" ht="18" customHeight="1" x14ac:dyDescent="0.15">
      <c r="A66" s="5">
        <v>50</v>
      </c>
      <c r="B66" s="22">
        <v>30</v>
      </c>
      <c r="C66" s="14">
        <v>27</v>
      </c>
      <c r="D66" s="18">
        <v>57</v>
      </c>
    </row>
    <row r="67" spans="1:4" ht="18" customHeight="1" x14ac:dyDescent="0.15">
      <c r="A67" s="5">
        <v>51</v>
      </c>
      <c r="B67" s="22">
        <v>37</v>
      </c>
      <c r="C67" s="14">
        <v>30</v>
      </c>
      <c r="D67" s="18">
        <v>67</v>
      </c>
    </row>
    <row r="68" spans="1:4" ht="18" customHeight="1" x14ac:dyDescent="0.15">
      <c r="A68" s="5">
        <v>52</v>
      </c>
      <c r="B68" s="22">
        <v>36</v>
      </c>
      <c r="C68" s="14">
        <v>31</v>
      </c>
      <c r="D68" s="18">
        <v>67</v>
      </c>
    </row>
    <row r="69" spans="1:4" ht="18" customHeight="1" x14ac:dyDescent="0.15">
      <c r="A69" s="5">
        <v>53</v>
      </c>
      <c r="B69" s="22">
        <v>34</v>
      </c>
      <c r="C69" s="14">
        <v>26</v>
      </c>
      <c r="D69" s="18">
        <v>60</v>
      </c>
    </row>
    <row r="70" spans="1:4" ht="18" customHeight="1" x14ac:dyDescent="0.15">
      <c r="A70" s="5">
        <v>54</v>
      </c>
      <c r="B70" s="22">
        <v>34</v>
      </c>
      <c r="C70" s="14">
        <v>25</v>
      </c>
      <c r="D70" s="18">
        <v>59</v>
      </c>
    </row>
    <row r="71" spans="1:4" ht="18" customHeight="1" x14ac:dyDescent="0.15">
      <c r="A71" s="5" t="s">
        <v>22</v>
      </c>
      <c r="B71" s="22">
        <v>171</v>
      </c>
      <c r="C71" s="14">
        <v>139</v>
      </c>
      <c r="D71" s="18">
        <v>310</v>
      </c>
    </row>
    <row r="72" spans="1:4" ht="18" customHeight="1" x14ac:dyDescent="0.15">
      <c r="A72" s="5">
        <v>55</v>
      </c>
      <c r="B72" s="22">
        <v>21</v>
      </c>
      <c r="C72" s="14">
        <v>22</v>
      </c>
      <c r="D72" s="18">
        <v>43</v>
      </c>
    </row>
    <row r="73" spans="1:4" ht="18" customHeight="1" x14ac:dyDescent="0.15">
      <c r="A73" s="5">
        <v>56</v>
      </c>
      <c r="B73" s="22">
        <v>30</v>
      </c>
      <c r="C73" s="14">
        <v>33</v>
      </c>
      <c r="D73" s="18">
        <v>63</v>
      </c>
    </row>
    <row r="74" spans="1:4" ht="18" customHeight="1" x14ac:dyDescent="0.15">
      <c r="A74" s="5">
        <v>57</v>
      </c>
      <c r="B74" s="22">
        <v>31</v>
      </c>
      <c r="C74" s="14">
        <v>26</v>
      </c>
      <c r="D74" s="18">
        <v>57</v>
      </c>
    </row>
    <row r="75" spans="1:4" ht="18" customHeight="1" x14ac:dyDescent="0.15">
      <c r="A75" s="5">
        <v>58</v>
      </c>
      <c r="B75" s="22">
        <v>31</v>
      </c>
      <c r="C75" s="14">
        <v>30</v>
      </c>
      <c r="D75" s="18">
        <v>61</v>
      </c>
    </row>
    <row r="76" spans="1:4" ht="18" customHeight="1" x14ac:dyDescent="0.15">
      <c r="A76" s="5">
        <v>59</v>
      </c>
      <c r="B76" s="22">
        <v>24</v>
      </c>
      <c r="C76" s="14">
        <v>24</v>
      </c>
      <c r="D76" s="18">
        <v>48</v>
      </c>
    </row>
    <row r="77" spans="1:4" ht="18" customHeight="1" x14ac:dyDescent="0.15">
      <c r="A77" s="5" t="s">
        <v>27</v>
      </c>
      <c r="B77" s="22">
        <v>137</v>
      </c>
      <c r="C77" s="14">
        <v>135</v>
      </c>
      <c r="D77" s="18">
        <v>272</v>
      </c>
    </row>
    <row r="78" spans="1:4" ht="18" customHeight="1" x14ac:dyDescent="0.15">
      <c r="A78" s="5">
        <v>60</v>
      </c>
      <c r="B78" s="22">
        <v>24</v>
      </c>
      <c r="C78" s="14">
        <v>26</v>
      </c>
      <c r="D78" s="18">
        <v>50</v>
      </c>
    </row>
    <row r="79" spans="1:4" ht="18" customHeight="1" x14ac:dyDescent="0.15">
      <c r="A79" s="5">
        <v>61</v>
      </c>
      <c r="B79" s="22">
        <v>35</v>
      </c>
      <c r="C79" s="14">
        <v>26</v>
      </c>
      <c r="D79" s="18">
        <v>61</v>
      </c>
    </row>
    <row r="80" spans="1:4" ht="18" customHeight="1" x14ac:dyDescent="0.15">
      <c r="A80" s="5">
        <v>62</v>
      </c>
      <c r="B80" s="22">
        <v>32</v>
      </c>
      <c r="C80" s="14">
        <v>32</v>
      </c>
      <c r="D80" s="18">
        <v>64</v>
      </c>
    </row>
    <row r="81" spans="1:4" ht="18" customHeight="1" x14ac:dyDescent="0.15">
      <c r="A81" s="5">
        <v>63</v>
      </c>
      <c r="B81" s="22">
        <v>21</v>
      </c>
      <c r="C81" s="14">
        <v>18</v>
      </c>
      <c r="D81" s="18">
        <v>39</v>
      </c>
    </row>
    <row r="82" spans="1:4" ht="18" customHeight="1" x14ac:dyDescent="0.15">
      <c r="A82" s="5">
        <v>64</v>
      </c>
      <c r="B82" s="22">
        <v>24</v>
      </c>
      <c r="C82" s="14">
        <v>28</v>
      </c>
      <c r="D82" s="18">
        <v>52</v>
      </c>
    </row>
    <row r="83" spans="1:4" ht="18" customHeight="1" x14ac:dyDescent="0.15">
      <c r="A83" s="5" t="s">
        <v>28</v>
      </c>
      <c r="B83" s="22">
        <v>136</v>
      </c>
      <c r="C83" s="14">
        <v>130</v>
      </c>
      <c r="D83" s="18">
        <v>266</v>
      </c>
    </row>
    <row r="84" spans="1:4" ht="18" customHeight="1" x14ac:dyDescent="0.15">
      <c r="A84" s="5" t="s">
        <v>31</v>
      </c>
      <c r="B84" s="22">
        <v>1131</v>
      </c>
      <c r="C84" s="14">
        <v>1063</v>
      </c>
      <c r="D84" s="18">
        <v>2194</v>
      </c>
    </row>
    <row r="85" spans="1:4" ht="18" customHeight="1" x14ac:dyDescent="0.15">
      <c r="A85" s="5">
        <v>65</v>
      </c>
      <c r="B85" s="22">
        <v>23</v>
      </c>
      <c r="C85" s="14">
        <v>17</v>
      </c>
      <c r="D85" s="18">
        <v>40</v>
      </c>
    </row>
    <row r="86" spans="1:4" ht="18" customHeight="1" x14ac:dyDescent="0.15">
      <c r="A86" s="5">
        <v>66</v>
      </c>
      <c r="B86" s="22">
        <v>29</v>
      </c>
      <c r="C86" s="14">
        <v>30</v>
      </c>
      <c r="D86" s="18">
        <v>59</v>
      </c>
    </row>
    <row r="87" spans="1:4" ht="18" customHeight="1" x14ac:dyDescent="0.15">
      <c r="A87" s="5">
        <v>67</v>
      </c>
      <c r="B87" s="22">
        <v>21</v>
      </c>
      <c r="C87" s="14">
        <v>24</v>
      </c>
      <c r="D87" s="18">
        <v>45</v>
      </c>
    </row>
    <row r="88" spans="1:4" ht="18" customHeight="1" x14ac:dyDescent="0.15">
      <c r="A88" s="5">
        <v>68</v>
      </c>
      <c r="B88" s="22">
        <v>15</v>
      </c>
      <c r="C88" s="14">
        <v>20</v>
      </c>
      <c r="D88" s="18">
        <v>35</v>
      </c>
    </row>
    <row r="89" spans="1:4" ht="18" customHeight="1" x14ac:dyDescent="0.15">
      <c r="A89" s="5">
        <v>69</v>
      </c>
      <c r="B89" s="22">
        <v>16</v>
      </c>
      <c r="C89" s="14">
        <v>30</v>
      </c>
      <c r="D89" s="18">
        <v>46</v>
      </c>
    </row>
    <row r="90" spans="1:4" ht="18" customHeight="1" x14ac:dyDescent="0.15">
      <c r="A90" s="5" t="s">
        <v>20</v>
      </c>
      <c r="B90" s="22">
        <v>104</v>
      </c>
      <c r="C90" s="14">
        <v>121</v>
      </c>
      <c r="D90" s="18">
        <v>225</v>
      </c>
    </row>
    <row r="91" spans="1:4" ht="18" customHeight="1" x14ac:dyDescent="0.15">
      <c r="A91" s="5">
        <v>70</v>
      </c>
      <c r="B91" s="22">
        <v>28</v>
      </c>
      <c r="C91" s="14">
        <v>18</v>
      </c>
      <c r="D91" s="18">
        <v>46</v>
      </c>
    </row>
    <row r="92" spans="1:4" ht="18" customHeight="1" x14ac:dyDescent="0.15">
      <c r="A92" s="5">
        <v>71</v>
      </c>
      <c r="B92" s="22">
        <v>23</v>
      </c>
      <c r="C92" s="14">
        <v>23</v>
      </c>
      <c r="D92" s="18">
        <v>46</v>
      </c>
    </row>
    <row r="93" spans="1:4" ht="18" customHeight="1" x14ac:dyDescent="0.15">
      <c r="A93" s="5">
        <v>72</v>
      </c>
      <c r="B93" s="22">
        <v>24</v>
      </c>
      <c r="C93" s="14">
        <v>28</v>
      </c>
      <c r="D93" s="18">
        <v>52</v>
      </c>
    </row>
    <row r="94" spans="1:4" ht="18" customHeight="1" x14ac:dyDescent="0.15">
      <c r="A94" s="5">
        <v>73</v>
      </c>
      <c r="B94" s="22">
        <v>28</v>
      </c>
      <c r="C94" s="14">
        <v>34</v>
      </c>
      <c r="D94" s="18">
        <v>62</v>
      </c>
    </row>
    <row r="95" spans="1:4" ht="18" customHeight="1" x14ac:dyDescent="0.15">
      <c r="A95" s="5">
        <v>74</v>
      </c>
      <c r="B95" s="22">
        <v>35</v>
      </c>
      <c r="C95" s="14">
        <v>36</v>
      </c>
      <c r="D95" s="18">
        <v>71</v>
      </c>
    </row>
    <row r="96" spans="1:4" ht="18" customHeight="1" x14ac:dyDescent="0.15">
      <c r="A96" s="5" t="s">
        <v>33</v>
      </c>
      <c r="B96" s="22">
        <v>138</v>
      </c>
      <c r="C96" s="14">
        <v>139</v>
      </c>
      <c r="D96" s="18">
        <v>277</v>
      </c>
    </row>
    <row r="97" spans="1:4" ht="18" customHeight="1" x14ac:dyDescent="0.15">
      <c r="A97" s="5">
        <v>75</v>
      </c>
      <c r="B97" s="22">
        <v>27</v>
      </c>
      <c r="C97" s="14">
        <v>35</v>
      </c>
      <c r="D97" s="18">
        <v>62</v>
      </c>
    </row>
    <row r="98" spans="1:4" ht="18" customHeight="1" x14ac:dyDescent="0.15">
      <c r="A98" s="5">
        <v>76</v>
      </c>
      <c r="B98" s="22">
        <v>30</v>
      </c>
      <c r="C98" s="14">
        <v>27</v>
      </c>
      <c r="D98" s="18">
        <v>57</v>
      </c>
    </row>
    <row r="99" spans="1:4" ht="18" customHeight="1" x14ac:dyDescent="0.15">
      <c r="A99" s="5">
        <v>77</v>
      </c>
      <c r="B99" s="22">
        <v>40</v>
      </c>
      <c r="C99" s="14">
        <v>46</v>
      </c>
      <c r="D99" s="18">
        <v>86</v>
      </c>
    </row>
    <row r="100" spans="1:4" ht="18" customHeight="1" x14ac:dyDescent="0.15">
      <c r="A100" s="5">
        <v>78</v>
      </c>
      <c r="B100" s="22">
        <v>29</v>
      </c>
      <c r="C100" s="14">
        <v>50</v>
      </c>
      <c r="D100" s="18">
        <v>79</v>
      </c>
    </row>
    <row r="101" spans="1:4" ht="18" customHeight="1" x14ac:dyDescent="0.15">
      <c r="A101" s="5">
        <v>79</v>
      </c>
      <c r="B101" s="22">
        <v>25</v>
      </c>
      <c r="C101" s="14">
        <v>32</v>
      </c>
      <c r="D101" s="18">
        <v>57</v>
      </c>
    </row>
    <row r="102" spans="1:4" ht="18" customHeight="1" x14ac:dyDescent="0.15">
      <c r="A102" s="5" t="s">
        <v>0</v>
      </c>
      <c r="B102" s="22">
        <v>151</v>
      </c>
      <c r="C102" s="14">
        <v>190</v>
      </c>
      <c r="D102" s="18">
        <v>341</v>
      </c>
    </row>
    <row r="103" spans="1:4" ht="18" customHeight="1" x14ac:dyDescent="0.15">
      <c r="A103" s="5">
        <v>80</v>
      </c>
      <c r="B103" s="22">
        <v>10</v>
      </c>
      <c r="C103" s="14">
        <v>23</v>
      </c>
      <c r="D103" s="18">
        <v>33</v>
      </c>
    </row>
    <row r="104" spans="1:4" ht="18" customHeight="1" x14ac:dyDescent="0.15">
      <c r="A104" s="5">
        <v>81</v>
      </c>
      <c r="B104" s="22">
        <v>13</v>
      </c>
      <c r="C104" s="14">
        <v>31</v>
      </c>
      <c r="D104" s="18">
        <v>44</v>
      </c>
    </row>
    <row r="105" spans="1:4" ht="18" customHeight="1" x14ac:dyDescent="0.15">
      <c r="A105" s="5">
        <v>82</v>
      </c>
      <c r="B105" s="22">
        <v>14</v>
      </c>
      <c r="C105" s="14">
        <v>25</v>
      </c>
      <c r="D105" s="18">
        <v>39</v>
      </c>
    </row>
    <row r="106" spans="1:4" ht="18" customHeight="1" x14ac:dyDescent="0.15">
      <c r="A106" s="5">
        <v>83</v>
      </c>
      <c r="B106" s="22">
        <v>19</v>
      </c>
      <c r="C106" s="14">
        <v>27</v>
      </c>
      <c r="D106" s="18">
        <v>46</v>
      </c>
    </row>
    <row r="107" spans="1:4" ht="18" customHeight="1" x14ac:dyDescent="0.15">
      <c r="A107" s="5">
        <v>84</v>
      </c>
      <c r="B107" s="22">
        <v>33</v>
      </c>
      <c r="C107" s="14">
        <v>30</v>
      </c>
      <c r="D107" s="18">
        <v>63</v>
      </c>
    </row>
    <row r="108" spans="1:4" ht="18" customHeight="1" x14ac:dyDescent="0.15">
      <c r="A108" s="5" t="s">
        <v>35</v>
      </c>
      <c r="B108" s="22">
        <v>89</v>
      </c>
      <c r="C108" s="14">
        <v>136</v>
      </c>
      <c r="D108" s="18">
        <v>225</v>
      </c>
    </row>
    <row r="109" spans="1:4" ht="18" customHeight="1" x14ac:dyDescent="0.15">
      <c r="A109" s="5">
        <v>85</v>
      </c>
      <c r="B109" s="22">
        <v>11</v>
      </c>
      <c r="C109" s="14">
        <v>18</v>
      </c>
      <c r="D109" s="18">
        <v>29</v>
      </c>
    </row>
    <row r="110" spans="1:4" ht="18" customHeight="1" x14ac:dyDescent="0.15">
      <c r="A110" s="5">
        <v>86</v>
      </c>
      <c r="B110" s="22">
        <v>7</v>
      </c>
      <c r="C110" s="14">
        <v>17</v>
      </c>
      <c r="D110" s="18">
        <v>24</v>
      </c>
    </row>
    <row r="111" spans="1:4" ht="18" customHeight="1" x14ac:dyDescent="0.15">
      <c r="A111" s="5">
        <v>87</v>
      </c>
      <c r="B111" s="22">
        <v>5</v>
      </c>
      <c r="C111" s="14">
        <v>14</v>
      </c>
      <c r="D111" s="18">
        <v>19</v>
      </c>
    </row>
    <row r="112" spans="1:4" ht="18" customHeight="1" x14ac:dyDescent="0.15">
      <c r="A112" s="5">
        <v>88</v>
      </c>
      <c r="B112" s="22">
        <v>15</v>
      </c>
      <c r="C112" s="14">
        <v>14</v>
      </c>
      <c r="D112" s="18">
        <v>29</v>
      </c>
    </row>
    <row r="113" spans="1:4" ht="18" customHeight="1" x14ac:dyDescent="0.15">
      <c r="A113" s="5">
        <v>89</v>
      </c>
      <c r="B113" s="22">
        <v>8</v>
      </c>
      <c r="C113" s="14">
        <v>13</v>
      </c>
      <c r="D113" s="18">
        <v>21</v>
      </c>
    </row>
    <row r="114" spans="1:4" ht="18" customHeight="1" x14ac:dyDescent="0.15">
      <c r="A114" s="5" t="s">
        <v>37</v>
      </c>
      <c r="B114" s="22">
        <v>46</v>
      </c>
      <c r="C114" s="14">
        <v>76</v>
      </c>
      <c r="D114" s="18">
        <v>122</v>
      </c>
    </row>
    <row r="115" spans="1:4" ht="18" customHeight="1" x14ac:dyDescent="0.15">
      <c r="A115" s="5">
        <v>90</v>
      </c>
      <c r="B115" s="22">
        <v>4</v>
      </c>
      <c r="C115" s="14">
        <v>9</v>
      </c>
      <c r="D115" s="18">
        <v>13</v>
      </c>
    </row>
    <row r="116" spans="1:4" ht="18" customHeight="1" x14ac:dyDescent="0.15">
      <c r="A116" s="5">
        <v>91</v>
      </c>
      <c r="B116" s="22">
        <v>7</v>
      </c>
      <c r="C116" s="14">
        <v>6</v>
      </c>
      <c r="D116" s="18">
        <v>13</v>
      </c>
    </row>
    <row r="117" spans="1:4" ht="18" customHeight="1" x14ac:dyDescent="0.15">
      <c r="A117" s="5">
        <v>92</v>
      </c>
      <c r="B117" s="22">
        <v>3</v>
      </c>
      <c r="C117" s="14">
        <v>7</v>
      </c>
      <c r="D117" s="18">
        <v>10</v>
      </c>
    </row>
    <row r="118" spans="1:4" ht="18" customHeight="1" x14ac:dyDescent="0.15">
      <c r="A118" s="5">
        <v>93</v>
      </c>
      <c r="B118" s="22">
        <v>4</v>
      </c>
      <c r="C118" s="14">
        <v>15</v>
      </c>
      <c r="D118" s="18">
        <v>19</v>
      </c>
    </row>
    <row r="119" spans="1:4" ht="18" customHeight="1" x14ac:dyDescent="0.15">
      <c r="A119" s="5">
        <v>94</v>
      </c>
      <c r="B119" s="22">
        <v>1</v>
      </c>
      <c r="C119" s="14">
        <v>7</v>
      </c>
      <c r="D119" s="18">
        <v>8</v>
      </c>
    </row>
    <row r="120" spans="1:4" ht="18" customHeight="1" x14ac:dyDescent="0.15">
      <c r="A120" s="5" t="s">
        <v>39</v>
      </c>
      <c r="B120" s="22">
        <v>19</v>
      </c>
      <c r="C120" s="14">
        <v>44</v>
      </c>
      <c r="D120" s="18">
        <v>63</v>
      </c>
    </row>
    <row r="121" spans="1:4" ht="18" customHeight="1" x14ac:dyDescent="0.15">
      <c r="A121" s="5">
        <v>95</v>
      </c>
      <c r="B121" s="22">
        <v>1</v>
      </c>
      <c r="C121" s="14">
        <v>4</v>
      </c>
      <c r="D121" s="18">
        <v>5</v>
      </c>
    </row>
    <row r="122" spans="1:4" ht="18" customHeight="1" x14ac:dyDescent="0.15">
      <c r="A122" s="5">
        <v>96</v>
      </c>
      <c r="B122" s="22">
        <v>1</v>
      </c>
      <c r="C122" s="14">
        <v>3</v>
      </c>
      <c r="D122" s="18">
        <v>4</v>
      </c>
    </row>
    <row r="123" spans="1:4" ht="18" customHeight="1" x14ac:dyDescent="0.15">
      <c r="A123" s="5">
        <v>97</v>
      </c>
      <c r="B123" s="22">
        <v>1</v>
      </c>
      <c r="C123" s="14">
        <v>6</v>
      </c>
      <c r="D123" s="18">
        <v>7</v>
      </c>
    </row>
    <row r="124" spans="1:4" ht="18" customHeight="1" x14ac:dyDescent="0.15">
      <c r="A124" s="5">
        <v>98</v>
      </c>
      <c r="B124" s="22">
        <v>2</v>
      </c>
      <c r="C124" s="14">
        <v>4</v>
      </c>
      <c r="D124" s="18">
        <v>6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5</v>
      </c>
      <c r="C126" s="14">
        <v>17</v>
      </c>
      <c r="D126" s="18">
        <v>22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552</v>
      </c>
      <c r="C130" s="14">
        <v>727</v>
      </c>
      <c r="D130" s="18">
        <v>1279</v>
      </c>
    </row>
    <row r="131" spans="1:4" ht="18" customHeight="1" x14ac:dyDescent="0.15">
      <c r="A131" s="7" t="s">
        <v>45</v>
      </c>
      <c r="B131" s="23">
        <v>1864</v>
      </c>
      <c r="C131" s="15">
        <v>1993</v>
      </c>
      <c r="D131" s="19">
        <v>385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700-000000000000}">
  <sheetPr codeName="Sheet5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8</v>
      </c>
      <c r="C5" s="13">
        <v>5</v>
      </c>
      <c r="D5" s="17">
        <v>13</v>
      </c>
    </row>
    <row r="6" spans="1:4" ht="18" customHeight="1" x14ac:dyDescent="0.15">
      <c r="A6" s="5">
        <v>1</v>
      </c>
      <c r="B6" s="22">
        <v>4</v>
      </c>
      <c r="C6" s="14">
        <v>4</v>
      </c>
      <c r="D6" s="18">
        <v>8</v>
      </c>
    </row>
    <row r="7" spans="1:4" ht="18" customHeight="1" x14ac:dyDescent="0.15">
      <c r="A7" s="5">
        <v>2</v>
      </c>
      <c r="B7" s="22">
        <v>3</v>
      </c>
      <c r="C7" s="14">
        <v>2</v>
      </c>
      <c r="D7" s="18">
        <v>5</v>
      </c>
    </row>
    <row r="8" spans="1:4" ht="18" customHeight="1" x14ac:dyDescent="0.15">
      <c r="A8" s="5">
        <v>3</v>
      </c>
      <c r="B8" s="22">
        <v>5</v>
      </c>
      <c r="C8" s="14">
        <v>8</v>
      </c>
      <c r="D8" s="18">
        <v>13</v>
      </c>
    </row>
    <row r="9" spans="1:4" ht="18" customHeight="1" x14ac:dyDescent="0.15">
      <c r="A9" s="5">
        <v>4</v>
      </c>
      <c r="B9" s="22">
        <v>3</v>
      </c>
      <c r="C9" s="14">
        <v>6</v>
      </c>
      <c r="D9" s="18">
        <v>9</v>
      </c>
    </row>
    <row r="10" spans="1:4" ht="18" customHeight="1" x14ac:dyDescent="0.15">
      <c r="A10" s="5" t="s">
        <v>7</v>
      </c>
      <c r="B10" s="22">
        <v>23</v>
      </c>
      <c r="C10" s="14">
        <v>25</v>
      </c>
      <c r="D10" s="18">
        <v>48</v>
      </c>
    </row>
    <row r="11" spans="1:4" ht="18" customHeight="1" x14ac:dyDescent="0.15">
      <c r="A11" s="5">
        <v>5</v>
      </c>
      <c r="B11" s="22">
        <v>3</v>
      </c>
      <c r="C11" s="14">
        <v>5</v>
      </c>
      <c r="D11" s="18">
        <v>8</v>
      </c>
    </row>
    <row r="12" spans="1:4" ht="18" customHeight="1" x14ac:dyDescent="0.15">
      <c r="A12" s="5">
        <v>6</v>
      </c>
      <c r="B12" s="22">
        <v>5</v>
      </c>
      <c r="C12" s="14">
        <v>3</v>
      </c>
      <c r="D12" s="18">
        <v>8</v>
      </c>
    </row>
    <row r="13" spans="1:4" ht="18" customHeight="1" x14ac:dyDescent="0.15">
      <c r="A13" s="5">
        <v>7</v>
      </c>
      <c r="B13" s="22">
        <v>10</v>
      </c>
      <c r="C13" s="14">
        <v>8</v>
      </c>
      <c r="D13" s="18">
        <v>18</v>
      </c>
    </row>
    <row r="14" spans="1:4" ht="18" customHeight="1" x14ac:dyDescent="0.15">
      <c r="A14" s="5">
        <v>8</v>
      </c>
      <c r="B14" s="22">
        <v>5</v>
      </c>
      <c r="C14" s="14">
        <v>2</v>
      </c>
      <c r="D14" s="18">
        <v>7</v>
      </c>
    </row>
    <row r="15" spans="1:4" ht="18" customHeight="1" x14ac:dyDescent="0.15">
      <c r="A15" s="5">
        <v>9</v>
      </c>
      <c r="B15" s="22">
        <v>6</v>
      </c>
      <c r="C15" s="14">
        <v>7</v>
      </c>
      <c r="D15" s="18">
        <v>13</v>
      </c>
    </row>
    <row r="16" spans="1:4" ht="18" customHeight="1" x14ac:dyDescent="0.15">
      <c r="A16" s="5" t="s">
        <v>11</v>
      </c>
      <c r="B16" s="22">
        <v>29</v>
      </c>
      <c r="C16" s="14">
        <v>25</v>
      </c>
      <c r="D16" s="18">
        <v>54</v>
      </c>
    </row>
    <row r="17" spans="1:4" ht="18" customHeight="1" x14ac:dyDescent="0.15">
      <c r="A17" s="5">
        <v>10</v>
      </c>
      <c r="B17" s="22">
        <v>3</v>
      </c>
      <c r="C17" s="14">
        <v>6</v>
      </c>
      <c r="D17" s="18">
        <v>9</v>
      </c>
    </row>
    <row r="18" spans="1:4" ht="18" customHeight="1" x14ac:dyDescent="0.15">
      <c r="A18" s="5">
        <v>11</v>
      </c>
      <c r="B18" s="22">
        <v>10</v>
      </c>
      <c r="C18" s="14">
        <v>3</v>
      </c>
      <c r="D18" s="18">
        <v>13</v>
      </c>
    </row>
    <row r="19" spans="1:4" ht="18" customHeight="1" x14ac:dyDescent="0.15">
      <c r="A19" s="5">
        <v>12</v>
      </c>
      <c r="B19" s="22">
        <v>5</v>
      </c>
      <c r="C19" s="14">
        <v>10</v>
      </c>
      <c r="D19" s="18">
        <v>15</v>
      </c>
    </row>
    <row r="20" spans="1:4" ht="18" customHeight="1" x14ac:dyDescent="0.15">
      <c r="A20" s="5">
        <v>13</v>
      </c>
      <c r="B20" s="22">
        <v>10</v>
      </c>
      <c r="C20" s="14">
        <v>5</v>
      </c>
      <c r="D20" s="18">
        <v>15</v>
      </c>
    </row>
    <row r="21" spans="1:4" ht="18" customHeight="1" x14ac:dyDescent="0.15">
      <c r="A21" s="5">
        <v>14</v>
      </c>
      <c r="B21" s="22">
        <v>5</v>
      </c>
      <c r="C21" s="14">
        <v>6</v>
      </c>
      <c r="D21" s="18">
        <v>11</v>
      </c>
    </row>
    <row r="22" spans="1:4" ht="18" customHeight="1" x14ac:dyDescent="0.15">
      <c r="A22" s="5" t="s">
        <v>12</v>
      </c>
      <c r="B22" s="22">
        <v>33</v>
      </c>
      <c r="C22" s="14">
        <v>30</v>
      </c>
      <c r="D22" s="18">
        <v>63</v>
      </c>
    </row>
    <row r="23" spans="1:4" ht="18" customHeight="1" x14ac:dyDescent="0.15">
      <c r="A23" s="5" t="s">
        <v>6</v>
      </c>
      <c r="B23" s="22">
        <v>85</v>
      </c>
      <c r="C23" s="14">
        <v>80</v>
      </c>
      <c r="D23" s="18">
        <v>165</v>
      </c>
    </row>
    <row r="24" spans="1:4" ht="18" customHeight="1" x14ac:dyDescent="0.15">
      <c r="A24" s="5">
        <v>15</v>
      </c>
      <c r="B24" s="22">
        <v>8</v>
      </c>
      <c r="C24" s="14">
        <v>5</v>
      </c>
      <c r="D24" s="18">
        <v>13</v>
      </c>
    </row>
    <row r="25" spans="1:4" ht="18" customHeight="1" x14ac:dyDescent="0.15">
      <c r="A25" s="5">
        <v>16</v>
      </c>
      <c r="B25" s="22">
        <v>8</v>
      </c>
      <c r="C25" s="14">
        <v>14</v>
      </c>
      <c r="D25" s="18">
        <v>22</v>
      </c>
    </row>
    <row r="26" spans="1:4" ht="18" customHeight="1" x14ac:dyDescent="0.15">
      <c r="A26" s="5">
        <v>17</v>
      </c>
      <c r="B26" s="22">
        <v>5</v>
      </c>
      <c r="C26" s="14">
        <v>5</v>
      </c>
      <c r="D26" s="18">
        <v>10</v>
      </c>
    </row>
    <row r="27" spans="1:4" ht="18" customHeight="1" x14ac:dyDescent="0.15">
      <c r="A27" s="5">
        <v>18</v>
      </c>
      <c r="B27" s="22">
        <v>8</v>
      </c>
      <c r="C27" s="14">
        <v>7</v>
      </c>
      <c r="D27" s="18">
        <v>15</v>
      </c>
    </row>
    <row r="28" spans="1:4" ht="18" customHeight="1" x14ac:dyDescent="0.15">
      <c r="A28" s="5">
        <v>19</v>
      </c>
      <c r="B28" s="22">
        <v>6</v>
      </c>
      <c r="C28" s="14">
        <v>6</v>
      </c>
      <c r="D28" s="18">
        <v>12</v>
      </c>
    </row>
    <row r="29" spans="1:4" ht="18" customHeight="1" x14ac:dyDescent="0.15">
      <c r="A29" s="5" t="s">
        <v>14</v>
      </c>
      <c r="B29" s="22">
        <v>35</v>
      </c>
      <c r="C29" s="14">
        <v>37</v>
      </c>
      <c r="D29" s="18">
        <v>72</v>
      </c>
    </row>
    <row r="30" spans="1:4" ht="18" customHeight="1" x14ac:dyDescent="0.15">
      <c r="A30" s="5">
        <v>20</v>
      </c>
      <c r="B30" s="22">
        <v>8</v>
      </c>
      <c r="C30" s="14">
        <v>2</v>
      </c>
      <c r="D30" s="18">
        <v>10</v>
      </c>
    </row>
    <row r="31" spans="1:4" ht="18" customHeight="1" x14ac:dyDescent="0.15">
      <c r="A31" s="5">
        <v>21</v>
      </c>
      <c r="B31" s="22">
        <v>8</v>
      </c>
      <c r="C31" s="14">
        <v>5</v>
      </c>
      <c r="D31" s="18">
        <v>13</v>
      </c>
    </row>
    <row r="32" spans="1:4" ht="18" customHeight="1" x14ac:dyDescent="0.15">
      <c r="A32" s="5">
        <v>22</v>
      </c>
      <c r="B32" s="22">
        <v>10</v>
      </c>
      <c r="C32" s="14">
        <v>10</v>
      </c>
      <c r="D32" s="18">
        <v>20</v>
      </c>
    </row>
    <row r="33" spans="1:4" ht="18" customHeight="1" x14ac:dyDescent="0.15">
      <c r="A33" s="5">
        <v>23</v>
      </c>
      <c r="B33" s="22">
        <v>9</v>
      </c>
      <c r="C33" s="14">
        <v>4</v>
      </c>
      <c r="D33" s="18">
        <v>13</v>
      </c>
    </row>
    <row r="34" spans="1:4" ht="18" customHeight="1" x14ac:dyDescent="0.15">
      <c r="A34" s="5">
        <v>24</v>
      </c>
      <c r="B34" s="22">
        <v>8</v>
      </c>
      <c r="C34" s="14">
        <v>5</v>
      </c>
      <c r="D34" s="18">
        <v>13</v>
      </c>
    </row>
    <row r="35" spans="1:4" ht="18" customHeight="1" x14ac:dyDescent="0.15">
      <c r="A35" s="5" t="s">
        <v>9</v>
      </c>
      <c r="B35" s="22">
        <v>43</v>
      </c>
      <c r="C35" s="14">
        <v>26</v>
      </c>
      <c r="D35" s="18">
        <v>69</v>
      </c>
    </row>
    <row r="36" spans="1:4" ht="18" customHeight="1" x14ac:dyDescent="0.15">
      <c r="A36" s="5">
        <v>25</v>
      </c>
      <c r="B36" s="22">
        <v>4</v>
      </c>
      <c r="C36" s="14">
        <v>6</v>
      </c>
      <c r="D36" s="18">
        <v>10</v>
      </c>
    </row>
    <row r="37" spans="1:4" ht="18" customHeight="1" x14ac:dyDescent="0.15">
      <c r="A37" s="5">
        <v>26</v>
      </c>
      <c r="B37" s="22">
        <v>13</v>
      </c>
      <c r="C37" s="14">
        <v>5</v>
      </c>
      <c r="D37" s="18">
        <v>18</v>
      </c>
    </row>
    <row r="38" spans="1:4" ht="18" customHeight="1" x14ac:dyDescent="0.15">
      <c r="A38" s="5">
        <v>27</v>
      </c>
      <c r="B38" s="22">
        <v>8</v>
      </c>
      <c r="C38" s="14">
        <v>7</v>
      </c>
      <c r="D38" s="18">
        <v>15</v>
      </c>
    </row>
    <row r="39" spans="1:4" ht="18" customHeight="1" x14ac:dyDescent="0.15">
      <c r="A39" s="5">
        <v>28</v>
      </c>
      <c r="B39" s="22">
        <v>8</v>
      </c>
      <c r="C39" s="14">
        <v>5</v>
      </c>
      <c r="D39" s="18">
        <v>13</v>
      </c>
    </row>
    <row r="40" spans="1:4" ht="18" customHeight="1" x14ac:dyDescent="0.15">
      <c r="A40" s="5">
        <v>29</v>
      </c>
      <c r="B40" s="22">
        <v>9</v>
      </c>
      <c r="C40" s="14">
        <v>4</v>
      </c>
      <c r="D40" s="18">
        <v>13</v>
      </c>
    </row>
    <row r="41" spans="1:4" ht="18" customHeight="1" x14ac:dyDescent="0.15">
      <c r="A41" s="5" t="s">
        <v>2</v>
      </c>
      <c r="B41" s="22">
        <v>42</v>
      </c>
      <c r="C41" s="14">
        <v>27</v>
      </c>
      <c r="D41" s="18">
        <v>69</v>
      </c>
    </row>
    <row r="42" spans="1:4" ht="18" customHeight="1" x14ac:dyDescent="0.15">
      <c r="A42" s="5">
        <v>30</v>
      </c>
      <c r="B42" s="22">
        <v>10</v>
      </c>
      <c r="C42" s="14">
        <v>5</v>
      </c>
      <c r="D42" s="18">
        <v>15</v>
      </c>
    </row>
    <row r="43" spans="1:4" ht="18" customHeight="1" x14ac:dyDescent="0.15">
      <c r="A43" s="5">
        <v>31</v>
      </c>
      <c r="B43" s="22">
        <v>10</v>
      </c>
      <c r="C43" s="14">
        <v>5</v>
      </c>
      <c r="D43" s="18">
        <v>15</v>
      </c>
    </row>
    <row r="44" spans="1:4" ht="18" customHeight="1" x14ac:dyDescent="0.15">
      <c r="A44" s="5">
        <v>32</v>
      </c>
      <c r="B44" s="22">
        <v>4</v>
      </c>
      <c r="C44" s="14">
        <v>9</v>
      </c>
      <c r="D44" s="18">
        <v>13</v>
      </c>
    </row>
    <row r="45" spans="1:4" ht="18" customHeight="1" x14ac:dyDescent="0.15">
      <c r="A45" s="5">
        <v>33</v>
      </c>
      <c r="B45" s="22">
        <v>10</v>
      </c>
      <c r="C45" s="14">
        <v>6</v>
      </c>
      <c r="D45" s="18">
        <v>16</v>
      </c>
    </row>
    <row r="46" spans="1:4" ht="18" customHeight="1" x14ac:dyDescent="0.15">
      <c r="A46" s="5">
        <v>34</v>
      </c>
      <c r="B46" s="22">
        <v>6</v>
      </c>
      <c r="C46" s="14">
        <v>1</v>
      </c>
      <c r="D46" s="18">
        <v>7</v>
      </c>
    </row>
    <row r="47" spans="1:4" ht="18" customHeight="1" x14ac:dyDescent="0.15">
      <c r="A47" s="5" t="s">
        <v>15</v>
      </c>
      <c r="B47" s="22">
        <v>40</v>
      </c>
      <c r="C47" s="14">
        <v>26</v>
      </c>
      <c r="D47" s="18">
        <v>66</v>
      </c>
    </row>
    <row r="48" spans="1:4" ht="18" customHeight="1" x14ac:dyDescent="0.15">
      <c r="A48" s="5">
        <v>35</v>
      </c>
      <c r="B48" s="22">
        <v>14</v>
      </c>
      <c r="C48" s="14">
        <v>3</v>
      </c>
      <c r="D48" s="18">
        <v>17</v>
      </c>
    </row>
    <row r="49" spans="1:4" ht="18" customHeight="1" x14ac:dyDescent="0.15">
      <c r="A49" s="5">
        <v>36</v>
      </c>
      <c r="B49" s="22">
        <v>9</v>
      </c>
      <c r="C49" s="14">
        <v>7</v>
      </c>
      <c r="D49" s="18">
        <v>16</v>
      </c>
    </row>
    <row r="50" spans="1:4" ht="18" customHeight="1" x14ac:dyDescent="0.15">
      <c r="A50" s="5">
        <v>37</v>
      </c>
      <c r="B50" s="22">
        <v>10</v>
      </c>
      <c r="C50" s="14">
        <v>3</v>
      </c>
      <c r="D50" s="18">
        <v>13</v>
      </c>
    </row>
    <row r="51" spans="1:4" ht="18" customHeight="1" x14ac:dyDescent="0.15">
      <c r="A51" s="5">
        <v>38</v>
      </c>
      <c r="B51" s="22">
        <v>9</v>
      </c>
      <c r="C51" s="14">
        <v>10</v>
      </c>
      <c r="D51" s="18">
        <v>19</v>
      </c>
    </row>
    <row r="52" spans="1:4" ht="18" customHeight="1" x14ac:dyDescent="0.15">
      <c r="A52" s="5">
        <v>39</v>
      </c>
      <c r="B52" s="22">
        <v>6</v>
      </c>
      <c r="C52" s="14">
        <v>6</v>
      </c>
      <c r="D52" s="18">
        <v>12</v>
      </c>
    </row>
    <row r="53" spans="1:4" ht="18" customHeight="1" x14ac:dyDescent="0.15">
      <c r="A53" s="5" t="s">
        <v>18</v>
      </c>
      <c r="B53" s="22">
        <v>48</v>
      </c>
      <c r="C53" s="14">
        <v>29</v>
      </c>
      <c r="D53" s="18">
        <v>77</v>
      </c>
    </row>
    <row r="54" spans="1:4" ht="18" customHeight="1" x14ac:dyDescent="0.15">
      <c r="A54" s="5">
        <v>40</v>
      </c>
      <c r="B54" s="22">
        <v>11</v>
      </c>
      <c r="C54" s="14">
        <v>5</v>
      </c>
      <c r="D54" s="18">
        <v>16</v>
      </c>
    </row>
    <row r="55" spans="1:4" ht="18" customHeight="1" x14ac:dyDescent="0.15">
      <c r="A55" s="5">
        <v>41</v>
      </c>
      <c r="B55" s="22">
        <v>12</v>
      </c>
      <c r="C55" s="14">
        <v>6</v>
      </c>
      <c r="D55" s="18">
        <v>18</v>
      </c>
    </row>
    <row r="56" spans="1:4" ht="18" customHeight="1" x14ac:dyDescent="0.15">
      <c r="A56" s="5">
        <v>42</v>
      </c>
      <c r="B56" s="22">
        <v>8</v>
      </c>
      <c r="C56" s="14">
        <v>8</v>
      </c>
      <c r="D56" s="18">
        <v>16</v>
      </c>
    </row>
    <row r="57" spans="1:4" ht="18" customHeight="1" x14ac:dyDescent="0.15">
      <c r="A57" s="5">
        <v>43</v>
      </c>
      <c r="B57" s="22">
        <v>12</v>
      </c>
      <c r="C57" s="14">
        <v>2</v>
      </c>
      <c r="D57" s="18">
        <v>14</v>
      </c>
    </row>
    <row r="58" spans="1:4" ht="18" customHeight="1" x14ac:dyDescent="0.15">
      <c r="A58" s="5">
        <v>44</v>
      </c>
      <c r="B58" s="22">
        <v>10</v>
      </c>
      <c r="C58" s="14">
        <v>13</v>
      </c>
      <c r="D58" s="18">
        <v>23</v>
      </c>
    </row>
    <row r="59" spans="1:4" ht="18" customHeight="1" x14ac:dyDescent="0.15">
      <c r="A59" s="5" t="s">
        <v>21</v>
      </c>
      <c r="B59" s="22">
        <v>53</v>
      </c>
      <c r="C59" s="14">
        <v>34</v>
      </c>
      <c r="D59" s="18">
        <v>87</v>
      </c>
    </row>
    <row r="60" spans="1:4" ht="18" customHeight="1" x14ac:dyDescent="0.15">
      <c r="A60" s="5">
        <v>45</v>
      </c>
      <c r="B60" s="22">
        <v>12</v>
      </c>
      <c r="C60" s="14">
        <v>7</v>
      </c>
      <c r="D60" s="18">
        <v>19</v>
      </c>
    </row>
    <row r="61" spans="1:4" ht="18" customHeight="1" x14ac:dyDescent="0.15">
      <c r="A61" s="5">
        <v>46</v>
      </c>
      <c r="B61" s="22">
        <v>6</v>
      </c>
      <c r="C61" s="14">
        <v>11</v>
      </c>
      <c r="D61" s="18">
        <v>17</v>
      </c>
    </row>
    <row r="62" spans="1:4" ht="18" customHeight="1" x14ac:dyDescent="0.15">
      <c r="A62" s="5">
        <v>47</v>
      </c>
      <c r="B62" s="22">
        <v>6</v>
      </c>
      <c r="C62" s="14">
        <v>9</v>
      </c>
      <c r="D62" s="18">
        <v>15</v>
      </c>
    </row>
    <row r="63" spans="1:4" ht="18" customHeight="1" x14ac:dyDescent="0.15">
      <c r="A63" s="5">
        <v>48</v>
      </c>
      <c r="B63" s="22">
        <v>11</v>
      </c>
      <c r="C63" s="14">
        <v>7</v>
      </c>
      <c r="D63" s="18">
        <v>18</v>
      </c>
    </row>
    <row r="64" spans="1:4" ht="18" customHeight="1" x14ac:dyDescent="0.15">
      <c r="A64" s="5">
        <v>49</v>
      </c>
      <c r="B64" s="22">
        <v>15</v>
      </c>
      <c r="C64" s="14">
        <v>14</v>
      </c>
      <c r="D64" s="18">
        <v>29</v>
      </c>
    </row>
    <row r="65" spans="1:4" ht="18" customHeight="1" x14ac:dyDescent="0.15">
      <c r="A65" s="5" t="s">
        <v>17</v>
      </c>
      <c r="B65" s="22">
        <v>50</v>
      </c>
      <c r="C65" s="14">
        <v>48</v>
      </c>
      <c r="D65" s="18">
        <v>98</v>
      </c>
    </row>
    <row r="66" spans="1:4" ht="18" customHeight="1" x14ac:dyDescent="0.15">
      <c r="A66" s="5">
        <v>50</v>
      </c>
      <c r="B66" s="22">
        <v>16</v>
      </c>
      <c r="C66" s="14">
        <v>10</v>
      </c>
      <c r="D66" s="18">
        <v>26</v>
      </c>
    </row>
    <row r="67" spans="1:4" ht="18" customHeight="1" x14ac:dyDescent="0.15">
      <c r="A67" s="5">
        <v>51</v>
      </c>
      <c r="B67" s="22">
        <v>6</v>
      </c>
      <c r="C67" s="14">
        <v>10</v>
      </c>
      <c r="D67" s="18">
        <v>16</v>
      </c>
    </row>
    <row r="68" spans="1:4" ht="18" customHeight="1" x14ac:dyDescent="0.15">
      <c r="A68" s="5">
        <v>52</v>
      </c>
      <c r="B68" s="22">
        <v>13</v>
      </c>
      <c r="C68" s="14">
        <v>10</v>
      </c>
      <c r="D68" s="18">
        <v>23</v>
      </c>
    </row>
    <row r="69" spans="1:4" ht="18" customHeight="1" x14ac:dyDescent="0.15">
      <c r="A69" s="5">
        <v>53</v>
      </c>
      <c r="B69" s="22">
        <v>12</v>
      </c>
      <c r="C69" s="14">
        <v>19</v>
      </c>
      <c r="D69" s="18">
        <v>31</v>
      </c>
    </row>
    <row r="70" spans="1:4" ht="18" customHeight="1" x14ac:dyDescent="0.15">
      <c r="A70" s="5">
        <v>54</v>
      </c>
      <c r="B70" s="22">
        <v>9</v>
      </c>
      <c r="C70" s="14">
        <v>12</v>
      </c>
      <c r="D70" s="18">
        <v>21</v>
      </c>
    </row>
    <row r="71" spans="1:4" ht="18" customHeight="1" x14ac:dyDescent="0.15">
      <c r="A71" s="5" t="s">
        <v>22</v>
      </c>
      <c r="B71" s="22">
        <v>56</v>
      </c>
      <c r="C71" s="14">
        <v>61</v>
      </c>
      <c r="D71" s="18">
        <v>117</v>
      </c>
    </row>
    <row r="72" spans="1:4" ht="18" customHeight="1" x14ac:dyDescent="0.15">
      <c r="A72" s="5">
        <v>55</v>
      </c>
      <c r="B72" s="22">
        <v>17</v>
      </c>
      <c r="C72" s="14">
        <v>11</v>
      </c>
      <c r="D72" s="18">
        <v>28</v>
      </c>
    </row>
    <row r="73" spans="1:4" ht="18" customHeight="1" x14ac:dyDescent="0.15">
      <c r="A73" s="5">
        <v>56</v>
      </c>
      <c r="B73" s="22">
        <v>9</v>
      </c>
      <c r="C73" s="14">
        <v>9</v>
      </c>
      <c r="D73" s="18">
        <v>18</v>
      </c>
    </row>
    <row r="74" spans="1:4" ht="18" customHeight="1" x14ac:dyDescent="0.15">
      <c r="A74" s="5">
        <v>57</v>
      </c>
      <c r="B74" s="22">
        <v>9</v>
      </c>
      <c r="C74" s="14">
        <v>7</v>
      </c>
      <c r="D74" s="18">
        <v>16</v>
      </c>
    </row>
    <row r="75" spans="1:4" ht="18" customHeight="1" x14ac:dyDescent="0.15">
      <c r="A75" s="5">
        <v>58</v>
      </c>
      <c r="B75" s="22">
        <v>12</v>
      </c>
      <c r="C75" s="14">
        <v>14</v>
      </c>
      <c r="D75" s="18">
        <v>26</v>
      </c>
    </row>
    <row r="76" spans="1:4" ht="18" customHeight="1" x14ac:dyDescent="0.15">
      <c r="A76" s="5">
        <v>59</v>
      </c>
      <c r="B76" s="22">
        <v>8</v>
      </c>
      <c r="C76" s="14">
        <v>7</v>
      </c>
      <c r="D76" s="18">
        <v>15</v>
      </c>
    </row>
    <row r="77" spans="1:4" ht="18" customHeight="1" x14ac:dyDescent="0.15">
      <c r="A77" s="5" t="s">
        <v>27</v>
      </c>
      <c r="B77" s="22">
        <v>55</v>
      </c>
      <c r="C77" s="14">
        <v>48</v>
      </c>
      <c r="D77" s="18">
        <v>103</v>
      </c>
    </row>
    <row r="78" spans="1:4" ht="18" customHeight="1" x14ac:dyDescent="0.15">
      <c r="A78" s="5">
        <v>60</v>
      </c>
      <c r="B78" s="22">
        <v>8</v>
      </c>
      <c r="C78" s="14">
        <v>7</v>
      </c>
      <c r="D78" s="18">
        <v>15</v>
      </c>
    </row>
    <row r="79" spans="1:4" ht="18" customHeight="1" x14ac:dyDescent="0.15">
      <c r="A79" s="5">
        <v>61</v>
      </c>
      <c r="B79" s="22">
        <v>12</v>
      </c>
      <c r="C79" s="14">
        <v>11</v>
      </c>
      <c r="D79" s="18">
        <v>23</v>
      </c>
    </row>
    <row r="80" spans="1:4" ht="18" customHeight="1" x14ac:dyDescent="0.15">
      <c r="A80" s="5">
        <v>62</v>
      </c>
      <c r="B80" s="22">
        <v>14</v>
      </c>
      <c r="C80" s="14">
        <v>11</v>
      </c>
      <c r="D80" s="18">
        <v>25</v>
      </c>
    </row>
    <row r="81" spans="1:4" ht="18" customHeight="1" x14ac:dyDescent="0.15">
      <c r="A81" s="5">
        <v>63</v>
      </c>
      <c r="B81" s="22">
        <v>11</v>
      </c>
      <c r="C81" s="14">
        <v>13</v>
      </c>
      <c r="D81" s="18">
        <v>24</v>
      </c>
    </row>
    <row r="82" spans="1:4" ht="18" customHeight="1" x14ac:dyDescent="0.15">
      <c r="A82" s="5">
        <v>64</v>
      </c>
      <c r="B82" s="22">
        <v>7</v>
      </c>
      <c r="C82" s="14">
        <v>7</v>
      </c>
      <c r="D82" s="18">
        <v>14</v>
      </c>
    </row>
    <row r="83" spans="1:4" ht="18" customHeight="1" x14ac:dyDescent="0.15">
      <c r="A83" s="5" t="s">
        <v>28</v>
      </c>
      <c r="B83" s="22">
        <v>52</v>
      </c>
      <c r="C83" s="14">
        <v>49</v>
      </c>
      <c r="D83" s="18">
        <v>101</v>
      </c>
    </row>
    <row r="84" spans="1:4" ht="18" customHeight="1" x14ac:dyDescent="0.15">
      <c r="A84" s="5" t="s">
        <v>31</v>
      </c>
      <c r="B84" s="22">
        <v>474</v>
      </c>
      <c r="C84" s="14">
        <v>385</v>
      </c>
      <c r="D84" s="18">
        <v>859</v>
      </c>
    </row>
    <row r="85" spans="1:4" ht="18" customHeight="1" x14ac:dyDescent="0.15">
      <c r="A85" s="5">
        <v>65</v>
      </c>
      <c r="B85" s="22">
        <v>10</v>
      </c>
      <c r="C85" s="14">
        <v>9</v>
      </c>
      <c r="D85" s="18">
        <v>19</v>
      </c>
    </row>
    <row r="86" spans="1:4" ht="18" customHeight="1" x14ac:dyDescent="0.15">
      <c r="A86" s="5">
        <v>66</v>
      </c>
      <c r="B86" s="22">
        <v>10</v>
      </c>
      <c r="C86" s="14">
        <v>12</v>
      </c>
      <c r="D86" s="18">
        <v>22</v>
      </c>
    </row>
    <row r="87" spans="1:4" ht="18" customHeight="1" x14ac:dyDescent="0.15">
      <c r="A87" s="5">
        <v>67</v>
      </c>
      <c r="B87" s="22">
        <v>11</v>
      </c>
      <c r="C87" s="14">
        <v>9</v>
      </c>
      <c r="D87" s="18">
        <v>20</v>
      </c>
    </row>
    <row r="88" spans="1:4" ht="18" customHeight="1" x14ac:dyDescent="0.15">
      <c r="A88" s="5">
        <v>68</v>
      </c>
      <c r="B88" s="22">
        <v>12</v>
      </c>
      <c r="C88" s="14">
        <v>15</v>
      </c>
      <c r="D88" s="18">
        <v>27</v>
      </c>
    </row>
    <row r="89" spans="1:4" ht="18" customHeight="1" x14ac:dyDescent="0.15">
      <c r="A89" s="5">
        <v>69</v>
      </c>
      <c r="B89" s="22">
        <v>8</v>
      </c>
      <c r="C89" s="14">
        <v>12</v>
      </c>
      <c r="D89" s="18">
        <v>20</v>
      </c>
    </row>
    <row r="90" spans="1:4" ht="18" customHeight="1" x14ac:dyDescent="0.15">
      <c r="A90" s="5" t="s">
        <v>20</v>
      </c>
      <c r="B90" s="22">
        <v>51</v>
      </c>
      <c r="C90" s="14">
        <v>57</v>
      </c>
      <c r="D90" s="18">
        <v>108</v>
      </c>
    </row>
    <row r="91" spans="1:4" ht="18" customHeight="1" x14ac:dyDescent="0.15">
      <c r="A91" s="5">
        <v>70</v>
      </c>
      <c r="B91" s="22">
        <v>8</v>
      </c>
      <c r="C91" s="14">
        <v>7</v>
      </c>
      <c r="D91" s="18">
        <v>15</v>
      </c>
    </row>
    <row r="92" spans="1:4" ht="18" customHeight="1" x14ac:dyDescent="0.15">
      <c r="A92" s="5">
        <v>71</v>
      </c>
      <c r="B92" s="22">
        <v>10</v>
      </c>
      <c r="C92" s="14">
        <v>9</v>
      </c>
      <c r="D92" s="18">
        <v>19</v>
      </c>
    </row>
    <row r="93" spans="1:4" ht="18" customHeight="1" x14ac:dyDescent="0.15">
      <c r="A93" s="5">
        <v>72</v>
      </c>
      <c r="B93" s="22">
        <v>8</v>
      </c>
      <c r="C93" s="14">
        <v>10</v>
      </c>
      <c r="D93" s="18">
        <v>18</v>
      </c>
    </row>
    <row r="94" spans="1:4" ht="18" customHeight="1" x14ac:dyDescent="0.15">
      <c r="A94" s="5">
        <v>73</v>
      </c>
      <c r="B94" s="22">
        <v>16</v>
      </c>
      <c r="C94" s="14">
        <v>12</v>
      </c>
      <c r="D94" s="18">
        <v>28</v>
      </c>
    </row>
    <row r="95" spans="1:4" ht="18" customHeight="1" x14ac:dyDescent="0.15">
      <c r="A95" s="5">
        <v>74</v>
      </c>
      <c r="B95" s="22">
        <v>7</v>
      </c>
      <c r="C95" s="14">
        <v>13</v>
      </c>
      <c r="D95" s="18">
        <v>20</v>
      </c>
    </row>
    <row r="96" spans="1:4" ht="18" customHeight="1" x14ac:dyDescent="0.15">
      <c r="A96" s="5" t="s">
        <v>33</v>
      </c>
      <c r="B96" s="22">
        <v>49</v>
      </c>
      <c r="C96" s="14">
        <v>51</v>
      </c>
      <c r="D96" s="18">
        <v>100</v>
      </c>
    </row>
    <row r="97" spans="1:4" ht="18" customHeight="1" x14ac:dyDescent="0.15">
      <c r="A97" s="5">
        <v>75</v>
      </c>
      <c r="B97" s="22">
        <v>8</v>
      </c>
      <c r="C97" s="14">
        <v>15</v>
      </c>
      <c r="D97" s="18">
        <v>23</v>
      </c>
    </row>
    <row r="98" spans="1:4" ht="18" customHeight="1" x14ac:dyDescent="0.15">
      <c r="A98" s="5">
        <v>76</v>
      </c>
      <c r="B98" s="22">
        <v>13</v>
      </c>
      <c r="C98" s="14">
        <v>11</v>
      </c>
      <c r="D98" s="18">
        <v>24</v>
      </c>
    </row>
    <row r="99" spans="1:4" ht="18" customHeight="1" x14ac:dyDescent="0.15">
      <c r="A99" s="5">
        <v>77</v>
      </c>
      <c r="B99" s="22">
        <v>18</v>
      </c>
      <c r="C99" s="14">
        <v>14</v>
      </c>
      <c r="D99" s="18">
        <v>32</v>
      </c>
    </row>
    <row r="100" spans="1:4" ht="18" customHeight="1" x14ac:dyDescent="0.15">
      <c r="A100" s="5">
        <v>78</v>
      </c>
      <c r="B100" s="22">
        <v>11</v>
      </c>
      <c r="C100" s="14">
        <v>15</v>
      </c>
      <c r="D100" s="18">
        <v>26</v>
      </c>
    </row>
    <row r="101" spans="1:4" ht="18" customHeight="1" x14ac:dyDescent="0.15">
      <c r="A101" s="5">
        <v>79</v>
      </c>
      <c r="B101" s="22">
        <v>11</v>
      </c>
      <c r="C101" s="14">
        <v>15</v>
      </c>
      <c r="D101" s="18">
        <v>26</v>
      </c>
    </row>
    <row r="102" spans="1:4" ht="18" customHeight="1" x14ac:dyDescent="0.15">
      <c r="A102" s="5" t="s">
        <v>0</v>
      </c>
      <c r="B102" s="22">
        <v>61</v>
      </c>
      <c r="C102" s="14">
        <v>70</v>
      </c>
      <c r="D102" s="18">
        <v>131</v>
      </c>
    </row>
    <row r="103" spans="1:4" ht="18" customHeight="1" x14ac:dyDescent="0.15">
      <c r="A103" s="5">
        <v>80</v>
      </c>
      <c r="B103" s="22">
        <v>7</v>
      </c>
      <c r="C103" s="14">
        <v>10</v>
      </c>
      <c r="D103" s="18">
        <v>17</v>
      </c>
    </row>
    <row r="104" spans="1:4" ht="18" customHeight="1" x14ac:dyDescent="0.15">
      <c r="A104" s="5">
        <v>81</v>
      </c>
      <c r="B104" s="22">
        <v>6</v>
      </c>
      <c r="C104" s="14">
        <v>5</v>
      </c>
      <c r="D104" s="18">
        <v>11</v>
      </c>
    </row>
    <row r="105" spans="1:4" ht="18" customHeight="1" x14ac:dyDescent="0.15">
      <c r="A105" s="5">
        <v>82</v>
      </c>
      <c r="B105" s="22">
        <v>8</v>
      </c>
      <c r="C105" s="14">
        <v>9</v>
      </c>
      <c r="D105" s="18">
        <v>17</v>
      </c>
    </row>
    <row r="106" spans="1:4" ht="18" customHeight="1" x14ac:dyDescent="0.15">
      <c r="A106" s="5">
        <v>83</v>
      </c>
      <c r="B106" s="22">
        <v>8</v>
      </c>
      <c r="C106" s="14">
        <v>10</v>
      </c>
      <c r="D106" s="18">
        <v>18</v>
      </c>
    </row>
    <row r="107" spans="1:4" ht="18" customHeight="1" x14ac:dyDescent="0.15">
      <c r="A107" s="5">
        <v>84</v>
      </c>
      <c r="B107" s="22">
        <v>9</v>
      </c>
      <c r="C107" s="14">
        <v>12</v>
      </c>
      <c r="D107" s="18">
        <v>21</v>
      </c>
    </row>
    <row r="108" spans="1:4" ht="18" customHeight="1" x14ac:dyDescent="0.15">
      <c r="A108" s="5" t="s">
        <v>35</v>
      </c>
      <c r="B108" s="22">
        <v>38</v>
      </c>
      <c r="C108" s="14">
        <v>46</v>
      </c>
      <c r="D108" s="18">
        <v>84</v>
      </c>
    </row>
    <row r="109" spans="1:4" ht="18" customHeight="1" x14ac:dyDescent="0.15">
      <c r="A109" s="5">
        <v>85</v>
      </c>
      <c r="B109" s="22">
        <v>5</v>
      </c>
      <c r="C109" s="14">
        <v>10</v>
      </c>
      <c r="D109" s="18">
        <v>15</v>
      </c>
    </row>
    <row r="110" spans="1:4" ht="18" customHeight="1" x14ac:dyDescent="0.15">
      <c r="A110" s="5">
        <v>86</v>
      </c>
      <c r="B110" s="22">
        <v>2</v>
      </c>
      <c r="C110" s="14">
        <v>11</v>
      </c>
      <c r="D110" s="18">
        <v>13</v>
      </c>
    </row>
    <row r="111" spans="1:4" ht="18" customHeight="1" x14ac:dyDescent="0.15">
      <c r="A111" s="5">
        <v>87</v>
      </c>
      <c r="B111" s="22">
        <v>4</v>
      </c>
      <c r="C111" s="14">
        <v>7</v>
      </c>
      <c r="D111" s="18">
        <v>11</v>
      </c>
    </row>
    <row r="112" spans="1:4" ht="18" customHeight="1" x14ac:dyDescent="0.15">
      <c r="A112" s="5">
        <v>88</v>
      </c>
      <c r="B112" s="22">
        <v>4</v>
      </c>
      <c r="C112" s="14">
        <v>11</v>
      </c>
      <c r="D112" s="18">
        <v>15</v>
      </c>
    </row>
    <row r="113" spans="1:4" ht="18" customHeight="1" x14ac:dyDescent="0.15">
      <c r="A113" s="5">
        <v>89</v>
      </c>
      <c r="B113" s="22">
        <v>5</v>
      </c>
      <c r="C113" s="14">
        <v>11</v>
      </c>
      <c r="D113" s="18">
        <v>16</v>
      </c>
    </row>
    <row r="114" spans="1:4" ht="18" customHeight="1" x14ac:dyDescent="0.15">
      <c r="A114" s="5" t="s">
        <v>37</v>
      </c>
      <c r="B114" s="22">
        <v>20</v>
      </c>
      <c r="C114" s="14">
        <v>50</v>
      </c>
      <c r="D114" s="18">
        <v>70</v>
      </c>
    </row>
    <row r="115" spans="1:4" ht="18" customHeight="1" x14ac:dyDescent="0.15">
      <c r="A115" s="5">
        <v>90</v>
      </c>
      <c r="B115" s="22">
        <v>2</v>
      </c>
      <c r="C115" s="14">
        <v>12</v>
      </c>
      <c r="D115" s="18">
        <v>14</v>
      </c>
    </row>
    <row r="116" spans="1:4" ht="18" customHeight="1" x14ac:dyDescent="0.15">
      <c r="A116" s="5">
        <v>91</v>
      </c>
      <c r="B116" s="22">
        <v>1</v>
      </c>
      <c r="C116" s="14">
        <v>4</v>
      </c>
      <c r="D116" s="18">
        <v>5</v>
      </c>
    </row>
    <row r="117" spans="1:4" ht="18" customHeight="1" x14ac:dyDescent="0.15">
      <c r="A117" s="5">
        <v>92</v>
      </c>
      <c r="B117" s="22">
        <v>1</v>
      </c>
      <c r="C117" s="14">
        <v>6</v>
      </c>
      <c r="D117" s="18">
        <v>7</v>
      </c>
    </row>
    <row r="118" spans="1:4" ht="18" customHeight="1" x14ac:dyDescent="0.15">
      <c r="A118" s="5">
        <v>93</v>
      </c>
      <c r="B118" s="22">
        <v>0</v>
      </c>
      <c r="C118" s="14">
        <v>2</v>
      </c>
      <c r="D118" s="18">
        <v>2</v>
      </c>
    </row>
    <row r="119" spans="1:4" ht="18" customHeight="1" x14ac:dyDescent="0.15">
      <c r="A119" s="5">
        <v>94</v>
      </c>
      <c r="B119" s="22">
        <v>0</v>
      </c>
      <c r="C119" s="14">
        <v>5</v>
      </c>
      <c r="D119" s="18">
        <v>5</v>
      </c>
    </row>
    <row r="120" spans="1:4" ht="18" customHeight="1" x14ac:dyDescent="0.15">
      <c r="A120" s="5" t="s">
        <v>39</v>
      </c>
      <c r="B120" s="22">
        <v>4</v>
      </c>
      <c r="C120" s="14">
        <v>29</v>
      </c>
      <c r="D120" s="18">
        <v>33</v>
      </c>
    </row>
    <row r="121" spans="1:4" ht="18" customHeight="1" x14ac:dyDescent="0.15">
      <c r="A121" s="5">
        <v>95</v>
      </c>
      <c r="B121" s="22">
        <v>0</v>
      </c>
      <c r="C121" s="14">
        <v>3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2</v>
      </c>
      <c r="C123" s="14">
        <v>1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2</v>
      </c>
      <c r="C126" s="14">
        <v>5</v>
      </c>
      <c r="D126" s="18">
        <v>7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225</v>
      </c>
      <c r="C130" s="14">
        <v>310</v>
      </c>
      <c r="D130" s="18">
        <v>535</v>
      </c>
    </row>
    <row r="131" spans="1:4" ht="18" customHeight="1" x14ac:dyDescent="0.15">
      <c r="A131" s="7" t="s">
        <v>45</v>
      </c>
      <c r="B131" s="23">
        <v>784</v>
      </c>
      <c r="C131" s="15">
        <v>775</v>
      </c>
      <c r="D131" s="19">
        <v>155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800-000000000000}">
  <sheetPr codeName="Sheet5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</v>
      </c>
      <c r="C5" s="13">
        <v>0</v>
      </c>
      <c r="D5" s="17">
        <v>1</v>
      </c>
    </row>
    <row r="6" spans="1:4" ht="18" customHeight="1" x14ac:dyDescent="0.15">
      <c r="A6" s="5">
        <v>1</v>
      </c>
      <c r="B6" s="22">
        <v>4</v>
      </c>
      <c r="C6" s="14">
        <v>5</v>
      </c>
      <c r="D6" s="18">
        <v>9</v>
      </c>
    </row>
    <row r="7" spans="1:4" ht="18" customHeight="1" x14ac:dyDescent="0.15">
      <c r="A7" s="5">
        <v>2</v>
      </c>
      <c r="B7" s="22">
        <v>2</v>
      </c>
      <c r="C7" s="14">
        <v>3</v>
      </c>
      <c r="D7" s="18">
        <v>5</v>
      </c>
    </row>
    <row r="8" spans="1:4" ht="18" customHeight="1" x14ac:dyDescent="0.15">
      <c r="A8" s="5">
        <v>3</v>
      </c>
      <c r="B8" s="22">
        <v>2</v>
      </c>
      <c r="C8" s="14">
        <v>0</v>
      </c>
      <c r="D8" s="18">
        <v>2</v>
      </c>
    </row>
    <row r="9" spans="1:4" ht="18" customHeight="1" x14ac:dyDescent="0.15">
      <c r="A9" s="5">
        <v>4</v>
      </c>
      <c r="B9" s="22">
        <v>3</v>
      </c>
      <c r="C9" s="14">
        <v>4</v>
      </c>
      <c r="D9" s="18">
        <v>7</v>
      </c>
    </row>
    <row r="10" spans="1:4" ht="18" customHeight="1" x14ac:dyDescent="0.15">
      <c r="A10" s="5" t="s">
        <v>7</v>
      </c>
      <c r="B10" s="22">
        <v>12</v>
      </c>
      <c r="C10" s="14">
        <v>12</v>
      </c>
      <c r="D10" s="18">
        <v>24</v>
      </c>
    </row>
    <row r="11" spans="1:4" ht="18" customHeight="1" x14ac:dyDescent="0.15">
      <c r="A11" s="5">
        <v>5</v>
      </c>
      <c r="B11" s="22">
        <v>1</v>
      </c>
      <c r="C11" s="14">
        <v>1</v>
      </c>
      <c r="D11" s="18">
        <v>2</v>
      </c>
    </row>
    <row r="12" spans="1:4" ht="18" customHeight="1" x14ac:dyDescent="0.15">
      <c r="A12" s="5">
        <v>6</v>
      </c>
      <c r="B12" s="22">
        <v>5</v>
      </c>
      <c r="C12" s="14">
        <v>5</v>
      </c>
      <c r="D12" s="18">
        <v>10</v>
      </c>
    </row>
    <row r="13" spans="1:4" ht="18" customHeight="1" x14ac:dyDescent="0.15">
      <c r="A13" s="5">
        <v>7</v>
      </c>
      <c r="B13" s="22">
        <v>1</v>
      </c>
      <c r="C13" s="14">
        <v>6</v>
      </c>
      <c r="D13" s="18">
        <v>7</v>
      </c>
    </row>
    <row r="14" spans="1:4" ht="18" customHeight="1" x14ac:dyDescent="0.15">
      <c r="A14" s="5">
        <v>8</v>
      </c>
      <c r="B14" s="22">
        <v>8</v>
      </c>
      <c r="C14" s="14">
        <v>5</v>
      </c>
      <c r="D14" s="18">
        <v>13</v>
      </c>
    </row>
    <row r="15" spans="1:4" ht="18" customHeight="1" x14ac:dyDescent="0.15">
      <c r="A15" s="5">
        <v>9</v>
      </c>
      <c r="B15" s="22">
        <v>2</v>
      </c>
      <c r="C15" s="14">
        <v>1</v>
      </c>
      <c r="D15" s="18">
        <v>3</v>
      </c>
    </row>
    <row r="16" spans="1:4" ht="18" customHeight="1" x14ac:dyDescent="0.15">
      <c r="A16" s="5" t="s">
        <v>11</v>
      </c>
      <c r="B16" s="22">
        <v>17</v>
      </c>
      <c r="C16" s="14">
        <v>18</v>
      </c>
      <c r="D16" s="18">
        <v>35</v>
      </c>
    </row>
    <row r="17" spans="1:4" ht="18" customHeight="1" x14ac:dyDescent="0.15">
      <c r="A17" s="5">
        <v>10</v>
      </c>
      <c r="B17" s="22">
        <v>4</v>
      </c>
      <c r="C17" s="14">
        <v>8</v>
      </c>
      <c r="D17" s="18">
        <v>12</v>
      </c>
    </row>
    <row r="18" spans="1:4" ht="18" customHeight="1" x14ac:dyDescent="0.15">
      <c r="A18" s="5">
        <v>11</v>
      </c>
      <c r="B18" s="22">
        <v>4</v>
      </c>
      <c r="C18" s="14">
        <v>3</v>
      </c>
      <c r="D18" s="18">
        <v>7</v>
      </c>
    </row>
    <row r="19" spans="1:4" ht="18" customHeight="1" x14ac:dyDescent="0.15">
      <c r="A19" s="5">
        <v>12</v>
      </c>
      <c r="B19" s="22">
        <v>4</v>
      </c>
      <c r="C19" s="14">
        <v>4</v>
      </c>
      <c r="D19" s="18">
        <v>8</v>
      </c>
    </row>
    <row r="20" spans="1:4" ht="18" customHeight="1" x14ac:dyDescent="0.15">
      <c r="A20" s="5">
        <v>13</v>
      </c>
      <c r="B20" s="22">
        <v>3</v>
      </c>
      <c r="C20" s="14">
        <v>3</v>
      </c>
      <c r="D20" s="18">
        <v>6</v>
      </c>
    </row>
    <row r="21" spans="1:4" ht="18" customHeight="1" x14ac:dyDescent="0.15">
      <c r="A21" s="5">
        <v>14</v>
      </c>
      <c r="B21" s="22">
        <v>2</v>
      </c>
      <c r="C21" s="14">
        <v>4</v>
      </c>
      <c r="D21" s="18">
        <v>6</v>
      </c>
    </row>
    <row r="22" spans="1:4" ht="18" customHeight="1" x14ac:dyDescent="0.15">
      <c r="A22" s="5" t="s">
        <v>12</v>
      </c>
      <c r="B22" s="22">
        <v>17</v>
      </c>
      <c r="C22" s="14">
        <v>22</v>
      </c>
      <c r="D22" s="18">
        <v>39</v>
      </c>
    </row>
    <row r="23" spans="1:4" ht="18" customHeight="1" x14ac:dyDescent="0.15">
      <c r="A23" s="5" t="s">
        <v>6</v>
      </c>
      <c r="B23" s="22">
        <v>46</v>
      </c>
      <c r="C23" s="14">
        <v>52</v>
      </c>
      <c r="D23" s="18">
        <v>98</v>
      </c>
    </row>
    <row r="24" spans="1:4" ht="18" customHeight="1" x14ac:dyDescent="0.15">
      <c r="A24" s="5">
        <v>15</v>
      </c>
      <c r="B24" s="22">
        <v>3</v>
      </c>
      <c r="C24" s="14">
        <v>4</v>
      </c>
      <c r="D24" s="18">
        <v>7</v>
      </c>
    </row>
    <row r="25" spans="1:4" ht="18" customHeight="1" x14ac:dyDescent="0.15">
      <c r="A25" s="5">
        <v>16</v>
      </c>
      <c r="B25" s="22">
        <v>2</v>
      </c>
      <c r="C25" s="14">
        <v>3</v>
      </c>
      <c r="D25" s="18">
        <v>5</v>
      </c>
    </row>
    <row r="26" spans="1:4" ht="18" customHeight="1" x14ac:dyDescent="0.15">
      <c r="A26" s="5">
        <v>17</v>
      </c>
      <c r="B26" s="22">
        <v>3</v>
      </c>
      <c r="C26" s="14">
        <v>2</v>
      </c>
      <c r="D26" s="18">
        <v>5</v>
      </c>
    </row>
    <row r="27" spans="1:4" ht="18" customHeight="1" x14ac:dyDescent="0.15">
      <c r="A27" s="5">
        <v>18</v>
      </c>
      <c r="B27" s="22">
        <v>2</v>
      </c>
      <c r="C27" s="14">
        <v>5</v>
      </c>
      <c r="D27" s="18">
        <v>7</v>
      </c>
    </row>
    <row r="28" spans="1:4" ht="18" customHeight="1" x14ac:dyDescent="0.15">
      <c r="A28" s="5">
        <v>19</v>
      </c>
      <c r="B28" s="22">
        <v>11</v>
      </c>
      <c r="C28" s="14">
        <v>14</v>
      </c>
      <c r="D28" s="18">
        <v>25</v>
      </c>
    </row>
    <row r="29" spans="1:4" ht="18" customHeight="1" x14ac:dyDescent="0.15">
      <c r="A29" s="5" t="s">
        <v>14</v>
      </c>
      <c r="B29" s="22">
        <v>21</v>
      </c>
      <c r="C29" s="14">
        <v>28</v>
      </c>
      <c r="D29" s="18">
        <v>49</v>
      </c>
    </row>
    <row r="30" spans="1:4" ht="18" customHeight="1" x14ac:dyDescent="0.15">
      <c r="A30" s="5">
        <v>20</v>
      </c>
      <c r="B30" s="22">
        <v>15</v>
      </c>
      <c r="C30" s="14">
        <v>24</v>
      </c>
      <c r="D30" s="18">
        <v>39</v>
      </c>
    </row>
    <row r="31" spans="1:4" ht="18" customHeight="1" x14ac:dyDescent="0.15">
      <c r="A31" s="5">
        <v>21</v>
      </c>
      <c r="B31" s="22">
        <v>21</v>
      </c>
      <c r="C31" s="14">
        <v>28</v>
      </c>
      <c r="D31" s="18">
        <v>49</v>
      </c>
    </row>
    <row r="32" spans="1:4" ht="18" customHeight="1" x14ac:dyDescent="0.15">
      <c r="A32" s="5">
        <v>22</v>
      </c>
      <c r="B32" s="22">
        <v>27</v>
      </c>
      <c r="C32" s="14">
        <v>21</v>
      </c>
      <c r="D32" s="18">
        <v>48</v>
      </c>
    </row>
    <row r="33" spans="1:4" ht="18" customHeight="1" x14ac:dyDescent="0.15">
      <c r="A33" s="5">
        <v>23</v>
      </c>
      <c r="B33" s="22">
        <v>31</v>
      </c>
      <c r="C33" s="14">
        <v>27</v>
      </c>
      <c r="D33" s="18">
        <v>58</v>
      </c>
    </row>
    <row r="34" spans="1:4" ht="18" customHeight="1" x14ac:dyDescent="0.15">
      <c r="A34" s="5">
        <v>24</v>
      </c>
      <c r="B34" s="22">
        <v>30</v>
      </c>
      <c r="C34" s="14">
        <v>27</v>
      </c>
      <c r="D34" s="18">
        <v>57</v>
      </c>
    </row>
    <row r="35" spans="1:4" ht="18" customHeight="1" x14ac:dyDescent="0.15">
      <c r="A35" s="5" t="s">
        <v>9</v>
      </c>
      <c r="B35" s="22">
        <v>124</v>
      </c>
      <c r="C35" s="14">
        <v>127</v>
      </c>
      <c r="D35" s="18">
        <v>251</v>
      </c>
    </row>
    <row r="36" spans="1:4" ht="18" customHeight="1" x14ac:dyDescent="0.15">
      <c r="A36" s="5">
        <v>25</v>
      </c>
      <c r="B36" s="22">
        <v>17</v>
      </c>
      <c r="C36" s="14">
        <v>19</v>
      </c>
      <c r="D36" s="18">
        <v>36</v>
      </c>
    </row>
    <row r="37" spans="1:4" ht="18" customHeight="1" x14ac:dyDescent="0.15">
      <c r="A37" s="5">
        <v>26</v>
      </c>
      <c r="B37" s="22">
        <v>17</v>
      </c>
      <c r="C37" s="14">
        <v>18</v>
      </c>
      <c r="D37" s="18">
        <v>35</v>
      </c>
    </row>
    <row r="38" spans="1:4" ht="18" customHeight="1" x14ac:dyDescent="0.15">
      <c r="A38" s="5">
        <v>27</v>
      </c>
      <c r="B38" s="22">
        <v>13</v>
      </c>
      <c r="C38" s="14">
        <v>18</v>
      </c>
      <c r="D38" s="18">
        <v>31</v>
      </c>
    </row>
    <row r="39" spans="1:4" ht="18" customHeight="1" x14ac:dyDescent="0.15">
      <c r="A39" s="5">
        <v>28</v>
      </c>
      <c r="B39" s="22">
        <v>11</v>
      </c>
      <c r="C39" s="14">
        <v>15</v>
      </c>
      <c r="D39" s="18">
        <v>26</v>
      </c>
    </row>
    <row r="40" spans="1:4" ht="18" customHeight="1" x14ac:dyDescent="0.15">
      <c r="A40" s="5">
        <v>29</v>
      </c>
      <c r="B40" s="22">
        <v>15</v>
      </c>
      <c r="C40" s="14">
        <v>10</v>
      </c>
      <c r="D40" s="18">
        <v>25</v>
      </c>
    </row>
    <row r="41" spans="1:4" ht="18" customHeight="1" x14ac:dyDescent="0.15">
      <c r="A41" s="5" t="s">
        <v>2</v>
      </c>
      <c r="B41" s="22">
        <v>73</v>
      </c>
      <c r="C41" s="14">
        <v>80</v>
      </c>
      <c r="D41" s="18">
        <v>153</v>
      </c>
    </row>
    <row r="42" spans="1:4" ht="18" customHeight="1" x14ac:dyDescent="0.15">
      <c r="A42" s="5">
        <v>30</v>
      </c>
      <c r="B42" s="22">
        <v>11</v>
      </c>
      <c r="C42" s="14">
        <v>4</v>
      </c>
      <c r="D42" s="18">
        <v>15</v>
      </c>
    </row>
    <row r="43" spans="1:4" ht="18" customHeight="1" x14ac:dyDescent="0.15">
      <c r="A43" s="5">
        <v>31</v>
      </c>
      <c r="B43" s="22">
        <v>6</v>
      </c>
      <c r="C43" s="14">
        <v>7</v>
      </c>
      <c r="D43" s="18">
        <v>13</v>
      </c>
    </row>
    <row r="44" spans="1:4" ht="18" customHeight="1" x14ac:dyDescent="0.15">
      <c r="A44" s="5">
        <v>32</v>
      </c>
      <c r="B44" s="22">
        <v>7</v>
      </c>
      <c r="C44" s="14">
        <v>9</v>
      </c>
      <c r="D44" s="18">
        <v>16</v>
      </c>
    </row>
    <row r="45" spans="1:4" ht="18" customHeight="1" x14ac:dyDescent="0.15">
      <c r="A45" s="5">
        <v>33</v>
      </c>
      <c r="B45" s="22">
        <v>4</v>
      </c>
      <c r="C45" s="14">
        <v>10</v>
      </c>
      <c r="D45" s="18">
        <v>14</v>
      </c>
    </row>
    <row r="46" spans="1:4" ht="18" customHeight="1" x14ac:dyDescent="0.15">
      <c r="A46" s="5">
        <v>34</v>
      </c>
      <c r="B46" s="22">
        <v>6</v>
      </c>
      <c r="C46" s="14">
        <v>10</v>
      </c>
      <c r="D46" s="18">
        <v>16</v>
      </c>
    </row>
    <row r="47" spans="1:4" ht="18" customHeight="1" x14ac:dyDescent="0.15">
      <c r="A47" s="5" t="s">
        <v>15</v>
      </c>
      <c r="B47" s="22">
        <v>34</v>
      </c>
      <c r="C47" s="14">
        <v>40</v>
      </c>
      <c r="D47" s="18">
        <v>74</v>
      </c>
    </row>
    <row r="48" spans="1:4" ht="18" customHeight="1" x14ac:dyDescent="0.15">
      <c r="A48" s="5">
        <v>35</v>
      </c>
      <c r="B48" s="22">
        <v>7</v>
      </c>
      <c r="C48" s="14">
        <v>4</v>
      </c>
      <c r="D48" s="18">
        <v>11</v>
      </c>
    </row>
    <row r="49" spans="1:4" ht="18" customHeight="1" x14ac:dyDescent="0.15">
      <c r="A49" s="5">
        <v>36</v>
      </c>
      <c r="B49" s="22">
        <v>14</v>
      </c>
      <c r="C49" s="14">
        <v>6</v>
      </c>
      <c r="D49" s="18">
        <v>20</v>
      </c>
    </row>
    <row r="50" spans="1:4" ht="18" customHeight="1" x14ac:dyDescent="0.15">
      <c r="A50" s="5">
        <v>37</v>
      </c>
      <c r="B50" s="22">
        <v>11</v>
      </c>
      <c r="C50" s="14">
        <v>7</v>
      </c>
      <c r="D50" s="18">
        <v>18</v>
      </c>
    </row>
    <row r="51" spans="1:4" ht="18" customHeight="1" x14ac:dyDescent="0.15">
      <c r="A51" s="5">
        <v>38</v>
      </c>
      <c r="B51" s="22">
        <v>5</v>
      </c>
      <c r="C51" s="14">
        <v>3</v>
      </c>
      <c r="D51" s="18">
        <v>8</v>
      </c>
    </row>
    <row r="52" spans="1:4" ht="18" customHeight="1" x14ac:dyDescent="0.15">
      <c r="A52" s="5">
        <v>39</v>
      </c>
      <c r="B52" s="22">
        <v>12</v>
      </c>
      <c r="C52" s="14">
        <v>6</v>
      </c>
      <c r="D52" s="18">
        <v>18</v>
      </c>
    </row>
    <row r="53" spans="1:4" ht="18" customHeight="1" x14ac:dyDescent="0.15">
      <c r="A53" s="5" t="s">
        <v>18</v>
      </c>
      <c r="B53" s="22">
        <v>49</v>
      </c>
      <c r="C53" s="14">
        <v>26</v>
      </c>
      <c r="D53" s="18">
        <v>75</v>
      </c>
    </row>
    <row r="54" spans="1:4" ht="18" customHeight="1" x14ac:dyDescent="0.15">
      <c r="A54" s="5">
        <v>40</v>
      </c>
      <c r="B54" s="22">
        <v>5</v>
      </c>
      <c r="C54" s="14">
        <v>6</v>
      </c>
      <c r="D54" s="18">
        <v>11</v>
      </c>
    </row>
    <row r="55" spans="1:4" ht="18" customHeight="1" x14ac:dyDescent="0.15">
      <c r="A55" s="5">
        <v>41</v>
      </c>
      <c r="B55" s="22">
        <v>8</v>
      </c>
      <c r="C55" s="14">
        <v>6</v>
      </c>
      <c r="D55" s="18">
        <v>14</v>
      </c>
    </row>
    <row r="56" spans="1:4" ht="18" customHeight="1" x14ac:dyDescent="0.15">
      <c r="A56" s="5">
        <v>42</v>
      </c>
      <c r="B56" s="22">
        <v>9</v>
      </c>
      <c r="C56" s="14">
        <v>1</v>
      </c>
      <c r="D56" s="18">
        <v>10</v>
      </c>
    </row>
    <row r="57" spans="1:4" ht="18" customHeight="1" x14ac:dyDescent="0.15">
      <c r="A57" s="5">
        <v>43</v>
      </c>
      <c r="B57" s="22">
        <v>9</v>
      </c>
      <c r="C57" s="14">
        <v>6</v>
      </c>
      <c r="D57" s="18">
        <v>15</v>
      </c>
    </row>
    <row r="58" spans="1:4" ht="18" customHeight="1" x14ac:dyDescent="0.15">
      <c r="A58" s="5">
        <v>44</v>
      </c>
      <c r="B58" s="22">
        <v>15</v>
      </c>
      <c r="C58" s="14">
        <v>5</v>
      </c>
      <c r="D58" s="18">
        <v>20</v>
      </c>
    </row>
    <row r="59" spans="1:4" ht="18" customHeight="1" x14ac:dyDescent="0.15">
      <c r="A59" s="5" t="s">
        <v>21</v>
      </c>
      <c r="B59" s="22">
        <v>46</v>
      </c>
      <c r="C59" s="14">
        <v>24</v>
      </c>
      <c r="D59" s="18">
        <v>70</v>
      </c>
    </row>
    <row r="60" spans="1:4" ht="18" customHeight="1" x14ac:dyDescent="0.15">
      <c r="A60" s="5">
        <v>45</v>
      </c>
      <c r="B60" s="22">
        <v>11</v>
      </c>
      <c r="C60" s="14">
        <v>7</v>
      </c>
      <c r="D60" s="18">
        <v>18</v>
      </c>
    </row>
    <row r="61" spans="1:4" ht="18" customHeight="1" x14ac:dyDescent="0.15">
      <c r="A61" s="5">
        <v>46</v>
      </c>
      <c r="B61" s="22">
        <v>7</v>
      </c>
      <c r="C61" s="14">
        <v>5</v>
      </c>
      <c r="D61" s="18">
        <v>12</v>
      </c>
    </row>
    <row r="62" spans="1:4" ht="18" customHeight="1" x14ac:dyDescent="0.15">
      <c r="A62" s="5">
        <v>47</v>
      </c>
      <c r="B62" s="22">
        <v>9</v>
      </c>
      <c r="C62" s="14">
        <v>6</v>
      </c>
      <c r="D62" s="18">
        <v>15</v>
      </c>
    </row>
    <row r="63" spans="1:4" ht="18" customHeight="1" x14ac:dyDescent="0.15">
      <c r="A63" s="5">
        <v>48</v>
      </c>
      <c r="B63" s="22">
        <v>8</v>
      </c>
      <c r="C63" s="14">
        <v>11</v>
      </c>
      <c r="D63" s="18">
        <v>19</v>
      </c>
    </row>
    <row r="64" spans="1:4" ht="18" customHeight="1" x14ac:dyDescent="0.15">
      <c r="A64" s="5">
        <v>49</v>
      </c>
      <c r="B64" s="22">
        <v>10</v>
      </c>
      <c r="C64" s="14">
        <v>9</v>
      </c>
      <c r="D64" s="18">
        <v>19</v>
      </c>
    </row>
    <row r="65" spans="1:4" ht="18" customHeight="1" x14ac:dyDescent="0.15">
      <c r="A65" s="5" t="s">
        <v>17</v>
      </c>
      <c r="B65" s="22">
        <v>45</v>
      </c>
      <c r="C65" s="14">
        <v>38</v>
      </c>
      <c r="D65" s="18">
        <v>83</v>
      </c>
    </row>
    <row r="66" spans="1:4" ht="18" customHeight="1" x14ac:dyDescent="0.15">
      <c r="A66" s="5">
        <v>50</v>
      </c>
      <c r="B66" s="22">
        <v>14</v>
      </c>
      <c r="C66" s="14">
        <v>14</v>
      </c>
      <c r="D66" s="18">
        <v>28</v>
      </c>
    </row>
    <row r="67" spans="1:4" ht="18" customHeight="1" x14ac:dyDescent="0.15">
      <c r="A67" s="5">
        <v>51</v>
      </c>
      <c r="B67" s="22">
        <v>16</v>
      </c>
      <c r="C67" s="14">
        <v>7</v>
      </c>
      <c r="D67" s="18">
        <v>23</v>
      </c>
    </row>
    <row r="68" spans="1:4" ht="18" customHeight="1" x14ac:dyDescent="0.15">
      <c r="A68" s="5">
        <v>52</v>
      </c>
      <c r="B68" s="22">
        <v>22</v>
      </c>
      <c r="C68" s="14">
        <v>15</v>
      </c>
      <c r="D68" s="18">
        <v>37</v>
      </c>
    </row>
    <row r="69" spans="1:4" ht="18" customHeight="1" x14ac:dyDescent="0.15">
      <c r="A69" s="5">
        <v>53</v>
      </c>
      <c r="B69" s="22">
        <v>8</v>
      </c>
      <c r="C69" s="14">
        <v>8</v>
      </c>
      <c r="D69" s="18">
        <v>16</v>
      </c>
    </row>
    <row r="70" spans="1:4" ht="18" customHeight="1" x14ac:dyDescent="0.15">
      <c r="A70" s="5">
        <v>54</v>
      </c>
      <c r="B70" s="22">
        <v>11</v>
      </c>
      <c r="C70" s="14">
        <v>6</v>
      </c>
      <c r="D70" s="18">
        <v>17</v>
      </c>
    </row>
    <row r="71" spans="1:4" ht="18" customHeight="1" x14ac:dyDescent="0.15">
      <c r="A71" s="5" t="s">
        <v>22</v>
      </c>
      <c r="B71" s="22">
        <v>71</v>
      </c>
      <c r="C71" s="14">
        <v>50</v>
      </c>
      <c r="D71" s="18">
        <v>121</v>
      </c>
    </row>
    <row r="72" spans="1:4" ht="18" customHeight="1" x14ac:dyDescent="0.15">
      <c r="A72" s="5">
        <v>55</v>
      </c>
      <c r="B72" s="22">
        <v>8</v>
      </c>
      <c r="C72" s="14">
        <v>8</v>
      </c>
      <c r="D72" s="18">
        <v>16</v>
      </c>
    </row>
    <row r="73" spans="1:4" ht="18" customHeight="1" x14ac:dyDescent="0.15">
      <c r="A73" s="5">
        <v>56</v>
      </c>
      <c r="B73" s="22">
        <v>13</v>
      </c>
      <c r="C73" s="14">
        <v>14</v>
      </c>
      <c r="D73" s="18">
        <v>27</v>
      </c>
    </row>
    <row r="74" spans="1:4" ht="18" customHeight="1" x14ac:dyDescent="0.15">
      <c r="A74" s="5">
        <v>57</v>
      </c>
      <c r="B74" s="22">
        <v>11</v>
      </c>
      <c r="C74" s="14">
        <v>7</v>
      </c>
      <c r="D74" s="18">
        <v>18</v>
      </c>
    </row>
    <row r="75" spans="1:4" ht="18" customHeight="1" x14ac:dyDescent="0.15">
      <c r="A75" s="5">
        <v>58</v>
      </c>
      <c r="B75" s="22">
        <v>7</v>
      </c>
      <c r="C75" s="14">
        <v>10</v>
      </c>
      <c r="D75" s="18">
        <v>17</v>
      </c>
    </row>
    <row r="76" spans="1:4" ht="18" customHeight="1" x14ac:dyDescent="0.15">
      <c r="A76" s="5">
        <v>59</v>
      </c>
      <c r="B76" s="22">
        <v>17</v>
      </c>
      <c r="C76" s="14">
        <v>7</v>
      </c>
      <c r="D76" s="18">
        <v>24</v>
      </c>
    </row>
    <row r="77" spans="1:4" ht="18" customHeight="1" x14ac:dyDescent="0.15">
      <c r="A77" s="5" t="s">
        <v>27</v>
      </c>
      <c r="B77" s="22">
        <v>56</v>
      </c>
      <c r="C77" s="14">
        <v>46</v>
      </c>
      <c r="D77" s="18">
        <v>102</v>
      </c>
    </row>
    <row r="78" spans="1:4" ht="18" customHeight="1" x14ac:dyDescent="0.15">
      <c r="A78" s="5">
        <v>60</v>
      </c>
      <c r="B78" s="22">
        <v>8</v>
      </c>
      <c r="C78" s="14">
        <v>9</v>
      </c>
      <c r="D78" s="18">
        <v>17</v>
      </c>
    </row>
    <row r="79" spans="1:4" ht="18" customHeight="1" x14ac:dyDescent="0.15">
      <c r="A79" s="5">
        <v>61</v>
      </c>
      <c r="B79" s="22">
        <v>15</v>
      </c>
      <c r="C79" s="14">
        <v>8</v>
      </c>
      <c r="D79" s="18">
        <v>23</v>
      </c>
    </row>
    <row r="80" spans="1:4" ht="18" customHeight="1" x14ac:dyDescent="0.15">
      <c r="A80" s="5">
        <v>62</v>
      </c>
      <c r="B80" s="22">
        <v>8</v>
      </c>
      <c r="C80" s="14">
        <v>8</v>
      </c>
      <c r="D80" s="18">
        <v>16</v>
      </c>
    </row>
    <row r="81" spans="1:4" ht="18" customHeight="1" x14ac:dyDescent="0.15">
      <c r="A81" s="5">
        <v>63</v>
      </c>
      <c r="B81" s="22">
        <v>5</v>
      </c>
      <c r="C81" s="14">
        <v>17</v>
      </c>
      <c r="D81" s="18">
        <v>22</v>
      </c>
    </row>
    <row r="82" spans="1:4" ht="18" customHeight="1" x14ac:dyDescent="0.15">
      <c r="A82" s="5">
        <v>64</v>
      </c>
      <c r="B82" s="22">
        <v>13</v>
      </c>
      <c r="C82" s="14">
        <v>9</v>
      </c>
      <c r="D82" s="18">
        <v>22</v>
      </c>
    </row>
    <row r="83" spans="1:4" ht="18" customHeight="1" x14ac:dyDescent="0.15">
      <c r="A83" s="5" t="s">
        <v>28</v>
      </c>
      <c r="B83" s="22">
        <v>49</v>
      </c>
      <c r="C83" s="14">
        <v>51</v>
      </c>
      <c r="D83" s="18">
        <v>100</v>
      </c>
    </row>
    <row r="84" spans="1:4" ht="18" customHeight="1" x14ac:dyDescent="0.15">
      <c r="A84" s="5" t="s">
        <v>31</v>
      </c>
      <c r="B84" s="22">
        <v>568</v>
      </c>
      <c r="C84" s="14">
        <v>510</v>
      </c>
      <c r="D84" s="18">
        <v>1078</v>
      </c>
    </row>
    <row r="85" spans="1:4" ht="18" customHeight="1" x14ac:dyDescent="0.15">
      <c r="A85" s="5">
        <v>65</v>
      </c>
      <c r="B85" s="22">
        <v>9</v>
      </c>
      <c r="C85" s="14">
        <v>10</v>
      </c>
      <c r="D85" s="18">
        <v>19</v>
      </c>
    </row>
    <row r="86" spans="1:4" ht="18" customHeight="1" x14ac:dyDescent="0.15">
      <c r="A86" s="5">
        <v>66</v>
      </c>
      <c r="B86" s="22">
        <v>6</v>
      </c>
      <c r="C86" s="14">
        <v>6</v>
      </c>
      <c r="D86" s="18">
        <v>12</v>
      </c>
    </row>
    <row r="87" spans="1:4" ht="18" customHeight="1" x14ac:dyDescent="0.15">
      <c r="A87" s="5">
        <v>67</v>
      </c>
      <c r="B87" s="22">
        <v>7</v>
      </c>
      <c r="C87" s="14">
        <v>4</v>
      </c>
      <c r="D87" s="18">
        <v>11</v>
      </c>
    </row>
    <row r="88" spans="1:4" ht="18" customHeight="1" x14ac:dyDescent="0.15">
      <c r="A88" s="5">
        <v>68</v>
      </c>
      <c r="B88" s="22">
        <v>10</v>
      </c>
      <c r="C88" s="14">
        <v>10</v>
      </c>
      <c r="D88" s="18">
        <v>20</v>
      </c>
    </row>
    <row r="89" spans="1:4" ht="18" customHeight="1" x14ac:dyDescent="0.15">
      <c r="A89" s="5">
        <v>69</v>
      </c>
      <c r="B89" s="22">
        <v>9</v>
      </c>
      <c r="C89" s="14">
        <v>5</v>
      </c>
      <c r="D89" s="18">
        <v>14</v>
      </c>
    </row>
    <row r="90" spans="1:4" ht="18" customHeight="1" x14ac:dyDescent="0.15">
      <c r="A90" s="5" t="s">
        <v>20</v>
      </c>
      <c r="B90" s="22">
        <v>41</v>
      </c>
      <c r="C90" s="14">
        <v>35</v>
      </c>
      <c r="D90" s="18">
        <v>76</v>
      </c>
    </row>
    <row r="91" spans="1:4" ht="18" customHeight="1" x14ac:dyDescent="0.15">
      <c r="A91" s="5">
        <v>70</v>
      </c>
      <c r="B91" s="22">
        <v>9</v>
      </c>
      <c r="C91" s="14">
        <v>9</v>
      </c>
      <c r="D91" s="18">
        <v>18</v>
      </c>
    </row>
    <row r="92" spans="1:4" ht="18" customHeight="1" x14ac:dyDescent="0.15">
      <c r="A92" s="5">
        <v>71</v>
      </c>
      <c r="B92" s="22">
        <v>8</v>
      </c>
      <c r="C92" s="14">
        <v>8</v>
      </c>
      <c r="D92" s="18">
        <v>16</v>
      </c>
    </row>
    <row r="93" spans="1:4" ht="18" customHeight="1" x14ac:dyDescent="0.15">
      <c r="A93" s="5">
        <v>72</v>
      </c>
      <c r="B93" s="22">
        <v>7</v>
      </c>
      <c r="C93" s="14">
        <v>12</v>
      </c>
      <c r="D93" s="18">
        <v>19</v>
      </c>
    </row>
    <row r="94" spans="1:4" ht="18" customHeight="1" x14ac:dyDescent="0.15">
      <c r="A94" s="5">
        <v>73</v>
      </c>
      <c r="B94" s="22">
        <v>9</v>
      </c>
      <c r="C94" s="14">
        <v>7</v>
      </c>
      <c r="D94" s="18">
        <v>16</v>
      </c>
    </row>
    <row r="95" spans="1:4" ht="18" customHeight="1" x14ac:dyDescent="0.15">
      <c r="A95" s="5">
        <v>74</v>
      </c>
      <c r="B95" s="22">
        <v>7</v>
      </c>
      <c r="C95" s="14">
        <v>10</v>
      </c>
      <c r="D95" s="18">
        <v>17</v>
      </c>
    </row>
    <row r="96" spans="1:4" ht="18" customHeight="1" x14ac:dyDescent="0.15">
      <c r="A96" s="5" t="s">
        <v>33</v>
      </c>
      <c r="B96" s="22">
        <v>40</v>
      </c>
      <c r="C96" s="14">
        <v>46</v>
      </c>
      <c r="D96" s="18">
        <v>86</v>
      </c>
    </row>
    <row r="97" spans="1:4" ht="18" customHeight="1" x14ac:dyDescent="0.15">
      <c r="A97" s="5">
        <v>75</v>
      </c>
      <c r="B97" s="22">
        <v>12</v>
      </c>
      <c r="C97" s="14">
        <v>20</v>
      </c>
      <c r="D97" s="18">
        <v>32</v>
      </c>
    </row>
    <row r="98" spans="1:4" ht="18" customHeight="1" x14ac:dyDescent="0.15">
      <c r="A98" s="5">
        <v>76</v>
      </c>
      <c r="B98" s="22">
        <v>12</v>
      </c>
      <c r="C98" s="14">
        <v>16</v>
      </c>
      <c r="D98" s="18">
        <v>28</v>
      </c>
    </row>
    <row r="99" spans="1:4" ht="18" customHeight="1" x14ac:dyDescent="0.15">
      <c r="A99" s="5">
        <v>77</v>
      </c>
      <c r="B99" s="22">
        <v>16</v>
      </c>
      <c r="C99" s="14">
        <v>20</v>
      </c>
      <c r="D99" s="18">
        <v>36</v>
      </c>
    </row>
    <row r="100" spans="1:4" ht="18" customHeight="1" x14ac:dyDescent="0.15">
      <c r="A100" s="5">
        <v>78</v>
      </c>
      <c r="B100" s="22">
        <v>14</v>
      </c>
      <c r="C100" s="14">
        <v>13</v>
      </c>
      <c r="D100" s="18">
        <v>27</v>
      </c>
    </row>
    <row r="101" spans="1:4" ht="18" customHeight="1" x14ac:dyDescent="0.15">
      <c r="A101" s="5">
        <v>79</v>
      </c>
      <c r="B101" s="22">
        <v>8</v>
      </c>
      <c r="C101" s="14">
        <v>12</v>
      </c>
      <c r="D101" s="18">
        <v>20</v>
      </c>
    </row>
    <row r="102" spans="1:4" ht="18" customHeight="1" x14ac:dyDescent="0.15">
      <c r="A102" s="5" t="s">
        <v>0</v>
      </c>
      <c r="B102" s="22">
        <v>62</v>
      </c>
      <c r="C102" s="14">
        <v>81</v>
      </c>
      <c r="D102" s="18">
        <v>143</v>
      </c>
    </row>
    <row r="103" spans="1:4" ht="18" customHeight="1" x14ac:dyDescent="0.15">
      <c r="A103" s="5">
        <v>80</v>
      </c>
      <c r="B103" s="22">
        <v>2</v>
      </c>
      <c r="C103" s="14">
        <v>4</v>
      </c>
      <c r="D103" s="18">
        <v>6</v>
      </c>
    </row>
    <row r="104" spans="1:4" ht="18" customHeight="1" x14ac:dyDescent="0.15">
      <c r="A104" s="5">
        <v>81</v>
      </c>
      <c r="B104" s="22">
        <v>7</v>
      </c>
      <c r="C104" s="14">
        <v>14</v>
      </c>
      <c r="D104" s="18">
        <v>21</v>
      </c>
    </row>
    <row r="105" spans="1:4" ht="18" customHeight="1" x14ac:dyDescent="0.15">
      <c r="A105" s="5">
        <v>82</v>
      </c>
      <c r="B105" s="22">
        <v>6</v>
      </c>
      <c r="C105" s="14">
        <v>3</v>
      </c>
      <c r="D105" s="18">
        <v>9</v>
      </c>
    </row>
    <row r="106" spans="1:4" ht="18" customHeight="1" x14ac:dyDescent="0.15">
      <c r="A106" s="5">
        <v>83</v>
      </c>
      <c r="B106" s="22">
        <v>8</v>
      </c>
      <c r="C106" s="14">
        <v>4</v>
      </c>
      <c r="D106" s="18">
        <v>12</v>
      </c>
    </row>
    <row r="107" spans="1:4" ht="18" customHeight="1" x14ac:dyDescent="0.15">
      <c r="A107" s="5">
        <v>84</v>
      </c>
      <c r="B107" s="22">
        <v>5</v>
      </c>
      <c r="C107" s="14">
        <v>8</v>
      </c>
      <c r="D107" s="18">
        <v>13</v>
      </c>
    </row>
    <row r="108" spans="1:4" ht="18" customHeight="1" x14ac:dyDescent="0.15">
      <c r="A108" s="5" t="s">
        <v>35</v>
      </c>
      <c r="B108" s="22">
        <v>28</v>
      </c>
      <c r="C108" s="14">
        <v>33</v>
      </c>
      <c r="D108" s="18">
        <v>61</v>
      </c>
    </row>
    <row r="109" spans="1:4" ht="18" customHeight="1" x14ac:dyDescent="0.15">
      <c r="A109" s="5">
        <v>85</v>
      </c>
      <c r="B109" s="22">
        <v>1</v>
      </c>
      <c r="C109" s="14">
        <v>4</v>
      </c>
      <c r="D109" s="18">
        <v>5</v>
      </c>
    </row>
    <row r="110" spans="1:4" ht="18" customHeight="1" x14ac:dyDescent="0.15">
      <c r="A110" s="5">
        <v>86</v>
      </c>
      <c r="B110" s="22">
        <v>5</v>
      </c>
      <c r="C110" s="14">
        <v>10</v>
      </c>
      <c r="D110" s="18">
        <v>15</v>
      </c>
    </row>
    <row r="111" spans="1:4" ht="18" customHeight="1" x14ac:dyDescent="0.15">
      <c r="A111" s="5">
        <v>87</v>
      </c>
      <c r="B111" s="22">
        <v>3</v>
      </c>
      <c r="C111" s="14">
        <v>5</v>
      </c>
      <c r="D111" s="18">
        <v>8</v>
      </c>
    </row>
    <row r="112" spans="1:4" ht="18" customHeight="1" x14ac:dyDescent="0.15">
      <c r="A112" s="5">
        <v>88</v>
      </c>
      <c r="B112" s="22">
        <v>4</v>
      </c>
      <c r="C112" s="14">
        <v>4</v>
      </c>
      <c r="D112" s="18">
        <v>8</v>
      </c>
    </row>
    <row r="113" spans="1:4" ht="18" customHeight="1" x14ac:dyDescent="0.15">
      <c r="A113" s="5">
        <v>89</v>
      </c>
      <c r="B113" s="22">
        <v>1</v>
      </c>
      <c r="C113" s="14">
        <v>4</v>
      </c>
      <c r="D113" s="18">
        <v>5</v>
      </c>
    </row>
    <row r="114" spans="1:4" ht="18" customHeight="1" x14ac:dyDescent="0.15">
      <c r="A114" s="5" t="s">
        <v>37</v>
      </c>
      <c r="B114" s="22">
        <v>14</v>
      </c>
      <c r="C114" s="14">
        <v>27</v>
      </c>
      <c r="D114" s="18">
        <v>41</v>
      </c>
    </row>
    <row r="115" spans="1:4" ht="18" customHeight="1" x14ac:dyDescent="0.15">
      <c r="A115" s="5">
        <v>90</v>
      </c>
      <c r="B115" s="22">
        <v>1</v>
      </c>
      <c r="C115" s="14">
        <v>7</v>
      </c>
      <c r="D115" s="18">
        <v>8</v>
      </c>
    </row>
    <row r="116" spans="1:4" ht="18" customHeight="1" x14ac:dyDescent="0.15">
      <c r="A116" s="5">
        <v>91</v>
      </c>
      <c r="B116" s="22">
        <v>4</v>
      </c>
      <c r="C116" s="14">
        <v>2</v>
      </c>
      <c r="D116" s="18">
        <v>6</v>
      </c>
    </row>
    <row r="117" spans="1:4" ht="18" customHeight="1" x14ac:dyDescent="0.15">
      <c r="A117" s="5">
        <v>92</v>
      </c>
      <c r="B117" s="22">
        <v>1</v>
      </c>
      <c r="C117" s="14">
        <v>3</v>
      </c>
      <c r="D117" s="18">
        <v>4</v>
      </c>
    </row>
    <row r="118" spans="1:4" ht="18" customHeight="1" x14ac:dyDescent="0.15">
      <c r="A118" s="5">
        <v>93</v>
      </c>
      <c r="B118" s="22">
        <v>0</v>
      </c>
      <c r="C118" s="14">
        <v>4</v>
      </c>
      <c r="D118" s="18">
        <v>4</v>
      </c>
    </row>
    <row r="119" spans="1:4" ht="18" customHeight="1" x14ac:dyDescent="0.15">
      <c r="A119" s="5">
        <v>94</v>
      </c>
      <c r="B119" s="22">
        <v>0</v>
      </c>
      <c r="C119" s="14">
        <v>6</v>
      </c>
      <c r="D119" s="18">
        <v>6</v>
      </c>
    </row>
    <row r="120" spans="1:4" ht="18" customHeight="1" x14ac:dyDescent="0.15">
      <c r="A120" s="5" t="s">
        <v>39</v>
      </c>
      <c r="B120" s="22">
        <v>6</v>
      </c>
      <c r="C120" s="14">
        <v>22</v>
      </c>
      <c r="D120" s="18">
        <v>28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2</v>
      </c>
      <c r="C122" s="14">
        <v>3</v>
      </c>
      <c r="D122" s="18">
        <v>5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3</v>
      </c>
      <c r="C126" s="14">
        <v>8</v>
      </c>
      <c r="D126" s="18">
        <v>11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194</v>
      </c>
      <c r="C130" s="14">
        <v>252</v>
      </c>
      <c r="D130" s="18">
        <v>446</v>
      </c>
    </row>
    <row r="131" spans="1:4" ht="18" customHeight="1" x14ac:dyDescent="0.15">
      <c r="A131" s="7" t="s">
        <v>45</v>
      </c>
      <c r="B131" s="23">
        <v>808</v>
      </c>
      <c r="C131" s="15">
        <v>814</v>
      </c>
      <c r="D131" s="19">
        <v>162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900-000000000000}">
  <sheetPr codeName="Sheet5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8</v>
      </c>
      <c r="C5" s="13">
        <v>5</v>
      </c>
      <c r="D5" s="17">
        <v>13</v>
      </c>
    </row>
    <row r="6" spans="1:4" ht="18" customHeight="1" x14ac:dyDescent="0.15">
      <c r="A6" s="5">
        <v>1</v>
      </c>
      <c r="B6" s="22">
        <v>11</v>
      </c>
      <c r="C6" s="14">
        <v>7</v>
      </c>
      <c r="D6" s="18">
        <v>18</v>
      </c>
    </row>
    <row r="7" spans="1:4" ht="18" customHeight="1" x14ac:dyDescent="0.15">
      <c r="A7" s="5">
        <v>2</v>
      </c>
      <c r="B7" s="22">
        <v>5</v>
      </c>
      <c r="C7" s="14">
        <v>9</v>
      </c>
      <c r="D7" s="18">
        <v>14</v>
      </c>
    </row>
    <row r="8" spans="1:4" ht="18" customHeight="1" x14ac:dyDescent="0.15">
      <c r="A8" s="5">
        <v>3</v>
      </c>
      <c r="B8" s="22">
        <v>10</v>
      </c>
      <c r="C8" s="14">
        <v>4</v>
      </c>
      <c r="D8" s="18">
        <v>14</v>
      </c>
    </row>
    <row r="9" spans="1:4" ht="18" customHeight="1" x14ac:dyDescent="0.15">
      <c r="A9" s="5">
        <v>4</v>
      </c>
      <c r="B9" s="22">
        <v>13</v>
      </c>
      <c r="C9" s="14">
        <v>10</v>
      </c>
      <c r="D9" s="18">
        <v>23</v>
      </c>
    </row>
    <row r="10" spans="1:4" ht="18" customHeight="1" x14ac:dyDescent="0.15">
      <c r="A10" s="5" t="s">
        <v>7</v>
      </c>
      <c r="B10" s="22">
        <v>47</v>
      </c>
      <c r="C10" s="14">
        <v>35</v>
      </c>
      <c r="D10" s="18">
        <v>82</v>
      </c>
    </row>
    <row r="11" spans="1:4" ht="18" customHeight="1" x14ac:dyDescent="0.15">
      <c r="A11" s="5">
        <v>5</v>
      </c>
      <c r="B11" s="22">
        <v>7</v>
      </c>
      <c r="C11" s="14">
        <v>7</v>
      </c>
      <c r="D11" s="18">
        <v>14</v>
      </c>
    </row>
    <row r="12" spans="1:4" ht="18" customHeight="1" x14ac:dyDescent="0.15">
      <c r="A12" s="5">
        <v>6</v>
      </c>
      <c r="B12" s="22">
        <v>7</v>
      </c>
      <c r="C12" s="14">
        <v>14</v>
      </c>
      <c r="D12" s="18">
        <v>21</v>
      </c>
    </row>
    <row r="13" spans="1:4" ht="18" customHeight="1" x14ac:dyDescent="0.15">
      <c r="A13" s="5">
        <v>7</v>
      </c>
      <c r="B13" s="22">
        <v>17</v>
      </c>
      <c r="C13" s="14">
        <v>11</v>
      </c>
      <c r="D13" s="18">
        <v>28</v>
      </c>
    </row>
    <row r="14" spans="1:4" ht="18" customHeight="1" x14ac:dyDescent="0.15">
      <c r="A14" s="5">
        <v>8</v>
      </c>
      <c r="B14" s="22">
        <v>6</v>
      </c>
      <c r="C14" s="14">
        <v>15</v>
      </c>
      <c r="D14" s="18">
        <v>21</v>
      </c>
    </row>
    <row r="15" spans="1:4" ht="18" customHeight="1" x14ac:dyDescent="0.15">
      <c r="A15" s="5">
        <v>9</v>
      </c>
      <c r="B15" s="22">
        <v>18</v>
      </c>
      <c r="C15" s="14">
        <v>7</v>
      </c>
      <c r="D15" s="18">
        <v>25</v>
      </c>
    </row>
    <row r="16" spans="1:4" ht="18" customHeight="1" x14ac:dyDescent="0.15">
      <c r="A16" s="5" t="s">
        <v>11</v>
      </c>
      <c r="B16" s="22">
        <v>55</v>
      </c>
      <c r="C16" s="14">
        <v>54</v>
      </c>
      <c r="D16" s="18">
        <v>109</v>
      </c>
    </row>
    <row r="17" spans="1:4" ht="18" customHeight="1" x14ac:dyDescent="0.15">
      <c r="A17" s="5">
        <v>10</v>
      </c>
      <c r="B17" s="22">
        <v>12</v>
      </c>
      <c r="C17" s="14">
        <v>15</v>
      </c>
      <c r="D17" s="18">
        <v>27</v>
      </c>
    </row>
    <row r="18" spans="1:4" ht="18" customHeight="1" x14ac:dyDescent="0.15">
      <c r="A18" s="5">
        <v>11</v>
      </c>
      <c r="B18" s="22">
        <v>8</v>
      </c>
      <c r="C18" s="14">
        <v>22</v>
      </c>
      <c r="D18" s="18">
        <v>30</v>
      </c>
    </row>
    <row r="19" spans="1:4" ht="18" customHeight="1" x14ac:dyDescent="0.15">
      <c r="A19" s="5">
        <v>12</v>
      </c>
      <c r="B19" s="22">
        <v>10</v>
      </c>
      <c r="C19" s="14">
        <v>11</v>
      </c>
      <c r="D19" s="18">
        <v>21</v>
      </c>
    </row>
    <row r="20" spans="1:4" ht="18" customHeight="1" x14ac:dyDescent="0.15">
      <c r="A20" s="5">
        <v>13</v>
      </c>
      <c r="B20" s="22">
        <v>17</v>
      </c>
      <c r="C20" s="14">
        <v>9</v>
      </c>
      <c r="D20" s="18">
        <v>26</v>
      </c>
    </row>
    <row r="21" spans="1:4" ht="18" customHeight="1" x14ac:dyDescent="0.15">
      <c r="A21" s="5">
        <v>14</v>
      </c>
      <c r="B21" s="22">
        <v>14</v>
      </c>
      <c r="C21" s="14">
        <v>10</v>
      </c>
      <c r="D21" s="18">
        <v>24</v>
      </c>
    </row>
    <row r="22" spans="1:4" ht="18" customHeight="1" x14ac:dyDescent="0.15">
      <c r="A22" s="5" t="s">
        <v>12</v>
      </c>
      <c r="B22" s="22">
        <v>61</v>
      </c>
      <c r="C22" s="14">
        <v>67</v>
      </c>
      <c r="D22" s="18">
        <v>128</v>
      </c>
    </row>
    <row r="23" spans="1:4" ht="18" customHeight="1" x14ac:dyDescent="0.15">
      <c r="A23" s="5" t="s">
        <v>6</v>
      </c>
      <c r="B23" s="22">
        <v>163</v>
      </c>
      <c r="C23" s="14">
        <v>156</v>
      </c>
      <c r="D23" s="18">
        <v>319</v>
      </c>
    </row>
    <row r="24" spans="1:4" ht="18" customHeight="1" x14ac:dyDescent="0.15">
      <c r="A24" s="5">
        <v>15</v>
      </c>
      <c r="B24" s="22">
        <v>10</v>
      </c>
      <c r="C24" s="14">
        <v>17</v>
      </c>
      <c r="D24" s="18">
        <v>27</v>
      </c>
    </row>
    <row r="25" spans="1:4" ht="18" customHeight="1" x14ac:dyDescent="0.15">
      <c r="A25" s="5">
        <v>16</v>
      </c>
      <c r="B25" s="22">
        <v>14</v>
      </c>
      <c r="C25" s="14">
        <v>9</v>
      </c>
      <c r="D25" s="18">
        <v>23</v>
      </c>
    </row>
    <row r="26" spans="1:4" ht="18" customHeight="1" x14ac:dyDescent="0.15">
      <c r="A26" s="5">
        <v>17</v>
      </c>
      <c r="B26" s="22">
        <v>17</v>
      </c>
      <c r="C26" s="14">
        <v>15</v>
      </c>
      <c r="D26" s="18">
        <v>32</v>
      </c>
    </row>
    <row r="27" spans="1:4" ht="18" customHeight="1" x14ac:dyDescent="0.15">
      <c r="A27" s="5">
        <v>18</v>
      </c>
      <c r="B27" s="22">
        <v>12</v>
      </c>
      <c r="C27" s="14">
        <v>15</v>
      </c>
      <c r="D27" s="18">
        <v>27</v>
      </c>
    </row>
    <row r="28" spans="1:4" ht="18" customHeight="1" x14ac:dyDescent="0.15">
      <c r="A28" s="5">
        <v>19</v>
      </c>
      <c r="B28" s="22">
        <v>17</v>
      </c>
      <c r="C28" s="14">
        <v>11</v>
      </c>
      <c r="D28" s="18">
        <v>28</v>
      </c>
    </row>
    <row r="29" spans="1:4" ht="18" customHeight="1" x14ac:dyDescent="0.15">
      <c r="A29" s="5" t="s">
        <v>14</v>
      </c>
      <c r="B29" s="22">
        <v>70</v>
      </c>
      <c r="C29" s="14">
        <v>67</v>
      </c>
      <c r="D29" s="18">
        <v>137</v>
      </c>
    </row>
    <row r="30" spans="1:4" ht="18" customHeight="1" x14ac:dyDescent="0.15">
      <c r="A30" s="5">
        <v>20</v>
      </c>
      <c r="B30" s="22">
        <v>15</v>
      </c>
      <c r="C30" s="14">
        <v>16</v>
      </c>
      <c r="D30" s="18">
        <v>31</v>
      </c>
    </row>
    <row r="31" spans="1:4" ht="18" customHeight="1" x14ac:dyDescent="0.15">
      <c r="A31" s="5">
        <v>21</v>
      </c>
      <c r="B31" s="22">
        <v>18</v>
      </c>
      <c r="C31" s="14">
        <v>16</v>
      </c>
      <c r="D31" s="18">
        <v>34</v>
      </c>
    </row>
    <row r="32" spans="1:4" ht="18" customHeight="1" x14ac:dyDescent="0.15">
      <c r="A32" s="5">
        <v>22</v>
      </c>
      <c r="B32" s="22">
        <v>12</v>
      </c>
      <c r="C32" s="14">
        <v>13</v>
      </c>
      <c r="D32" s="18">
        <v>25</v>
      </c>
    </row>
    <row r="33" spans="1:4" ht="18" customHeight="1" x14ac:dyDescent="0.15">
      <c r="A33" s="5">
        <v>23</v>
      </c>
      <c r="B33" s="22">
        <v>14</v>
      </c>
      <c r="C33" s="14">
        <v>18</v>
      </c>
      <c r="D33" s="18">
        <v>32</v>
      </c>
    </row>
    <row r="34" spans="1:4" ht="18" customHeight="1" x14ac:dyDescent="0.15">
      <c r="A34" s="5">
        <v>24</v>
      </c>
      <c r="B34" s="22">
        <v>17</v>
      </c>
      <c r="C34" s="14">
        <v>13</v>
      </c>
      <c r="D34" s="18">
        <v>30</v>
      </c>
    </row>
    <row r="35" spans="1:4" ht="18" customHeight="1" x14ac:dyDescent="0.15">
      <c r="A35" s="5" t="s">
        <v>9</v>
      </c>
      <c r="B35" s="22">
        <v>76</v>
      </c>
      <c r="C35" s="14">
        <v>76</v>
      </c>
      <c r="D35" s="18">
        <v>152</v>
      </c>
    </row>
    <row r="36" spans="1:4" ht="18" customHeight="1" x14ac:dyDescent="0.15">
      <c r="A36" s="5">
        <v>25</v>
      </c>
      <c r="B36" s="22">
        <v>19</v>
      </c>
      <c r="C36" s="14">
        <v>19</v>
      </c>
      <c r="D36" s="18">
        <v>38</v>
      </c>
    </row>
    <row r="37" spans="1:4" ht="18" customHeight="1" x14ac:dyDescent="0.15">
      <c r="A37" s="5">
        <v>26</v>
      </c>
      <c r="B37" s="22">
        <v>16</v>
      </c>
      <c r="C37" s="14">
        <v>19</v>
      </c>
      <c r="D37" s="18">
        <v>35</v>
      </c>
    </row>
    <row r="38" spans="1:4" ht="18" customHeight="1" x14ac:dyDescent="0.15">
      <c r="A38" s="5">
        <v>27</v>
      </c>
      <c r="B38" s="22">
        <v>18</v>
      </c>
      <c r="C38" s="14">
        <v>10</v>
      </c>
      <c r="D38" s="18">
        <v>28</v>
      </c>
    </row>
    <row r="39" spans="1:4" ht="18" customHeight="1" x14ac:dyDescent="0.15">
      <c r="A39" s="5">
        <v>28</v>
      </c>
      <c r="B39" s="22">
        <v>19</v>
      </c>
      <c r="C39" s="14">
        <v>14</v>
      </c>
      <c r="D39" s="18">
        <v>33</v>
      </c>
    </row>
    <row r="40" spans="1:4" ht="18" customHeight="1" x14ac:dyDescent="0.15">
      <c r="A40" s="5">
        <v>29</v>
      </c>
      <c r="B40" s="22">
        <v>22</v>
      </c>
      <c r="C40" s="14">
        <v>12</v>
      </c>
      <c r="D40" s="18">
        <v>34</v>
      </c>
    </row>
    <row r="41" spans="1:4" ht="18" customHeight="1" x14ac:dyDescent="0.15">
      <c r="A41" s="5" t="s">
        <v>2</v>
      </c>
      <c r="B41" s="22">
        <v>94</v>
      </c>
      <c r="C41" s="14">
        <v>74</v>
      </c>
      <c r="D41" s="18">
        <v>168</v>
      </c>
    </row>
    <row r="42" spans="1:4" ht="18" customHeight="1" x14ac:dyDescent="0.15">
      <c r="A42" s="5">
        <v>30</v>
      </c>
      <c r="B42" s="22">
        <v>15</v>
      </c>
      <c r="C42" s="14">
        <v>9</v>
      </c>
      <c r="D42" s="18">
        <v>24</v>
      </c>
    </row>
    <row r="43" spans="1:4" ht="18" customHeight="1" x14ac:dyDescent="0.15">
      <c r="A43" s="5">
        <v>31</v>
      </c>
      <c r="B43" s="22">
        <v>16</v>
      </c>
      <c r="C43" s="14">
        <v>13</v>
      </c>
      <c r="D43" s="18">
        <v>29</v>
      </c>
    </row>
    <row r="44" spans="1:4" ht="18" customHeight="1" x14ac:dyDescent="0.15">
      <c r="A44" s="5">
        <v>32</v>
      </c>
      <c r="B44" s="22">
        <v>11</v>
      </c>
      <c r="C44" s="14">
        <v>16</v>
      </c>
      <c r="D44" s="18">
        <v>27</v>
      </c>
    </row>
    <row r="45" spans="1:4" ht="18" customHeight="1" x14ac:dyDescent="0.15">
      <c r="A45" s="5">
        <v>33</v>
      </c>
      <c r="B45" s="22">
        <v>10</v>
      </c>
      <c r="C45" s="14">
        <v>9</v>
      </c>
      <c r="D45" s="18">
        <v>19</v>
      </c>
    </row>
    <row r="46" spans="1:4" ht="18" customHeight="1" x14ac:dyDescent="0.15">
      <c r="A46" s="5">
        <v>34</v>
      </c>
      <c r="B46" s="22">
        <v>7</v>
      </c>
      <c r="C46" s="14">
        <v>20</v>
      </c>
      <c r="D46" s="18">
        <v>27</v>
      </c>
    </row>
    <row r="47" spans="1:4" ht="18" customHeight="1" x14ac:dyDescent="0.15">
      <c r="A47" s="5" t="s">
        <v>15</v>
      </c>
      <c r="B47" s="22">
        <v>59</v>
      </c>
      <c r="C47" s="14">
        <v>67</v>
      </c>
      <c r="D47" s="18">
        <v>126</v>
      </c>
    </row>
    <row r="48" spans="1:4" ht="18" customHeight="1" x14ac:dyDescent="0.15">
      <c r="A48" s="5">
        <v>35</v>
      </c>
      <c r="B48" s="22">
        <v>16</v>
      </c>
      <c r="C48" s="14">
        <v>14</v>
      </c>
      <c r="D48" s="18">
        <v>30</v>
      </c>
    </row>
    <row r="49" spans="1:4" ht="18" customHeight="1" x14ac:dyDescent="0.15">
      <c r="A49" s="5">
        <v>36</v>
      </c>
      <c r="B49" s="22">
        <v>14</v>
      </c>
      <c r="C49" s="14">
        <v>14</v>
      </c>
      <c r="D49" s="18">
        <v>28</v>
      </c>
    </row>
    <row r="50" spans="1:4" ht="18" customHeight="1" x14ac:dyDescent="0.15">
      <c r="A50" s="5">
        <v>37</v>
      </c>
      <c r="B50" s="22">
        <v>15</v>
      </c>
      <c r="C50" s="14">
        <v>8</v>
      </c>
      <c r="D50" s="18">
        <v>23</v>
      </c>
    </row>
    <row r="51" spans="1:4" ht="18" customHeight="1" x14ac:dyDescent="0.15">
      <c r="A51" s="5">
        <v>38</v>
      </c>
      <c r="B51" s="22">
        <v>20</v>
      </c>
      <c r="C51" s="14">
        <v>15</v>
      </c>
      <c r="D51" s="18">
        <v>35</v>
      </c>
    </row>
    <row r="52" spans="1:4" ht="18" customHeight="1" x14ac:dyDescent="0.15">
      <c r="A52" s="5">
        <v>39</v>
      </c>
      <c r="B52" s="22">
        <v>31</v>
      </c>
      <c r="C52" s="14">
        <v>15</v>
      </c>
      <c r="D52" s="18">
        <v>46</v>
      </c>
    </row>
    <row r="53" spans="1:4" ht="18" customHeight="1" x14ac:dyDescent="0.15">
      <c r="A53" s="5" t="s">
        <v>18</v>
      </c>
      <c r="B53" s="22">
        <v>96</v>
      </c>
      <c r="C53" s="14">
        <v>66</v>
      </c>
      <c r="D53" s="18">
        <v>162</v>
      </c>
    </row>
    <row r="54" spans="1:4" ht="18" customHeight="1" x14ac:dyDescent="0.15">
      <c r="A54" s="5">
        <v>40</v>
      </c>
      <c r="B54" s="22">
        <v>24</v>
      </c>
      <c r="C54" s="14">
        <v>19</v>
      </c>
      <c r="D54" s="18">
        <v>43</v>
      </c>
    </row>
    <row r="55" spans="1:4" ht="18" customHeight="1" x14ac:dyDescent="0.15">
      <c r="A55" s="5">
        <v>41</v>
      </c>
      <c r="B55" s="22">
        <v>19</v>
      </c>
      <c r="C55" s="14">
        <v>17</v>
      </c>
      <c r="D55" s="18">
        <v>36</v>
      </c>
    </row>
    <row r="56" spans="1:4" ht="18" customHeight="1" x14ac:dyDescent="0.15">
      <c r="A56" s="5">
        <v>42</v>
      </c>
      <c r="B56" s="22">
        <v>15</v>
      </c>
      <c r="C56" s="14">
        <v>18</v>
      </c>
      <c r="D56" s="18">
        <v>33</v>
      </c>
    </row>
    <row r="57" spans="1:4" ht="18" customHeight="1" x14ac:dyDescent="0.15">
      <c r="A57" s="5">
        <v>43</v>
      </c>
      <c r="B57" s="22">
        <v>22</v>
      </c>
      <c r="C57" s="14">
        <v>21</v>
      </c>
      <c r="D57" s="18">
        <v>43</v>
      </c>
    </row>
    <row r="58" spans="1:4" ht="18" customHeight="1" x14ac:dyDescent="0.15">
      <c r="A58" s="5">
        <v>44</v>
      </c>
      <c r="B58" s="22">
        <v>19</v>
      </c>
      <c r="C58" s="14">
        <v>16</v>
      </c>
      <c r="D58" s="18">
        <v>35</v>
      </c>
    </row>
    <row r="59" spans="1:4" ht="18" customHeight="1" x14ac:dyDescent="0.15">
      <c r="A59" s="5" t="s">
        <v>21</v>
      </c>
      <c r="B59" s="22">
        <v>99</v>
      </c>
      <c r="C59" s="14">
        <v>91</v>
      </c>
      <c r="D59" s="18">
        <v>190</v>
      </c>
    </row>
    <row r="60" spans="1:4" ht="18" customHeight="1" x14ac:dyDescent="0.15">
      <c r="A60" s="5">
        <v>45</v>
      </c>
      <c r="B60" s="22">
        <v>22</v>
      </c>
      <c r="C60" s="14">
        <v>22</v>
      </c>
      <c r="D60" s="18">
        <v>44</v>
      </c>
    </row>
    <row r="61" spans="1:4" ht="18" customHeight="1" x14ac:dyDescent="0.15">
      <c r="A61" s="5">
        <v>46</v>
      </c>
      <c r="B61" s="22">
        <v>20</v>
      </c>
      <c r="C61" s="14">
        <v>18</v>
      </c>
      <c r="D61" s="18">
        <v>38</v>
      </c>
    </row>
    <row r="62" spans="1:4" ht="18" customHeight="1" x14ac:dyDescent="0.15">
      <c r="A62" s="5">
        <v>47</v>
      </c>
      <c r="B62" s="22">
        <v>14</v>
      </c>
      <c r="C62" s="14">
        <v>19</v>
      </c>
      <c r="D62" s="18">
        <v>33</v>
      </c>
    </row>
    <row r="63" spans="1:4" ht="18" customHeight="1" x14ac:dyDescent="0.15">
      <c r="A63" s="5">
        <v>48</v>
      </c>
      <c r="B63" s="22">
        <v>23</v>
      </c>
      <c r="C63" s="14">
        <v>18</v>
      </c>
      <c r="D63" s="18">
        <v>41</v>
      </c>
    </row>
    <row r="64" spans="1:4" ht="18" customHeight="1" x14ac:dyDescent="0.15">
      <c r="A64" s="5">
        <v>49</v>
      </c>
      <c r="B64" s="22">
        <v>21</v>
      </c>
      <c r="C64" s="14">
        <v>22</v>
      </c>
      <c r="D64" s="18">
        <v>43</v>
      </c>
    </row>
    <row r="65" spans="1:4" ht="18" customHeight="1" x14ac:dyDescent="0.15">
      <c r="A65" s="5" t="s">
        <v>17</v>
      </c>
      <c r="B65" s="22">
        <v>100</v>
      </c>
      <c r="C65" s="14">
        <v>99</v>
      </c>
      <c r="D65" s="18">
        <v>199</v>
      </c>
    </row>
    <row r="66" spans="1:4" ht="18" customHeight="1" x14ac:dyDescent="0.15">
      <c r="A66" s="5">
        <v>50</v>
      </c>
      <c r="B66" s="22">
        <v>34</v>
      </c>
      <c r="C66" s="14">
        <v>21</v>
      </c>
      <c r="D66" s="18">
        <v>55</v>
      </c>
    </row>
    <row r="67" spans="1:4" ht="18" customHeight="1" x14ac:dyDescent="0.15">
      <c r="A67" s="5">
        <v>51</v>
      </c>
      <c r="B67" s="22">
        <v>22</v>
      </c>
      <c r="C67" s="14">
        <v>20</v>
      </c>
      <c r="D67" s="18">
        <v>42</v>
      </c>
    </row>
    <row r="68" spans="1:4" ht="18" customHeight="1" x14ac:dyDescent="0.15">
      <c r="A68" s="5">
        <v>52</v>
      </c>
      <c r="B68" s="22">
        <v>28</v>
      </c>
      <c r="C68" s="14">
        <v>21</v>
      </c>
      <c r="D68" s="18">
        <v>49</v>
      </c>
    </row>
    <row r="69" spans="1:4" ht="18" customHeight="1" x14ac:dyDescent="0.15">
      <c r="A69" s="5">
        <v>53</v>
      </c>
      <c r="B69" s="22">
        <v>25</v>
      </c>
      <c r="C69" s="14">
        <v>26</v>
      </c>
      <c r="D69" s="18">
        <v>51</v>
      </c>
    </row>
    <row r="70" spans="1:4" ht="18" customHeight="1" x14ac:dyDescent="0.15">
      <c r="A70" s="5">
        <v>54</v>
      </c>
      <c r="B70" s="22">
        <v>24</v>
      </c>
      <c r="C70" s="14">
        <v>17</v>
      </c>
      <c r="D70" s="18">
        <v>41</v>
      </c>
    </row>
    <row r="71" spans="1:4" ht="18" customHeight="1" x14ac:dyDescent="0.15">
      <c r="A71" s="5" t="s">
        <v>22</v>
      </c>
      <c r="B71" s="22">
        <v>133</v>
      </c>
      <c r="C71" s="14">
        <v>105</v>
      </c>
      <c r="D71" s="18">
        <v>238</v>
      </c>
    </row>
    <row r="72" spans="1:4" ht="18" customHeight="1" x14ac:dyDescent="0.15">
      <c r="A72" s="5">
        <v>55</v>
      </c>
      <c r="B72" s="22">
        <v>19</v>
      </c>
      <c r="C72" s="14">
        <v>26</v>
      </c>
      <c r="D72" s="18">
        <v>45</v>
      </c>
    </row>
    <row r="73" spans="1:4" ht="18" customHeight="1" x14ac:dyDescent="0.15">
      <c r="A73" s="5">
        <v>56</v>
      </c>
      <c r="B73" s="22">
        <v>27</v>
      </c>
      <c r="C73" s="14">
        <v>22</v>
      </c>
      <c r="D73" s="18">
        <v>49</v>
      </c>
    </row>
    <row r="74" spans="1:4" ht="18" customHeight="1" x14ac:dyDescent="0.15">
      <c r="A74" s="5">
        <v>57</v>
      </c>
      <c r="B74" s="22">
        <v>25</v>
      </c>
      <c r="C74" s="14">
        <v>20</v>
      </c>
      <c r="D74" s="18">
        <v>45</v>
      </c>
    </row>
    <row r="75" spans="1:4" ht="18" customHeight="1" x14ac:dyDescent="0.15">
      <c r="A75" s="5">
        <v>58</v>
      </c>
      <c r="B75" s="22">
        <v>23</v>
      </c>
      <c r="C75" s="14">
        <v>18</v>
      </c>
      <c r="D75" s="18">
        <v>41</v>
      </c>
    </row>
    <row r="76" spans="1:4" ht="18" customHeight="1" x14ac:dyDescent="0.15">
      <c r="A76" s="5">
        <v>59</v>
      </c>
      <c r="B76" s="22">
        <v>21</v>
      </c>
      <c r="C76" s="14">
        <v>17</v>
      </c>
      <c r="D76" s="18">
        <v>38</v>
      </c>
    </row>
    <row r="77" spans="1:4" ht="18" customHeight="1" x14ac:dyDescent="0.15">
      <c r="A77" s="5" t="s">
        <v>27</v>
      </c>
      <c r="B77" s="22">
        <v>115</v>
      </c>
      <c r="C77" s="14">
        <v>103</v>
      </c>
      <c r="D77" s="18">
        <v>218</v>
      </c>
    </row>
    <row r="78" spans="1:4" ht="18" customHeight="1" x14ac:dyDescent="0.15">
      <c r="A78" s="5">
        <v>60</v>
      </c>
      <c r="B78" s="22">
        <v>13</v>
      </c>
      <c r="C78" s="14">
        <v>18</v>
      </c>
      <c r="D78" s="18">
        <v>31</v>
      </c>
    </row>
    <row r="79" spans="1:4" ht="18" customHeight="1" x14ac:dyDescent="0.15">
      <c r="A79" s="5">
        <v>61</v>
      </c>
      <c r="B79" s="22">
        <v>13</v>
      </c>
      <c r="C79" s="14">
        <v>21</v>
      </c>
      <c r="D79" s="18">
        <v>34</v>
      </c>
    </row>
    <row r="80" spans="1:4" ht="18" customHeight="1" x14ac:dyDescent="0.15">
      <c r="A80" s="5">
        <v>62</v>
      </c>
      <c r="B80" s="22">
        <v>15</v>
      </c>
      <c r="C80" s="14">
        <v>13</v>
      </c>
      <c r="D80" s="18">
        <v>28</v>
      </c>
    </row>
    <row r="81" spans="1:4" ht="18" customHeight="1" x14ac:dyDescent="0.15">
      <c r="A81" s="5">
        <v>63</v>
      </c>
      <c r="B81" s="22">
        <v>24</v>
      </c>
      <c r="C81" s="14">
        <v>17</v>
      </c>
      <c r="D81" s="18">
        <v>41</v>
      </c>
    </row>
    <row r="82" spans="1:4" ht="18" customHeight="1" x14ac:dyDescent="0.15">
      <c r="A82" s="5">
        <v>64</v>
      </c>
      <c r="B82" s="22">
        <v>18</v>
      </c>
      <c r="C82" s="14">
        <v>27</v>
      </c>
      <c r="D82" s="18">
        <v>45</v>
      </c>
    </row>
    <row r="83" spans="1:4" ht="18" customHeight="1" x14ac:dyDescent="0.15">
      <c r="A83" s="5" t="s">
        <v>28</v>
      </c>
      <c r="B83" s="22">
        <v>83</v>
      </c>
      <c r="C83" s="14">
        <v>96</v>
      </c>
      <c r="D83" s="18">
        <v>179</v>
      </c>
    </row>
    <row r="84" spans="1:4" ht="18" customHeight="1" x14ac:dyDescent="0.15">
      <c r="A84" s="5" t="s">
        <v>31</v>
      </c>
      <c r="B84" s="22">
        <v>925</v>
      </c>
      <c r="C84" s="14">
        <v>844</v>
      </c>
      <c r="D84" s="18">
        <v>1769</v>
      </c>
    </row>
    <row r="85" spans="1:4" ht="18" customHeight="1" x14ac:dyDescent="0.15">
      <c r="A85" s="5">
        <v>65</v>
      </c>
      <c r="B85" s="22">
        <v>16</v>
      </c>
      <c r="C85" s="14">
        <v>20</v>
      </c>
      <c r="D85" s="18">
        <v>36</v>
      </c>
    </row>
    <row r="86" spans="1:4" ht="18" customHeight="1" x14ac:dyDescent="0.15">
      <c r="A86" s="5">
        <v>66</v>
      </c>
      <c r="B86" s="22">
        <v>16</v>
      </c>
      <c r="C86" s="14">
        <v>20</v>
      </c>
      <c r="D86" s="18">
        <v>36</v>
      </c>
    </row>
    <row r="87" spans="1:4" ht="18" customHeight="1" x14ac:dyDescent="0.15">
      <c r="A87" s="5">
        <v>67</v>
      </c>
      <c r="B87" s="22">
        <v>13</v>
      </c>
      <c r="C87" s="14">
        <v>18</v>
      </c>
      <c r="D87" s="18">
        <v>31</v>
      </c>
    </row>
    <row r="88" spans="1:4" ht="18" customHeight="1" x14ac:dyDescent="0.15">
      <c r="A88" s="5">
        <v>68</v>
      </c>
      <c r="B88" s="22">
        <v>18</v>
      </c>
      <c r="C88" s="14">
        <v>14</v>
      </c>
      <c r="D88" s="18">
        <v>32</v>
      </c>
    </row>
    <row r="89" spans="1:4" ht="18" customHeight="1" x14ac:dyDescent="0.15">
      <c r="A89" s="5">
        <v>69</v>
      </c>
      <c r="B89" s="22">
        <v>19</v>
      </c>
      <c r="C89" s="14">
        <v>23</v>
      </c>
      <c r="D89" s="18">
        <v>42</v>
      </c>
    </row>
    <row r="90" spans="1:4" ht="18" customHeight="1" x14ac:dyDescent="0.15">
      <c r="A90" s="5" t="s">
        <v>20</v>
      </c>
      <c r="B90" s="22">
        <v>82</v>
      </c>
      <c r="C90" s="14">
        <v>95</v>
      </c>
      <c r="D90" s="18">
        <v>177</v>
      </c>
    </row>
    <row r="91" spans="1:4" ht="18" customHeight="1" x14ac:dyDescent="0.15">
      <c r="A91" s="5">
        <v>70</v>
      </c>
      <c r="B91" s="22">
        <v>22</v>
      </c>
      <c r="C91" s="14">
        <v>28</v>
      </c>
      <c r="D91" s="18">
        <v>50</v>
      </c>
    </row>
    <row r="92" spans="1:4" ht="18" customHeight="1" x14ac:dyDescent="0.15">
      <c r="A92" s="5">
        <v>71</v>
      </c>
      <c r="B92" s="22">
        <v>20</v>
      </c>
      <c r="C92" s="14">
        <v>20</v>
      </c>
      <c r="D92" s="18">
        <v>40</v>
      </c>
    </row>
    <row r="93" spans="1:4" ht="18" customHeight="1" x14ac:dyDescent="0.15">
      <c r="A93" s="5">
        <v>72</v>
      </c>
      <c r="B93" s="22">
        <v>22</v>
      </c>
      <c r="C93" s="14">
        <v>26</v>
      </c>
      <c r="D93" s="18">
        <v>48</v>
      </c>
    </row>
    <row r="94" spans="1:4" ht="18" customHeight="1" x14ac:dyDescent="0.15">
      <c r="A94" s="5">
        <v>73</v>
      </c>
      <c r="B94" s="22">
        <v>24</v>
      </c>
      <c r="C94" s="14">
        <v>37</v>
      </c>
      <c r="D94" s="18">
        <v>61</v>
      </c>
    </row>
    <row r="95" spans="1:4" ht="18" customHeight="1" x14ac:dyDescent="0.15">
      <c r="A95" s="5">
        <v>74</v>
      </c>
      <c r="B95" s="22">
        <v>18</v>
      </c>
      <c r="C95" s="14">
        <v>26</v>
      </c>
      <c r="D95" s="18">
        <v>44</v>
      </c>
    </row>
    <row r="96" spans="1:4" ht="18" customHeight="1" x14ac:dyDescent="0.15">
      <c r="A96" s="5" t="s">
        <v>33</v>
      </c>
      <c r="B96" s="22">
        <v>106</v>
      </c>
      <c r="C96" s="14">
        <v>137</v>
      </c>
      <c r="D96" s="18">
        <v>243</v>
      </c>
    </row>
    <row r="97" spans="1:4" ht="18" customHeight="1" x14ac:dyDescent="0.15">
      <c r="A97" s="5">
        <v>75</v>
      </c>
      <c r="B97" s="22">
        <v>26</v>
      </c>
      <c r="C97" s="14">
        <v>37</v>
      </c>
      <c r="D97" s="18">
        <v>63</v>
      </c>
    </row>
    <row r="98" spans="1:4" ht="18" customHeight="1" x14ac:dyDescent="0.15">
      <c r="A98" s="5">
        <v>76</v>
      </c>
      <c r="B98" s="22">
        <v>37</v>
      </c>
      <c r="C98" s="14">
        <v>38</v>
      </c>
      <c r="D98" s="18">
        <v>75</v>
      </c>
    </row>
    <row r="99" spans="1:4" ht="18" customHeight="1" x14ac:dyDescent="0.15">
      <c r="A99" s="5">
        <v>77</v>
      </c>
      <c r="B99" s="22">
        <v>36</v>
      </c>
      <c r="C99" s="14">
        <v>39</v>
      </c>
      <c r="D99" s="18">
        <v>75</v>
      </c>
    </row>
    <row r="100" spans="1:4" ht="18" customHeight="1" x14ac:dyDescent="0.15">
      <c r="A100" s="5">
        <v>78</v>
      </c>
      <c r="B100" s="22">
        <v>25</v>
      </c>
      <c r="C100" s="14">
        <v>22</v>
      </c>
      <c r="D100" s="18">
        <v>47</v>
      </c>
    </row>
    <row r="101" spans="1:4" ht="18" customHeight="1" x14ac:dyDescent="0.15">
      <c r="A101" s="5">
        <v>79</v>
      </c>
      <c r="B101" s="22">
        <v>25</v>
      </c>
      <c r="C101" s="14">
        <v>32</v>
      </c>
      <c r="D101" s="18">
        <v>57</v>
      </c>
    </row>
    <row r="102" spans="1:4" ht="18" customHeight="1" x14ac:dyDescent="0.15">
      <c r="A102" s="5" t="s">
        <v>0</v>
      </c>
      <c r="B102" s="22">
        <v>149</v>
      </c>
      <c r="C102" s="14">
        <v>168</v>
      </c>
      <c r="D102" s="18">
        <v>317</v>
      </c>
    </row>
    <row r="103" spans="1:4" ht="18" customHeight="1" x14ac:dyDescent="0.15">
      <c r="A103" s="5">
        <v>80</v>
      </c>
      <c r="B103" s="22">
        <v>17</v>
      </c>
      <c r="C103" s="14">
        <v>16</v>
      </c>
      <c r="D103" s="18">
        <v>33</v>
      </c>
    </row>
    <row r="104" spans="1:4" ht="18" customHeight="1" x14ac:dyDescent="0.15">
      <c r="A104" s="5">
        <v>81</v>
      </c>
      <c r="B104" s="22">
        <v>20</v>
      </c>
      <c r="C104" s="14">
        <v>22</v>
      </c>
      <c r="D104" s="18">
        <v>42</v>
      </c>
    </row>
    <row r="105" spans="1:4" ht="18" customHeight="1" x14ac:dyDescent="0.15">
      <c r="A105" s="5">
        <v>82</v>
      </c>
      <c r="B105" s="22">
        <v>21</v>
      </c>
      <c r="C105" s="14">
        <v>22</v>
      </c>
      <c r="D105" s="18">
        <v>43</v>
      </c>
    </row>
    <row r="106" spans="1:4" ht="18" customHeight="1" x14ac:dyDescent="0.15">
      <c r="A106" s="5">
        <v>83</v>
      </c>
      <c r="B106" s="22">
        <v>19</v>
      </c>
      <c r="C106" s="14">
        <v>21</v>
      </c>
      <c r="D106" s="18">
        <v>40</v>
      </c>
    </row>
    <row r="107" spans="1:4" ht="18" customHeight="1" x14ac:dyDescent="0.15">
      <c r="A107" s="5">
        <v>84</v>
      </c>
      <c r="B107" s="22">
        <v>21</v>
      </c>
      <c r="C107" s="14">
        <v>18</v>
      </c>
      <c r="D107" s="18">
        <v>39</v>
      </c>
    </row>
    <row r="108" spans="1:4" ht="18" customHeight="1" x14ac:dyDescent="0.15">
      <c r="A108" s="5" t="s">
        <v>35</v>
      </c>
      <c r="B108" s="22">
        <v>98</v>
      </c>
      <c r="C108" s="14">
        <v>99</v>
      </c>
      <c r="D108" s="18">
        <v>197</v>
      </c>
    </row>
    <row r="109" spans="1:4" ht="18" customHeight="1" x14ac:dyDescent="0.15">
      <c r="A109" s="5">
        <v>85</v>
      </c>
      <c r="B109" s="22">
        <v>14</v>
      </c>
      <c r="C109" s="14">
        <v>19</v>
      </c>
      <c r="D109" s="18">
        <v>33</v>
      </c>
    </row>
    <row r="110" spans="1:4" ht="18" customHeight="1" x14ac:dyDescent="0.15">
      <c r="A110" s="5">
        <v>86</v>
      </c>
      <c r="B110" s="22">
        <v>9</v>
      </c>
      <c r="C110" s="14">
        <v>7</v>
      </c>
      <c r="D110" s="18">
        <v>16</v>
      </c>
    </row>
    <row r="111" spans="1:4" ht="18" customHeight="1" x14ac:dyDescent="0.15">
      <c r="A111" s="5">
        <v>87</v>
      </c>
      <c r="B111" s="22">
        <v>4</v>
      </c>
      <c r="C111" s="14">
        <v>13</v>
      </c>
      <c r="D111" s="18">
        <v>17</v>
      </c>
    </row>
    <row r="112" spans="1:4" ht="18" customHeight="1" x14ac:dyDescent="0.15">
      <c r="A112" s="5">
        <v>88</v>
      </c>
      <c r="B112" s="22">
        <v>6</v>
      </c>
      <c r="C112" s="14">
        <v>22</v>
      </c>
      <c r="D112" s="18">
        <v>28</v>
      </c>
    </row>
    <row r="113" spans="1:4" ht="18" customHeight="1" x14ac:dyDescent="0.15">
      <c r="A113" s="5">
        <v>89</v>
      </c>
      <c r="B113" s="22">
        <v>5</v>
      </c>
      <c r="C113" s="14">
        <v>17</v>
      </c>
      <c r="D113" s="18">
        <v>22</v>
      </c>
    </row>
    <row r="114" spans="1:4" ht="18" customHeight="1" x14ac:dyDescent="0.15">
      <c r="A114" s="5" t="s">
        <v>37</v>
      </c>
      <c r="B114" s="22">
        <v>38</v>
      </c>
      <c r="C114" s="14">
        <v>78</v>
      </c>
      <c r="D114" s="18">
        <v>116</v>
      </c>
    </row>
    <row r="115" spans="1:4" ht="18" customHeight="1" x14ac:dyDescent="0.15">
      <c r="A115" s="5">
        <v>90</v>
      </c>
      <c r="B115" s="22">
        <v>8</v>
      </c>
      <c r="C115" s="14">
        <v>8</v>
      </c>
      <c r="D115" s="18">
        <v>16</v>
      </c>
    </row>
    <row r="116" spans="1:4" ht="18" customHeight="1" x14ac:dyDescent="0.15">
      <c r="A116" s="5">
        <v>91</v>
      </c>
      <c r="B116" s="22">
        <v>5</v>
      </c>
      <c r="C116" s="14">
        <v>7</v>
      </c>
      <c r="D116" s="18">
        <v>12</v>
      </c>
    </row>
    <row r="117" spans="1:4" ht="18" customHeight="1" x14ac:dyDescent="0.15">
      <c r="A117" s="5">
        <v>92</v>
      </c>
      <c r="B117" s="22">
        <v>2</v>
      </c>
      <c r="C117" s="14">
        <v>11</v>
      </c>
      <c r="D117" s="18">
        <v>13</v>
      </c>
    </row>
    <row r="118" spans="1:4" ht="18" customHeight="1" x14ac:dyDescent="0.15">
      <c r="A118" s="5">
        <v>93</v>
      </c>
      <c r="B118" s="22">
        <v>3</v>
      </c>
      <c r="C118" s="14">
        <v>9</v>
      </c>
      <c r="D118" s="18">
        <v>12</v>
      </c>
    </row>
    <row r="119" spans="1:4" ht="18" customHeight="1" x14ac:dyDescent="0.15">
      <c r="A119" s="5">
        <v>94</v>
      </c>
      <c r="B119" s="22">
        <v>2</v>
      </c>
      <c r="C119" s="14">
        <v>6</v>
      </c>
      <c r="D119" s="18">
        <v>8</v>
      </c>
    </row>
    <row r="120" spans="1:4" ht="18" customHeight="1" x14ac:dyDescent="0.15">
      <c r="A120" s="5" t="s">
        <v>39</v>
      </c>
      <c r="B120" s="22">
        <v>20</v>
      </c>
      <c r="C120" s="14">
        <v>41</v>
      </c>
      <c r="D120" s="18">
        <v>61</v>
      </c>
    </row>
    <row r="121" spans="1:4" ht="18" customHeight="1" x14ac:dyDescent="0.15">
      <c r="A121" s="5">
        <v>95</v>
      </c>
      <c r="B121" s="22">
        <v>1</v>
      </c>
      <c r="C121" s="14">
        <v>4</v>
      </c>
      <c r="D121" s="18">
        <v>5</v>
      </c>
    </row>
    <row r="122" spans="1:4" ht="18" customHeight="1" x14ac:dyDescent="0.15">
      <c r="A122" s="5">
        <v>96</v>
      </c>
      <c r="B122" s="22">
        <v>3</v>
      </c>
      <c r="C122" s="14">
        <v>3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4</v>
      </c>
      <c r="D123" s="18">
        <v>4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4</v>
      </c>
      <c r="C126" s="14">
        <v>15</v>
      </c>
      <c r="D126" s="18">
        <v>19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497</v>
      </c>
      <c r="C130" s="14">
        <v>635</v>
      </c>
      <c r="D130" s="18">
        <v>1132</v>
      </c>
    </row>
    <row r="131" spans="1:4" ht="18" customHeight="1" x14ac:dyDescent="0.15">
      <c r="A131" s="7" t="s">
        <v>45</v>
      </c>
      <c r="B131" s="23">
        <v>1585</v>
      </c>
      <c r="C131" s="15">
        <v>1635</v>
      </c>
      <c r="D131" s="19">
        <v>322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A00-000000000000}">
  <sheetPr codeName="Sheet5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</v>
      </c>
      <c r="C5" s="13">
        <v>2</v>
      </c>
      <c r="D5" s="17">
        <v>3</v>
      </c>
    </row>
    <row r="6" spans="1:4" ht="18" customHeight="1" x14ac:dyDescent="0.15">
      <c r="A6" s="5">
        <v>1</v>
      </c>
      <c r="B6" s="22">
        <v>0</v>
      </c>
      <c r="C6" s="14">
        <v>1</v>
      </c>
      <c r="D6" s="18">
        <v>1</v>
      </c>
    </row>
    <row r="7" spans="1:4" ht="18" customHeight="1" x14ac:dyDescent="0.15">
      <c r="A7" s="5">
        <v>2</v>
      </c>
      <c r="B7" s="22">
        <v>1</v>
      </c>
      <c r="C7" s="14">
        <v>0</v>
      </c>
      <c r="D7" s="18">
        <v>1</v>
      </c>
    </row>
    <row r="8" spans="1:4" ht="18" customHeight="1" x14ac:dyDescent="0.15">
      <c r="A8" s="5">
        <v>3</v>
      </c>
      <c r="B8" s="22">
        <v>1</v>
      </c>
      <c r="C8" s="14">
        <v>1</v>
      </c>
      <c r="D8" s="18">
        <v>2</v>
      </c>
    </row>
    <row r="9" spans="1:4" ht="18" customHeight="1" x14ac:dyDescent="0.15">
      <c r="A9" s="5">
        <v>4</v>
      </c>
      <c r="B9" s="22">
        <v>1</v>
      </c>
      <c r="C9" s="14">
        <v>1</v>
      </c>
      <c r="D9" s="18">
        <v>2</v>
      </c>
    </row>
    <row r="10" spans="1:4" ht="18" customHeight="1" x14ac:dyDescent="0.15">
      <c r="A10" s="5" t="s">
        <v>7</v>
      </c>
      <c r="B10" s="22">
        <v>4</v>
      </c>
      <c r="C10" s="14">
        <v>5</v>
      </c>
      <c r="D10" s="18">
        <v>9</v>
      </c>
    </row>
    <row r="11" spans="1:4" ht="18" customHeight="1" x14ac:dyDescent="0.15">
      <c r="A11" s="5">
        <v>5</v>
      </c>
      <c r="B11" s="22">
        <v>2</v>
      </c>
      <c r="C11" s="14">
        <v>1</v>
      </c>
      <c r="D11" s="18">
        <v>3</v>
      </c>
    </row>
    <row r="12" spans="1:4" ht="18" customHeight="1" x14ac:dyDescent="0.15">
      <c r="A12" s="5">
        <v>6</v>
      </c>
      <c r="B12" s="22">
        <v>4</v>
      </c>
      <c r="C12" s="14">
        <v>0</v>
      </c>
      <c r="D12" s="18">
        <v>4</v>
      </c>
    </row>
    <row r="13" spans="1:4" ht="18" customHeight="1" x14ac:dyDescent="0.15">
      <c r="A13" s="5">
        <v>7</v>
      </c>
      <c r="B13" s="22">
        <v>1</v>
      </c>
      <c r="C13" s="14">
        <v>2</v>
      </c>
      <c r="D13" s="18">
        <v>3</v>
      </c>
    </row>
    <row r="14" spans="1:4" ht="18" customHeight="1" x14ac:dyDescent="0.15">
      <c r="A14" s="5">
        <v>8</v>
      </c>
      <c r="B14" s="22">
        <v>3</v>
      </c>
      <c r="C14" s="14">
        <v>3</v>
      </c>
      <c r="D14" s="18">
        <v>6</v>
      </c>
    </row>
    <row r="15" spans="1:4" ht="18" customHeight="1" x14ac:dyDescent="0.15">
      <c r="A15" s="5">
        <v>9</v>
      </c>
      <c r="B15" s="22">
        <v>4</v>
      </c>
      <c r="C15" s="14">
        <v>5</v>
      </c>
      <c r="D15" s="18">
        <v>9</v>
      </c>
    </row>
    <row r="16" spans="1:4" ht="18" customHeight="1" x14ac:dyDescent="0.15">
      <c r="A16" s="5" t="s">
        <v>11</v>
      </c>
      <c r="B16" s="22">
        <v>14</v>
      </c>
      <c r="C16" s="14">
        <v>11</v>
      </c>
      <c r="D16" s="18">
        <v>25</v>
      </c>
    </row>
    <row r="17" spans="1:4" ht="18" customHeight="1" x14ac:dyDescent="0.15">
      <c r="A17" s="5">
        <v>10</v>
      </c>
      <c r="B17" s="22">
        <v>3</v>
      </c>
      <c r="C17" s="14">
        <v>2</v>
      </c>
      <c r="D17" s="18">
        <v>5</v>
      </c>
    </row>
    <row r="18" spans="1:4" ht="18" customHeight="1" x14ac:dyDescent="0.15">
      <c r="A18" s="5">
        <v>11</v>
      </c>
      <c r="B18" s="22">
        <v>3</v>
      </c>
      <c r="C18" s="14">
        <v>6</v>
      </c>
      <c r="D18" s="18">
        <v>9</v>
      </c>
    </row>
    <row r="19" spans="1:4" ht="18" customHeight="1" x14ac:dyDescent="0.15">
      <c r="A19" s="5">
        <v>12</v>
      </c>
      <c r="B19" s="22">
        <v>4</v>
      </c>
      <c r="C19" s="14">
        <v>5</v>
      </c>
      <c r="D19" s="18">
        <v>9</v>
      </c>
    </row>
    <row r="20" spans="1:4" ht="18" customHeight="1" x14ac:dyDescent="0.15">
      <c r="A20" s="5">
        <v>13</v>
      </c>
      <c r="B20" s="22">
        <v>5</v>
      </c>
      <c r="C20" s="14">
        <v>5</v>
      </c>
      <c r="D20" s="18">
        <v>10</v>
      </c>
    </row>
    <row r="21" spans="1:4" ht="18" customHeight="1" x14ac:dyDescent="0.15">
      <c r="A21" s="5">
        <v>14</v>
      </c>
      <c r="B21" s="22">
        <v>3</v>
      </c>
      <c r="C21" s="14">
        <v>4</v>
      </c>
      <c r="D21" s="18">
        <v>7</v>
      </c>
    </row>
    <row r="22" spans="1:4" ht="18" customHeight="1" x14ac:dyDescent="0.15">
      <c r="A22" s="5" t="s">
        <v>12</v>
      </c>
      <c r="B22" s="22">
        <v>18</v>
      </c>
      <c r="C22" s="14">
        <v>22</v>
      </c>
      <c r="D22" s="18">
        <v>40</v>
      </c>
    </row>
    <row r="23" spans="1:4" ht="18" customHeight="1" x14ac:dyDescent="0.15">
      <c r="A23" s="5" t="s">
        <v>6</v>
      </c>
      <c r="B23" s="22">
        <v>36</v>
      </c>
      <c r="C23" s="14">
        <v>38</v>
      </c>
      <c r="D23" s="18">
        <v>74</v>
      </c>
    </row>
    <row r="24" spans="1:4" ht="18" customHeight="1" x14ac:dyDescent="0.15">
      <c r="A24" s="5">
        <v>15</v>
      </c>
      <c r="B24" s="22">
        <v>3</v>
      </c>
      <c r="C24" s="14">
        <v>2</v>
      </c>
      <c r="D24" s="18">
        <v>5</v>
      </c>
    </row>
    <row r="25" spans="1:4" ht="18" customHeight="1" x14ac:dyDescent="0.15">
      <c r="A25" s="5">
        <v>16</v>
      </c>
      <c r="B25" s="22">
        <v>2</v>
      </c>
      <c r="C25" s="14">
        <v>4</v>
      </c>
      <c r="D25" s="18">
        <v>6</v>
      </c>
    </row>
    <row r="26" spans="1:4" ht="18" customHeight="1" x14ac:dyDescent="0.15">
      <c r="A26" s="5">
        <v>17</v>
      </c>
      <c r="B26" s="22">
        <v>4</v>
      </c>
      <c r="C26" s="14">
        <v>4</v>
      </c>
      <c r="D26" s="18">
        <v>8</v>
      </c>
    </row>
    <row r="27" spans="1:4" ht="18" customHeight="1" x14ac:dyDescent="0.15">
      <c r="A27" s="5">
        <v>18</v>
      </c>
      <c r="B27" s="22">
        <v>7</v>
      </c>
      <c r="C27" s="14">
        <v>6</v>
      </c>
      <c r="D27" s="18">
        <v>13</v>
      </c>
    </row>
    <row r="28" spans="1:4" ht="18" customHeight="1" x14ac:dyDescent="0.15">
      <c r="A28" s="5">
        <v>19</v>
      </c>
      <c r="B28" s="22">
        <v>6</v>
      </c>
      <c r="C28" s="14">
        <v>1</v>
      </c>
      <c r="D28" s="18">
        <v>7</v>
      </c>
    </row>
    <row r="29" spans="1:4" ht="18" customHeight="1" x14ac:dyDescent="0.15">
      <c r="A29" s="5" t="s">
        <v>14</v>
      </c>
      <c r="B29" s="22">
        <v>22</v>
      </c>
      <c r="C29" s="14">
        <v>17</v>
      </c>
      <c r="D29" s="18">
        <v>39</v>
      </c>
    </row>
    <row r="30" spans="1:4" ht="18" customHeight="1" x14ac:dyDescent="0.15">
      <c r="A30" s="5">
        <v>20</v>
      </c>
      <c r="B30" s="22">
        <v>3</v>
      </c>
      <c r="C30" s="14">
        <v>2</v>
      </c>
      <c r="D30" s="18">
        <v>5</v>
      </c>
    </row>
    <row r="31" spans="1:4" ht="18" customHeight="1" x14ac:dyDescent="0.15">
      <c r="A31" s="5">
        <v>21</v>
      </c>
      <c r="B31" s="22">
        <v>3</v>
      </c>
      <c r="C31" s="14">
        <v>4</v>
      </c>
      <c r="D31" s="18">
        <v>7</v>
      </c>
    </row>
    <row r="32" spans="1:4" ht="18" customHeight="1" x14ac:dyDescent="0.15">
      <c r="A32" s="5">
        <v>22</v>
      </c>
      <c r="B32" s="22">
        <v>2</v>
      </c>
      <c r="C32" s="14">
        <v>7</v>
      </c>
      <c r="D32" s="18">
        <v>9</v>
      </c>
    </row>
    <row r="33" spans="1:4" ht="18" customHeight="1" x14ac:dyDescent="0.15">
      <c r="A33" s="5">
        <v>23</v>
      </c>
      <c r="B33" s="22">
        <v>5</v>
      </c>
      <c r="C33" s="14">
        <v>4</v>
      </c>
      <c r="D33" s="18">
        <v>9</v>
      </c>
    </row>
    <row r="34" spans="1:4" ht="18" customHeight="1" x14ac:dyDescent="0.15">
      <c r="A34" s="5">
        <v>24</v>
      </c>
      <c r="B34" s="22">
        <v>3</v>
      </c>
      <c r="C34" s="14">
        <v>3</v>
      </c>
      <c r="D34" s="18">
        <v>6</v>
      </c>
    </row>
    <row r="35" spans="1:4" ht="18" customHeight="1" x14ac:dyDescent="0.15">
      <c r="A35" s="5" t="s">
        <v>9</v>
      </c>
      <c r="B35" s="22">
        <v>16</v>
      </c>
      <c r="C35" s="14">
        <v>20</v>
      </c>
      <c r="D35" s="18">
        <v>36</v>
      </c>
    </row>
    <row r="36" spans="1:4" ht="18" customHeight="1" x14ac:dyDescent="0.15">
      <c r="A36" s="5">
        <v>25</v>
      </c>
      <c r="B36" s="22">
        <v>3</v>
      </c>
      <c r="C36" s="14">
        <v>5</v>
      </c>
      <c r="D36" s="18">
        <v>8</v>
      </c>
    </row>
    <row r="37" spans="1:4" ht="18" customHeight="1" x14ac:dyDescent="0.15">
      <c r="A37" s="5">
        <v>26</v>
      </c>
      <c r="B37" s="22">
        <v>3</v>
      </c>
      <c r="C37" s="14">
        <v>3</v>
      </c>
      <c r="D37" s="18">
        <v>6</v>
      </c>
    </row>
    <row r="38" spans="1:4" ht="18" customHeight="1" x14ac:dyDescent="0.15">
      <c r="A38" s="5">
        <v>27</v>
      </c>
      <c r="B38" s="22">
        <v>1</v>
      </c>
      <c r="C38" s="14">
        <v>2</v>
      </c>
      <c r="D38" s="18">
        <v>3</v>
      </c>
    </row>
    <row r="39" spans="1:4" ht="18" customHeight="1" x14ac:dyDescent="0.15">
      <c r="A39" s="5">
        <v>28</v>
      </c>
      <c r="B39" s="22">
        <v>5</v>
      </c>
      <c r="C39" s="14">
        <v>2</v>
      </c>
      <c r="D39" s="18">
        <v>7</v>
      </c>
    </row>
    <row r="40" spans="1:4" ht="18" customHeight="1" x14ac:dyDescent="0.15">
      <c r="A40" s="5">
        <v>29</v>
      </c>
      <c r="B40" s="22">
        <v>1</v>
      </c>
      <c r="C40" s="14">
        <v>5</v>
      </c>
      <c r="D40" s="18">
        <v>6</v>
      </c>
    </row>
    <row r="41" spans="1:4" ht="18" customHeight="1" x14ac:dyDescent="0.15">
      <c r="A41" s="5" t="s">
        <v>2</v>
      </c>
      <c r="B41" s="22">
        <v>13</v>
      </c>
      <c r="C41" s="14">
        <v>17</v>
      </c>
      <c r="D41" s="18">
        <v>30</v>
      </c>
    </row>
    <row r="42" spans="1:4" ht="18" customHeight="1" x14ac:dyDescent="0.15">
      <c r="A42" s="5">
        <v>30</v>
      </c>
      <c r="B42" s="22">
        <v>1</v>
      </c>
      <c r="C42" s="14">
        <v>1</v>
      </c>
      <c r="D42" s="18">
        <v>2</v>
      </c>
    </row>
    <row r="43" spans="1:4" ht="18" customHeight="1" x14ac:dyDescent="0.15">
      <c r="A43" s="5">
        <v>31</v>
      </c>
      <c r="B43" s="22">
        <v>6</v>
      </c>
      <c r="C43" s="14">
        <v>2</v>
      </c>
      <c r="D43" s="18">
        <v>8</v>
      </c>
    </row>
    <row r="44" spans="1:4" ht="18" customHeight="1" x14ac:dyDescent="0.15">
      <c r="A44" s="5">
        <v>32</v>
      </c>
      <c r="B44" s="22">
        <v>3</v>
      </c>
      <c r="C44" s="14">
        <v>3</v>
      </c>
      <c r="D44" s="18">
        <v>6</v>
      </c>
    </row>
    <row r="45" spans="1:4" ht="18" customHeight="1" x14ac:dyDescent="0.15">
      <c r="A45" s="5">
        <v>33</v>
      </c>
      <c r="B45" s="22">
        <v>4</v>
      </c>
      <c r="C45" s="14">
        <v>0</v>
      </c>
      <c r="D45" s="18">
        <v>4</v>
      </c>
    </row>
    <row r="46" spans="1:4" ht="18" customHeight="1" x14ac:dyDescent="0.15">
      <c r="A46" s="5">
        <v>34</v>
      </c>
      <c r="B46" s="22">
        <v>1</v>
      </c>
      <c r="C46" s="14">
        <v>3</v>
      </c>
      <c r="D46" s="18">
        <v>4</v>
      </c>
    </row>
    <row r="47" spans="1:4" ht="18" customHeight="1" x14ac:dyDescent="0.15">
      <c r="A47" s="5" t="s">
        <v>15</v>
      </c>
      <c r="B47" s="22">
        <v>15</v>
      </c>
      <c r="C47" s="14">
        <v>9</v>
      </c>
      <c r="D47" s="18">
        <v>24</v>
      </c>
    </row>
    <row r="48" spans="1:4" ht="18" customHeight="1" x14ac:dyDescent="0.15">
      <c r="A48" s="5">
        <v>35</v>
      </c>
      <c r="B48" s="22">
        <v>5</v>
      </c>
      <c r="C48" s="14">
        <v>2</v>
      </c>
      <c r="D48" s="18">
        <v>7</v>
      </c>
    </row>
    <row r="49" spans="1:4" ht="18" customHeight="1" x14ac:dyDescent="0.15">
      <c r="A49" s="5">
        <v>36</v>
      </c>
      <c r="B49" s="22">
        <v>1</v>
      </c>
      <c r="C49" s="14">
        <v>4</v>
      </c>
      <c r="D49" s="18">
        <v>5</v>
      </c>
    </row>
    <row r="50" spans="1:4" ht="18" customHeight="1" x14ac:dyDescent="0.15">
      <c r="A50" s="5">
        <v>37</v>
      </c>
      <c r="B50" s="22">
        <v>3</v>
      </c>
      <c r="C50" s="14">
        <v>4</v>
      </c>
      <c r="D50" s="18">
        <v>7</v>
      </c>
    </row>
    <row r="51" spans="1:4" ht="18" customHeight="1" x14ac:dyDescent="0.15">
      <c r="A51" s="5">
        <v>38</v>
      </c>
      <c r="B51" s="22">
        <v>2</v>
      </c>
      <c r="C51" s="14">
        <v>0</v>
      </c>
      <c r="D51" s="18">
        <v>2</v>
      </c>
    </row>
    <row r="52" spans="1:4" ht="18" customHeight="1" x14ac:dyDescent="0.15">
      <c r="A52" s="5">
        <v>39</v>
      </c>
      <c r="B52" s="22">
        <v>7</v>
      </c>
      <c r="C52" s="14">
        <v>2</v>
      </c>
      <c r="D52" s="18">
        <v>9</v>
      </c>
    </row>
    <row r="53" spans="1:4" ht="18" customHeight="1" x14ac:dyDescent="0.15">
      <c r="A53" s="5" t="s">
        <v>18</v>
      </c>
      <c r="B53" s="22">
        <v>18</v>
      </c>
      <c r="C53" s="14">
        <v>12</v>
      </c>
      <c r="D53" s="18">
        <v>30</v>
      </c>
    </row>
    <row r="54" spans="1:4" ht="18" customHeight="1" x14ac:dyDescent="0.15">
      <c r="A54" s="5">
        <v>40</v>
      </c>
      <c r="B54" s="22">
        <v>3</v>
      </c>
      <c r="C54" s="14">
        <v>1</v>
      </c>
      <c r="D54" s="18">
        <v>4</v>
      </c>
    </row>
    <row r="55" spans="1:4" ht="18" customHeight="1" x14ac:dyDescent="0.15">
      <c r="A55" s="5">
        <v>41</v>
      </c>
      <c r="B55" s="22">
        <v>6</v>
      </c>
      <c r="C55" s="14">
        <v>7</v>
      </c>
      <c r="D55" s="18">
        <v>13</v>
      </c>
    </row>
    <row r="56" spans="1:4" ht="18" customHeight="1" x14ac:dyDescent="0.15">
      <c r="A56" s="5">
        <v>42</v>
      </c>
      <c r="B56" s="22">
        <v>4</v>
      </c>
      <c r="C56" s="14">
        <v>9</v>
      </c>
      <c r="D56" s="18">
        <v>13</v>
      </c>
    </row>
    <row r="57" spans="1:4" ht="18" customHeight="1" x14ac:dyDescent="0.15">
      <c r="A57" s="5">
        <v>43</v>
      </c>
      <c r="B57" s="22">
        <v>7</v>
      </c>
      <c r="C57" s="14">
        <v>6</v>
      </c>
      <c r="D57" s="18">
        <v>13</v>
      </c>
    </row>
    <row r="58" spans="1:4" ht="18" customHeight="1" x14ac:dyDescent="0.15">
      <c r="A58" s="5">
        <v>44</v>
      </c>
      <c r="B58" s="22">
        <v>2</v>
      </c>
      <c r="C58" s="14">
        <v>6</v>
      </c>
      <c r="D58" s="18">
        <v>8</v>
      </c>
    </row>
    <row r="59" spans="1:4" ht="18" customHeight="1" x14ac:dyDescent="0.15">
      <c r="A59" s="5" t="s">
        <v>21</v>
      </c>
      <c r="B59" s="22">
        <v>22</v>
      </c>
      <c r="C59" s="14">
        <v>29</v>
      </c>
      <c r="D59" s="18">
        <v>51</v>
      </c>
    </row>
    <row r="60" spans="1:4" ht="18" customHeight="1" x14ac:dyDescent="0.15">
      <c r="A60" s="5">
        <v>45</v>
      </c>
      <c r="B60" s="22">
        <v>7</v>
      </c>
      <c r="C60" s="14">
        <v>8</v>
      </c>
      <c r="D60" s="18">
        <v>15</v>
      </c>
    </row>
    <row r="61" spans="1:4" ht="18" customHeight="1" x14ac:dyDescent="0.15">
      <c r="A61" s="5">
        <v>46</v>
      </c>
      <c r="B61" s="22">
        <v>6</v>
      </c>
      <c r="C61" s="14">
        <v>6</v>
      </c>
      <c r="D61" s="18">
        <v>12</v>
      </c>
    </row>
    <row r="62" spans="1:4" ht="18" customHeight="1" x14ac:dyDescent="0.15">
      <c r="A62" s="5">
        <v>47</v>
      </c>
      <c r="B62" s="22">
        <v>5</v>
      </c>
      <c r="C62" s="14">
        <v>13</v>
      </c>
      <c r="D62" s="18">
        <v>18</v>
      </c>
    </row>
    <row r="63" spans="1:4" ht="18" customHeight="1" x14ac:dyDescent="0.15">
      <c r="A63" s="5">
        <v>48</v>
      </c>
      <c r="B63" s="22">
        <v>8</v>
      </c>
      <c r="C63" s="14">
        <v>5</v>
      </c>
      <c r="D63" s="18">
        <v>13</v>
      </c>
    </row>
    <row r="64" spans="1:4" ht="18" customHeight="1" x14ac:dyDescent="0.15">
      <c r="A64" s="5">
        <v>49</v>
      </c>
      <c r="B64" s="22">
        <v>5</v>
      </c>
      <c r="C64" s="14">
        <v>4</v>
      </c>
      <c r="D64" s="18">
        <v>9</v>
      </c>
    </row>
    <row r="65" spans="1:4" ht="18" customHeight="1" x14ac:dyDescent="0.15">
      <c r="A65" s="5" t="s">
        <v>17</v>
      </c>
      <c r="B65" s="22">
        <v>31</v>
      </c>
      <c r="C65" s="14">
        <v>36</v>
      </c>
      <c r="D65" s="18">
        <v>67</v>
      </c>
    </row>
    <row r="66" spans="1:4" ht="18" customHeight="1" x14ac:dyDescent="0.15">
      <c r="A66" s="5">
        <v>50</v>
      </c>
      <c r="B66" s="22">
        <v>10</v>
      </c>
      <c r="C66" s="14">
        <v>7</v>
      </c>
      <c r="D66" s="18">
        <v>17</v>
      </c>
    </row>
    <row r="67" spans="1:4" ht="18" customHeight="1" x14ac:dyDescent="0.15">
      <c r="A67" s="5">
        <v>51</v>
      </c>
      <c r="B67" s="22">
        <v>7</v>
      </c>
      <c r="C67" s="14">
        <v>8</v>
      </c>
      <c r="D67" s="18">
        <v>15</v>
      </c>
    </row>
    <row r="68" spans="1:4" ht="18" customHeight="1" x14ac:dyDescent="0.15">
      <c r="A68" s="5">
        <v>52</v>
      </c>
      <c r="B68" s="22">
        <v>9</v>
      </c>
      <c r="C68" s="14">
        <v>8</v>
      </c>
      <c r="D68" s="18">
        <v>17</v>
      </c>
    </row>
    <row r="69" spans="1:4" ht="18" customHeight="1" x14ac:dyDescent="0.15">
      <c r="A69" s="5">
        <v>53</v>
      </c>
      <c r="B69" s="22">
        <v>15</v>
      </c>
      <c r="C69" s="14">
        <v>16</v>
      </c>
      <c r="D69" s="18">
        <v>31</v>
      </c>
    </row>
    <row r="70" spans="1:4" ht="18" customHeight="1" x14ac:dyDescent="0.15">
      <c r="A70" s="5">
        <v>54</v>
      </c>
      <c r="B70" s="22">
        <v>6</v>
      </c>
      <c r="C70" s="14">
        <v>7</v>
      </c>
      <c r="D70" s="18">
        <v>13</v>
      </c>
    </row>
    <row r="71" spans="1:4" ht="18" customHeight="1" x14ac:dyDescent="0.15">
      <c r="A71" s="5" t="s">
        <v>22</v>
      </c>
      <c r="B71" s="22">
        <v>47</v>
      </c>
      <c r="C71" s="14">
        <v>46</v>
      </c>
      <c r="D71" s="18">
        <v>93</v>
      </c>
    </row>
    <row r="72" spans="1:4" ht="18" customHeight="1" x14ac:dyDescent="0.15">
      <c r="A72" s="5">
        <v>55</v>
      </c>
      <c r="B72" s="22">
        <v>4</v>
      </c>
      <c r="C72" s="14">
        <v>8</v>
      </c>
      <c r="D72" s="18">
        <v>12</v>
      </c>
    </row>
    <row r="73" spans="1:4" ht="18" customHeight="1" x14ac:dyDescent="0.15">
      <c r="A73" s="5">
        <v>56</v>
      </c>
      <c r="B73" s="22">
        <v>10</v>
      </c>
      <c r="C73" s="14">
        <v>4</v>
      </c>
      <c r="D73" s="18">
        <v>14</v>
      </c>
    </row>
    <row r="74" spans="1:4" ht="18" customHeight="1" x14ac:dyDescent="0.15">
      <c r="A74" s="5">
        <v>57</v>
      </c>
      <c r="B74" s="22">
        <v>8</v>
      </c>
      <c r="C74" s="14">
        <v>4</v>
      </c>
      <c r="D74" s="18">
        <v>12</v>
      </c>
    </row>
    <row r="75" spans="1:4" ht="18" customHeight="1" x14ac:dyDescent="0.15">
      <c r="A75" s="5">
        <v>58</v>
      </c>
      <c r="B75" s="22">
        <v>2</v>
      </c>
      <c r="C75" s="14">
        <v>5</v>
      </c>
      <c r="D75" s="18">
        <v>7</v>
      </c>
    </row>
    <row r="76" spans="1:4" ht="18" customHeight="1" x14ac:dyDescent="0.15">
      <c r="A76" s="5">
        <v>59</v>
      </c>
      <c r="B76" s="22">
        <v>3</v>
      </c>
      <c r="C76" s="14">
        <v>7</v>
      </c>
      <c r="D76" s="18">
        <v>10</v>
      </c>
    </row>
    <row r="77" spans="1:4" ht="18" customHeight="1" x14ac:dyDescent="0.15">
      <c r="A77" s="5" t="s">
        <v>27</v>
      </c>
      <c r="B77" s="22">
        <v>27</v>
      </c>
      <c r="C77" s="14">
        <v>28</v>
      </c>
      <c r="D77" s="18">
        <v>55</v>
      </c>
    </row>
    <row r="78" spans="1:4" ht="18" customHeight="1" x14ac:dyDescent="0.15">
      <c r="A78" s="5">
        <v>60</v>
      </c>
      <c r="B78" s="22">
        <v>7</v>
      </c>
      <c r="C78" s="14">
        <v>5</v>
      </c>
      <c r="D78" s="18">
        <v>12</v>
      </c>
    </row>
    <row r="79" spans="1:4" ht="18" customHeight="1" x14ac:dyDescent="0.15">
      <c r="A79" s="5">
        <v>61</v>
      </c>
      <c r="B79" s="22">
        <v>4</v>
      </c>
      <c r="C79" s="14">
        <v>8</v>
      </c>
      <c r="D79" s="18">
        <v>12</v>
      </c>
    </row>
    <row r="80" spans="1:4" ht="18" customHeight="1" x14ac:dyDescent="0.15">
      <c r="A80" s="5">
        <v>62</v>
      </c>
      <c r="B80" s="22">
        <v>3</v>
      </c>
      <c r="C80" s="14">
        <v>5</v>
      </c>
      <c r="D80" s="18">
        <v>8</v>
      </c>
    </row>
    <row r="81" spans="1:4" ht="18" customHeight="1" x14ac:dyDescent="0.15">
      <c r="A81" s="5">
        <v>63</v>
      </c>
      <c r="B81" s="22">
        <v>7</v>
      </c>
      <c r="C81" s="14">
        <v>8</v>
      </c>
      <c r="D81" s="18">
        <v>15</v>
      </c>
    </row>
    <row r="82" spans="1:4" ht="18" customHeight="1" x14ac:dyDescent="0.15">
      <c r="A82" s="5">
        <v>64</v>
      </c>
      <c r="B82" s="22">
        <v>7</v>
      </c>
      <c r="C82" s="14">
        <v>8</v>
      </c>
      <c r="D82" s="18">
        <v>15</v>
      </c>
    </row>
    <row r="83" spans="1:4" ht="18" customHeight="1" x14ac:dyDescent="0.15">
      <c r="A83" s="5" t="s">
        <v>28</v>
      </c>
      <c r="B83" s="22">
        <v>28</v>
      </c>
      <c r="C83" s="14">
        <v>34</v>
      </c>
      <c r="D83" s="18">
        <v>62</v>
      </c>
    </row>
    <row r="84" spans="1:4" ht="18" customHeight="1" x14ac:dyDescent="0.15">
      <c r="A84" s="5" t="s">
        <v>31</v>
      </c>
      <c r="B84" s="22">
        <v>239</v>
      </c>
      <c r="C84" s="14">
        <v>248</v>
      </c>
      <c r="D84" s="18">
        <v>487</v>
      </c>
    </row>
    <row r="85" spans="1:4" ht="18" customHeight="1" x14ac:dyDescent="0.15">
      <c r="A85" s="5">
        <v>65</v>
      </c>
      <c r="B85" s="22">
        <v>9</v>
      </c>
      <c r="C85" s="14">
        <v>13</v>
      </c>
      <c r="D85" s="18">
        <v>22</v>
      </c>
    </row>
    <row r="86" spans="1:4" ht="18" customHeight="1" x14ac:dyDescent="0.15">
      <c r="A86" s="5">
        <v>66</v>
      </c>
      <c r="B86" s="22">
        <v>5</v>
      </c>
      <c r="C86" s="14">
        <v>5</v>
      </c>
      <c r="D86" s="18">
        <v>10</v>
      </c>
    </row>
    <row r="87" spans="1:4" ht="18" customHeight="1" x14ac:dyDescent="0.15">
      <c r="A87" s="5">
        <v>67</v>
      </c>
      <c r="B87" s="22">
        <v>6</v>
      </c>
      <c r="C87" s="14">
        <v>4</v>
      </c>
      <c r="D87" s="18">
        <v>10</v>
      </c>
    </row>
    <row r="88" spans="1:4" ht="18" customHeight="1" x14ac:dyDescent="0.15">
      <c r="A88" s="5">
        <v>68</v>
      </c>
      <c r="B88" s="22">
        <v>5</v>
      </c>
      <c r="C88" s="14">
        <v>8</v>
      </c>
      <c r="D88" s="18">
        <v>13</v>
      </c>
    </row>
    <row r="89" spans="1:4" ht="18" customHeight="1" x14ac:dyDescent="0.15">
      <c r="A89" s="5">
        <v>69</v>
      </c>
      <c r="B89" s="22">
        <v>5</v>
      </c>
      <c r="C89" s="14">
        <v>5</v>
      </c>
      <c r="D89" s="18">
        <v>10</v>
      </c>
    </row>
    <row r="90" spans="1:4" ht="18" customHeight="1" x14ac:dyDescent="0.15">
      <c r="A90" s="5" t="s">
        <v>20</v>
      </c>
      <c r="B90" s="22">
        <v>30</v>
      </c>
      <c r="C90" s="14">
        <v>35</v>
      </c>
      <c r="D90" s="18">
        <v>65</v>
      </c>
    </row>
    <row r="91" spans="1:4" ht="18" customHeight="1" x14ac:dyDescent="0.15">
      <c r="A91" s="5">
        <v>70</v>
      </c>
      <c r="B91" s="22">
        <v>6</v>
      </c>
      <c r="C91" s="14">
        <v>8</v>
      </c>
      <c r="D91" s="18">
        <v>14</v>
      </c>
    </row>
    <row r="92" spans="1:4" ht="18" customHeight="1" x14ac:dyDescent="0.15">
      <c r="A92" s="5">
        <v>71</v>
      </c>
      <c r="B92" s="22">
        <v>9</v>
      </c>
      <c r="C92" s="14">
        <v>6</v>
      </c>
      <c r="D92" s="18">
        <v>15</v>
      </c>
    </row>
    <row r="93" spans="1:4" ht="18" customHeight="1" x14ac:dyDescent="0.15">
      <c r="A93" s="5">
        <v>72</v>
      </c>
      <c r="B93" s="22">
        <v>5</v>
      </c>
      <c r="C93" s="14">
        <v>12</v>
      </c>
      <c r="D93" s="18">
        <v>17</v>
      </c>
    </row>
    <row r="94" spans="1:4" ht="18" customHeight="1" x14ac:dyDescent="0.15">
      <c r="A94" s="5">
        <v>73</v>
      </c>
      <c r="B94" s="22">
        <v>7</v>
      </c>
      <c r="C94" s="14">
        <v>7</v>
      </c>
      <c r="D94" s="18">
        <v>14</v>
      </c>
    </row>
    <row r="95" spans="1:4" ht="18" customHeight="1" x14ac:dyDescent="0.15">
      <c r="A95" s="5">
        <v>74</v>
      </c>
      <c r="B95" s="22">
        <v>8</v>
      </c>
      <c r="C95" s="14">
        <v>7</v>
      </c>
      <c r="D95" s="18">
        <v>15</v>
      </c>
    </row>
    <row r="96" spans="1:4" ht="18" customHeight="1" x14ac:dyDescent="0.15">
      <c r="A96" s="5" t="s">
        <v>33</v>
      </c>
      <c r="B96" s="22">
        <v>35</v>
      </c>
      <c r="C96" s="14">
        <v>40</v>
      </c>
      <c r="D96" s="18">
        <v>75</v>
      </c>
    </row>
    <row r="97" spans="1:4" ht="18" customHeight="1" x14ac:dyDescent="0.15">
      <c r="A97" s="5">
        <v>75</v>
      </c>
      <c r="B97" s="22">
        <v>13</v>
      </c>
      <c r="C97" s="14">
        <v>13</v>
      </c>
      <c r="D97" s="18">
        <v>26</v>
      </c>
    </row>
    <row r="98" spans="1:4" ht="18" customHeight="1" x14ac:dyDescent="0.15">
      <c r="A98" s="5">
        <v>76</v>
      </c>
      <c r="B98" s="22">
        <v>11</v>
      </c>
      <c r="C98" s="14">
        <v>11</v>
      </c>
      <c r="D98" s="18">
        <v>22</v>
      </c>
    </row>
    <row r="99" spans="1:4" ht="18" customHeight="1" x14ac:dyDescent="0.15">
      <c r="A99" s="5">
        <v>77</v>
      </c>
      <c r="B99" s="22">
        <v>13</v>
      </c>
      <c r="C99" s="14">
        <v>13</v>
      </c>
      <c r="D99" s="18">
        <v>26</v>
      </c>
    </row>
    <row r="100" spans="1:4" ht="18" customHeight="1" x14ac:dyDescent="0.15">
      <c r="A100" s="5">
        <v>78</v>
      </c>
      <c r="B100" s="22">
        <v>8</v>
      </c>
      <c r="C100" s="14">
        <v>16</v>
      </c>
      <c r="D100" s="18">
        <v>24</v>
      </c>
    </row>
    <row r="101" spans="1:4" ht="18" customHeight="1" x14ac:dyDescent="0.15">
      <c r="A101" s="5">
        <v>79</v>
      </c>
      <c r="B101" s="22">
        <v>4</v>
      </c>
      <c r="C101" s="14">
        <v>10</v>
      </c>
      <c r="D101" s="18">
        <v>14</v>
      </c>
    </row>
    <row r="102" spans="1:4" ht="18" customHeight="1" x14ac:dyDescent="0.15">
      <c r="A102" s="5" t="s">
        <v>0</v>
      </c>
      <c r="B102" s="22">
        <v>49</v>
      </c>
      <c r="C102" s="14">
        <v>63</v>
      </c>
      <c r="D102" s="18">
        <v>112</v>
      </c>
    </row>
    <row r="103" spans="1:4" ht="18" customHeight="1" x14ac:dyDescent="0.15">
      <c r="A103" s="5">
        <v>80</v>
      </c>
      <c r="B103" s="22">
        <v>4</v>
      </c>
      <c r="C103" s="14">
        <v>3</v>
      </c>
      <c r="D103" s="18">
        <v>7</v>
      </c>
    </row>
    <row r="104" spans="1:4" ht="18" customHeight="1" x14ac:dyDescent="0.15">
      <c r="A104" s="5">
        <v>81</v>
      </c>
      <c r="B104" s="22">
        <v>8</v>
      </c>
      <c r="C104" s="14">
        <v>2</v>
      </c>
      <c r="D104" s="18">
        <v>10</v>
      </c>
    </row>
    <row r="105" spans="1:4" ht="18" customHeight="1" x14ac:dyDescent="0.15">
      <c r="A105" s="5">
        <v>82</v>
      </c>
      <c r="B105" s="22">
        <v>5</v>
      </c>
      <c r="C105" s="14">
        <v>6</v>
      </c>
      <c r="D105" s="18">
        <v>11</v>
      </c>
    </row>
    <row r="106" spans="1:4" ht="18" customHeight="1" x14ac:dyDescent="0.15">
      <c r="A106" s="5">
        <v>83</v>
      </c>
      <c r="B106" s="22">
        <v>9</v>
      </c>
      <c r="C106" s="14">
        <v>2</v>
      </c>
      <c r="D106" s="18">
        <v>11</v>
      </c>
    </row>
    <row r="107" spans="1:4" ht="18" customHeight="1" x14ac:dyDescent="0.15">
      <c r="A107" s="5">
        <v>84</v>
      </c>
      <c r="B107" s="22">
        <v>5</v>
      </c>
      <c r="C107" s="14">
        <v>5</v>
      </c>
      <c r="D107" s="18">
        <v>10</v>
      </c>
    </row>
    <row r="108" spans="1:4" ht="18" customHeight="1" x14ac:dyDescent="0.15">
      <c r="A108" s="5" t="s">
        <v>35</v>
      </c>
      <c r="B108" s="22">
        <v>31</v>
      </c>
      <c r="C108" s="14">
        <v>18</v>
      </c>
      <c r="D108" s="18">
        <v>49</v>
      </c>
    </row>
    <row r="109" spans="1:4" ht="18" customHeight="1" x14ac:dyDescent="0.15">
      <c r="A109" s="5">
        <v>85</v>
      </c>
      <c r="B109" s="22">
        <v>4</v>
      </c>
      <c r="C109" s="14">
        <v>8</v>
      </c>
      <c r="D109" s="18">
        <v>12</v>
      </c>
    </row>
    <row r="110" spans="1:4" ht="18" customHeight="1" x14ac:dyDescent="0.15">
      <c r="A110" s="5">
        <v>86</v>
      </c>
      <c r="B110" s="22">
        <v>1</v>
      </c>
      <c r="C110" s="14">
        <v>7</v>
      </c>
      <c r="D110" s="18">
        <v>8</v>
      </c>
    </row>
    <row r="111" spans="1:4" ht="18" customHeight="1" x14ac:dyDescent="0.15">
      <c r="A111" s="5">
        <v>87</v>
      </c>
      <c r="B111" s="22">
        <v>1</v>
      </c>
      <c r="C111" s="14">
        <v>5</v>
      </c>
      <c r="D111" s="18">
        <v>6</v>
      </c>
    </row>
    <row r="112" spans="1:4" ht="18" customHeight="1" x14ac:dyDescent="0.15">
      <c r="A112" s="5">
        <v>88</v>
      </c>
      <c r="B112" s="22">
        <v>2</v>
      </c>
      <c r="C112" s="14">
        <v>2</v>
      </c>
      <c r="D112" s="18">
        <v>4</v>
      </c>
    </row>
    <row r="113" spans="1:4" ht="18" customHeight="1" x14ac:dyDescent="0.15">
      <c r="A113" s="5">
        <v>89</v>
      </c>
      <c r="B113" s="22">
        <v>2</v>
      </c>
      <c r="C113" s="14">
        <v>6</v>
      </c>
      <c r="D113" s="18">
        <v>8</v>
      </c>
    </row>
    <row r="114" spans="1:4" ht="18" customHeight="1" x14ac:dyDescent="0.15">
      <c r="A114" s="5" t="s">
        <v>37</v>
      </c>
      <c r="B114" s="22">
        <v>10</v>
      </c>
      <c r="C114" s="14">
        <v>28</v>
      </c>
      <c r="D114" s="18">
        <v>38</v>
      </c>
    </row>
    <row r="115" spans="1:4" ht="18" customHeight="1" x14ac:dyDescent="0.15">
      <c r="A115" s="5">
        <v>90</v>
      </c>
      <c r="B115" s="22">
        <v>1</v>
      </c>
      <c r="C115" s="14">
        <v>3</v>
      </c>
      <c r="D115" s="18">
        <v>4</v>
      </c>
    </row>
    <row r="116" spans="1:4" ht="18" customHeight="1" x14ac:dyDescent="0.15">
      <c r="A116" s="5">
        <v>91</v>
      </c>
      <c r="B116" s="22">
        <v>3</v>
      </c>
      <c r="C116" s="14">
        <v>6</v>
      </c>
      <c r="D116" s="18">
        <v>9</v>
      </c>
    </row>
    <row r="117" spans="1:4" ht="18" customHeight="1" x14ac:dyDescent="0.15">
      <c r="A117" s="5">
        <v>92</v>
      </c>
      <c r="B117" s="22">
        <v>1</v>
      </c>
      <c r="C117" s="14">
        <v>5</v>
      </c>
      <c r="D117" s="18">
        <v>6</v>
      </c>
    </row>
    <row r="118" spans="1:4" ht="18" customHeight="1" x14ac:dyDescent="0.15">
      <c r="A118" s="5">
        <v>93</v>
      </c>
      <c r="B118" s="22">
        <v>2</v>
      </c>
      <c r="C118" s="14">
        <v>1</v>
      </c>
      <c r="D118" s="18">
        <v>3</v>
      </c>
    </row>
    <row r="119" spans="1:4" ht="18" customHeight="1" x14ac:dyDescent="0.15">
      <c r="A119" s="5">
        <v>94</v>
      </c>
      <c r="B119" s="22">
        <v>0</v>
      </c>
      <c r="C119" s="14">
        <v>3</v>
      </c>
      <c r="D119" s="18">
        <v>3</v>
      </c>
    </row>
    <row r="120" spans="1:4" ht="18" customHeight="1" x14ac:dyDescent="0.15">
      <c r="A120" s="5" t="s">
        <v>39</v>
      </c>
      <c r="B120" s="22">
        <v>7</v>
      </c>
      <c r="C120" s="14">
        <v>18</v>
      </c>
      <c r="D120" s="18">
        <v>25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1</v>
      </c>
      <c r="C122" s="14">
        <v>1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2</v>
      </c>
      <c r="C126" s="14">
        <v>5</v>
      </c>
      <c r="D126" s="18">
        <v>7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164</v>
      </c>
      <c r="C130" s="14">
        <v>208</v>
      </c>
      <c r="D130" s="18">
        <v>372</v>
      </c>
    </row>
    <row r="131" spans="1:4" ht="18" customHeight="1" x14ac:dyDescent="0.15">
      <c r="A131" s="7" t="s">
        <v>45</v>
      </c>
      <c r="B131" s="23">
        <v>439</v>
      </c>
      <c r="C131" s="15">
        <v>494</v>
      </c>
      <c r="D131" s="19">
        <v>93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B00-000000000000}">
  <sheetPr codeName="Sheet5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</v>
      </c>
      <c r="C5" s="13">
        <v>5</v>
      </c>
      <c r="D5" s="17">
        <v>6</v>
      </c>
    </row>
    <row r="6" spans="1:4" ht="18" customHeight="1" x14ac:dyDescent="0.15">
      <c r="A6" s="5">
        <v>1</v>
      </c>
      <c r="B6" s="22">
        <v>4</v>
      </c>
      <c r="C6" s="14">
        <v>4</v>
      </c>
      <c r="D6" s="18">
        <v>8</v>
      </c>
    </row>
    <row r="7" spans="1:4" ht="18" customHeight="1" x14ac:dyDescent="0.15">
      <c r="A7" s="5">
        <v>2</v>
      </c>
      <c r="B7" s="22">
        <v>7</v>
      </c>
      <c r="C7" s="14">
        <v>7</v>
      </c>
      <c r="D7" s="18">
        <v>14</v>
      </c>
    </row>
    <row r="8" spans="1:4" ht="18" customHeight="1" x14ac:dyDescent="0.15">
      <c r="A8" s="5">
        <v>3</v>
      </c>
      <c r="B8" s="22">
        <v>7</v>
      </c>
      <c r="C8" s="14">
        <v>5</v>
      </c>
      <c r="D8" s="18">
        <v>12</v>
      </c>
    </row>
    <row r="9" spans="1:4" ht="18" customHeight="1" x14ac:dyDescent="0.15">
      <c r="A9" s="5">
        <v>4</v>
      </c>
      <c r="B9" s="22">
        <v>3</v>
      </c>
      <c r="C9" s="14">
        <v>10</v>
      </c>
      <c r="D9" s="18">
        <v>13</v>
      </c>
    </row>
    <row r="10" spans="1:4" ht="18" customHeight="1" x14ac:dyDescent="0.15">
      <c r="A10" s="5" t="s">
        <v>7</v>
      </c>
      <c r="B10" s="22">
        <v>22</v>
      </c>
      <c r="C10" s="14">
        <v>31</v>
      </c>
      <c r="D10" s="18">
        <v>53</v>
      </c>
    </row>
    <row r="11" spans="1:4" ht="18" customHeight="1" x14ac:dyDescent="0.15">
      <c r="A11" s="5">
        <v>5</v>
      </c>
      <c r="B11" s="22">
        <v>14</v>
      </c>
      <c r="C11" s="14">
        <v>11</v>
      </c>
      <c r="D11" s="18">
        <v>25</v>
      </c>
    </row>
    <row r="12" spans="1:4" ht="18" customHeight="1" x14ac:dyDescent="0.15">
      <c r="A12" s="5">
        <v>6</v>
      </c>
      <c r="B12" s="22">
        <v>7</v>
      </c>
      <c r="C12" s="14">
        <v>4</v>
      </c>
      <c r="D12" s="18">
        <v>11</v>
      </c>
    </row>
    <row r="13" spans="1:4" ht="18" customHeight="1" x14ac:dyDescent="0.15">
      <c r="A13" s="5">
        <v>7</v>
      </c>
      <c r="B13" s="22">
        <v>9</v>
      </c>
      <c r="C13" s="14">
        <v>7</v>
      </c>
      <c r="D13" s="18">
        <v>16</v>
      </c>
    </row>
    <row r="14" spans="1:4" ht="18" customHeight="1" x14ac:dyDescent="0.15">
      <c r="A14" s="5">
        <v>8</v>
      </c>
      <c r="B14" s="22">
        <v>10</v>
      </c>
      <c r="C14" s="14">
        <v>6</v>
      </c>
      <c r="D14" s="18">
        <v>16</v>
      </c>
    </row>
    <row r="15" spans="1:4" ht="18" customHeight="1" x14ac:dyDescent="0.15">
      <c r="A15" s="5">
        <v>9</v>
      </c>
      <c r="B15" s="22">
        <v>7</v>
      </c>
      <c r="C15" s="14">
        <v>16</v>
      </c>
      <c r="D15" s="18">
        <v>23</v>
      </c>
    </row>
    <row r="16" spans="1:4" ht="18" customHeight="1" x14ac:dyDescent="0.15">
      <c r="A16" s="5" t="s">
        <v>11</v>
      </c>
      <c r="B16" s="22">
        <v>47</v>
      </c>
      <c r="C16" s="14">
        <v>44</v>
      </c>
      <c r="D16" s="18">
        <v>91</v>
      </c>
    </row>
    <row r="17" spans="1:4" ht="18" customHeight="1" x14ac:dyDescent="0.15">
      <c r="A17" s="5">
        <v>10</v>
      </c>
      <c r="B17" s="22">
        <v>9</v>
      </c>
      <c r="C17" s="14">
        <v>9</v>
      </c>
      <c r="D17" s="18">
        <v>18</v>
      </c>
    </row>
    <row r="18" spans="1:4" ht="18" customHeight="1" x14ac:dyDescent="0.15">
      <c r="A18" s="5">
        <v>11</v>
      </c>
      <c r="B18" s="22">
        <v>15</v>
      </c>
      <c r="C18" s="14">
        <v>6</v>
      </c>
      <c r="D18" s="18">
        <v>21</v>
      </c>
    </row>
    <row r="19" spans="1:4" ht="18" customHeight="1" x14ac:dyDescent="0.15">
      <c r="A19" s="5">
        <v>12</v>
      </c>
      <c r="B19" s="22">
        <v>19</v>
      </c>
      <c r="C19" s="14">
        <v>9</v>
      </c>
      <c r="D19" s="18">
        <v>28</v>
      </c>
    </row>
    <row r="20" spans="1:4" ht="18" customHeight="1" x14ac:dyDescent="0.15">
      <c r="A20" s="5">
        <v>13</v>
      </c>
      <c r="B20" s="22">
        <v>9</v>
      </c>
      <c r="C20" s="14">
        <v>12</v>
      </c>
      <c r="D20" s="18">
        <v>21</v>
      </c>
    </row>
    <row r="21" spans="1:4" ht="18" customHeight="1" x14ac:dyDescent="0.15">
      <c r="A21" s="5">
        <v>14</v>
      </c>
      <c r="B21" s="22">
        <v>14</v>
      </c>
      <c r="C21" s="14">
        <v>7</v>
      </c>
      <c r="D21" s="18">
        <v>21</v>
      </c>
    </row>
    <row r="22" spans="1:4" ht="18" customHeight="1" x14ac:dyDescent="0.15">
      <c r="A22" s="5" t="s">
        <v>12</v>
      </c>
      <c r="B22" s="22">
        <v>66</v>
      </c>
      <c r="C22" s="14">
        <v>43</v>
      </c>
      <c r="D22" s="18">
        <v>109</v>
      </c>
    </row>
    <row r="23" spans="1:4" ht="18" customHeight="1" x14ac:dyDescent="0.15">
      <c r="A23" s="5" t="s">
        <v>6</v>
      </c>
      <c r="B23" s="22">
        <v>135</v>
      </c>
      <c r="C23" s="14">
        <v>118</v>
      </c>
      <c r="D23" s="18">
        <v>253</v>
      </c>
    </row>
    <row r="24" spans="1:4" ht="18" customHeight="1" x14ac:dyDescent="0.15">
      <c r="A24" s="5">
        <v>15</v>
      </c>
      <c r="B24" s="22">
        <v>9</v>
      </c>
      <c r="C24" s="14">
        <v>11</v>
      </c>
      <c r="D24" s="18">
        <v>20</v>
      </c>
    </row>
    <row r="25" spans="1:4" ht="18" customHeight="1" x14ac:dyDescent="0.15">
      <c r="A25" s="5">
        <v>16</v>
      </c>
      <c r="B25" s="22">
        <v>18</v>
      </c>
      <c r="C25" s="14">
        <v>12</v>
      </c>
      <c r="D25" s="18">
        <v>30</v>
      </c>
    </row>
    <row r="26" spans="1:4" ht="18" customHeight="1" x14ac:dyDescent="0.15">
      <c r="A26" s="5">
        <v>17</v>
      </c>
      <c r="B26" s="22">
        <v>6</v>
      </c>
      <c r="C26" s="14">
        <v>12</v>
      </c>
      <c r="D26" s="18">
        <v>18</v>
      </c>
    </row>
    <row r="27" spans="1:4" ht="18" customHeight="1" x14ac:dyDescent="0.15">
      <c r="A27" s="5">
        <v>18</v>
      </c>
      <c r="B27" s="22">
        <v>15</v>
      </c>
      <c r="C27" s="14">
        <v>12</v>
      </c>
      <c r="D27" s="18">
        <v>27</v>
      </c>
    </row>
    <row r="28" spans="1:4" ht="18" customHeight="1" x14ac:dyDescent="0.15">
      <c r="A28" s="5">
        <v>19</v>
      </c>
      <c r="B28" s="22">
        <v>10</v>
      </c>
      <c r="C28" s="14">
        <v>8</v>
      </c>
      <c r="D28" s="18">
        <v>18</v>
      </c>
    </row>
    <row r="29" spans="1:4" ht="18" customHeight="1" x14ac:dyDescent="0.15">
      <c r="A29" s="5" t="s">
        <v>14</v>
      </c>
      <c r="B29" s="22">
        <v>58</v>
      </c>
      <c r="C29" s="14">
        <v>55</v>
      </c>
      <c r="D29" s="18">
        <v>113</v>
      </c>
    </row>
    <row r="30" spans="1:4" ht="18" customHeight="1" x14ac:dyDescent="0.15">
      <c r="A30" s="5">
        <v>20</v>
      </c>
      <c r="B30" s="22">
        <v>7</v>
      </c>
      <c r="C30" s="14">
        <v>9</v>
      </c>
      <c r="D30" s="18">
        <v>16</v>
      </c>
    </row>
    <row r="31" spans="1:4" ht="18" customHeight="1" x14ac:dyDescent="0.15">
      <c r="A31" s="5">
        <v>21</v>
      </c>
      <c r="B31" s="22">
        <v>14</v>
      </c>
      <c r="C31" s="14">
        <v>7</v>
      </c>
      <c r="D31" s="18">
        <v>21</v>
      </c>
    </row>
    <row r="32" spans="1:4" ht="18" customHeight="1" x14ac:dyDescent="0.15">
      <c r="A32" s="5">
        <v>22</v>
      </c>
      <c r="B32" s="22">
        <v>9</v>
      </c>
      <c r="C32" s="14">
        <v>12</v>
      </c>
      <c r="D32" s="18">
        <v>21</v>
      </c>
    </row>
    <row r="33" spans="1:4" ht="18" customHeight="1" x14ac:dyDescent="0.15">
      <c r="A33" s="5">
        <v>23</v>
      </c>
      <c r="B33" s="22">
        <v>17</v>
      </c>
      <c r="C33" s="14">
        <v>13</v>
      </c>
      <c r="D33" s="18">
        <v>30</v>
      </c>
    </row>
    <row r="34" spans="1:4" ht="18" customHeight="1" x14ac:dyDescent="0.15">
      <c r="A34" s="5">
        <v>24</v>
      </c>
      <c r="B34" s="22">
        <v>15</v>
      </c>
      <c r="C34" s="14">
        <v>10</v>
      </c>
      <c r="D34" s="18">
        <v>25</v>
      </c>
    </row>
    <row r="35" spans="1:4" ht="18" customHeight="1" x14ac:dyDescent="0.15">
      <c r="A35" s="5" t="s">
        <v>9</v>
      </c>
      <c r="B35" s="22">
        <v>62</v>
      </c>
      <c r="C35" s="14">
        <v>51</v>
      </c>
      <c r="D35" s="18">
        <v>113</v>
      </c>
    </row>
    <row r="36" spans="1:4" ht="18" customHeight="1" x14ac:dyDescent="0.15">
      <c r="A36" s="5">
        <v>25</v>
      </c>
      <c r="B36" s="22">
        <v>11</v>
      </c>
      <c r="C36" s="14">
        <v>12</v>
      </c>
      <c r="D36" s="18">
        <v>23</v>
      </c>
    </row>
    <row r="37" spans="1:4" ht="18" customHeight="1" x14ac:dyDescent="0.15">
      <c r="A37" s="5">
        <v>26</v>
      </c>
      <c r="B37" s="22">
        <v>1</v>
      </c>
      <c r="C37" s="14">
        <v>10</v>
      </c>
      <c r="D37" s="18">
        <v>11</v>
      </c>
    </row>
    <row r="38" spans="1:4" ht="18" customHeight="1" x14ac:dyDescent="0.15">
      <c r="A38" s="5">
        <v>27</v>
      </c>
      <c r="B38" s="22">
        <v>11</v>
      </c>
      <c r="C38" s="14">
        <v>8</v>
      </c>
      <c r="D38" s="18">
        <v>19</v>
      </c>
    </row>
    <row r="39" spans="1:4" ht="18" customHeight="1" x14ac:dyDescent="0.15">
      <c r="A39" s="5">
        <v>28</v>
      </c>
      <c r="B39" s="22">
        <v>12</v>
      </c>
      <c r="C39" s="14">
        <v>10</v>
      </c>
      <c r="D39" s="18">
        <v>22</v>
      </c>
    </row>
    <row r="40" spans="1:4" ht="18" customHeight="1" x14ac:dyDescent="0.15">
      <c r="A40" s="5">
        <v>29</v>
      </c>
      <c r="B40" s="22">
        <v>10</v>
      </c>
      <c r="C40" s="14">
        <v>11</v>
      </c>
      <c r="D40" s="18">
        <v>21</v>
      </c>
    </row>
    <row r="41" spans="1:4" ht="18" customHeight="1" x14ac:dyDescent="0.15">
      <c r="A41" s="5" t="s">
        <v>2</v>
      </c>
      <c r="B41" s="22">
        <v>45</v>
      </c>
      <c r="C41" s="14">
        <v>51</v>
      </c>
      <c r="D41" s="18">
        <v>96</v>
      </c>
    </row>
    <row r="42" spans="1:4" ht="18" customHeight="1" x14ac:dyDescent="0.15">
      <c r="A42" s="5">
        <v>30</v>
      </c>
      <c r="B42" s="22">
        <v>11</v>
      </c>
      <c r="C42" s="14">
        <v>12</v>
      </c>
      <c r="D42" s="18">
        <v>23</v>
      </c>
    </row>
    <row r="43" spans="1:4" ht="18" customHeight="1" x14ac:dyDescent="0.15">
      <c r="A43" s="5">
        <v>31</v>
      </c>
      <c r="B43" s="22">
        <v>15</v>
      </c>
      <c r="C43" s="14">
        <v>9</v>
      </c>
      <c r="D43" s="18">
        <v>24</v>
      </c>
    </row>
    <row r="44" spans="1:4" ht="18" customHeight="1" x14ac:dyDescent="0.15">
      <c r="A44" s="5">
        <v>32</v>
      </c>
      <c r="B44" s="22">
        <v>10</v>
      </c>
      <c r="C44" s="14">
        <v>8</v>
      </c>
      <c r="D44" s="18">
        <v>18</v>
      </c>
    </row>
    <row r="45" spans="1:4" ht="18" customHeight="1" x14ac:dyDescent="0.15">
      <c r="A45" s="5">
        <v>33</v>
      </c>
      <c r="B45" s="22">
        <v>8</v>
      </c>
      <c r="C45" s="14">
        <v>10</v>
      </c>
      <c r="D45" s="18">
        <v>18</v>
      </c>
    </row>
    <row r="46" spans="1:4" ht="18" customHeight="1" x14ac:dyDescent="0.15">
      <c r="A46" s="5">
        <v>34</v>
      </c>
      <c r="B46" s="22">
        <v>8</v>
      </c>
      <c r="C46" s="14">
        <v>11</v>
      </c>
      <c r="D46" s="18">
        <v>19</v>
      </c>
    </row>
    <row r="47" spans="1:4" ht="18" customHeight="1" x14ac:dyDescent="0.15">
      <c r="A47" s="5" t="s">
        <v>15</v>
      </c>
      <c r="B47" s="22">
        <v>52</v>
      </c>
      <c r="C47" s="14">
        <v>50</v>
      </c>
      <c r="D47" s="18">
        <v>102</v>
      </c>
    </row>
    <row r="48" spans="1:4" ht="18" customHeight="1" x14ac:dyDescent="0.15">
      <c r="A48" s="5">
        <v>35</v>
      </c>
      <c r="B48" s="22">
        <v>10</v>
      </c>
      <c r="C48" s="14">
        <v>8</v>
      </c>
      <c r="D48" s="18">
        <v>18</v>
      </c>
    </row>
    <row r="49" spans="1:4" ht="18" customHeight="1" x14ac:dyDescent="0.15">
      <c r="A49" s="5">
        <v>36</v>
      </c>
      <c r="B49" s="22">
        <v>13</v>
      </c>
      <c r="C49" s="14">
        <v>9</v>
      </c>
      <c r="D49" s="18">
        <v>22</v>
      </c>
    </row>
    <row r="50" spans="1:4" ht="18" customHeight="1" x14ac:dyDescent="0.15">
      <c r="A50" s="5">
        <v>37</v>
      </c>
      <c r="B50" s="22">
        <v>14</v>
      </c>
      <c r="C50" s="14">
        <v>9</v>
      </c>
      <c r="D50" s="18">
        <v>23</v>
      </c>
    </row>
    <row r="51" spans="1:4" ht="18" customHeight="1" x14ac:dyDescent="0.15">
      <c r="A51" s="5">
        <v>38</v>
      </c>
      <c r="B51" s="22">
        <v>8</v>
      </c>
      <c r="C51" s="14">
        <v>10</v>
      </c>
      <c r="D51" s="18">
        <v>18</v>
      </c>
    </row>
    <row r="52" spans="1:4" ht="18" customHeight="1" x14ac:dyDescent="0.15">
      <c r="A52" s="5">
        <v>39</v>
      </c>
      <c r="B52" s="22">
        <v>9</v>
      </c>
      <c r="C52" s="14">
        <v>6</v>
      </c>
      <c r="D52" s="18">
        <v>15</v>
      </c>
    </row>
    <row r="53" spans="1:4" ht="18" customHeight="1" x14ac:dyDescent="0.15">
      <c r="A53" s="5" t="s">
        <v>18</v>
      </c>
      <c r="B53" s="22">
        <v>54</v>
      </c>
      <c r="C53" s="14">
        <v>42</v>
      </c>
      <c r="D53" s="18">
        <v>96</v>
      </c>
    </row>
    <row r="54" spans="1:4" ht="18" customHeight="1" x14ac:dyDescent="0.15">
      <c r="A54" s="5">
        <v>40</v>
      </c>
      <c r="B54" s="22">
        <v>11</v>
      </c>
      <c r="C54" s="14">
        <v>17</v>
      </c>
      <c r="D54" s="18">
        <v>28</v>
      </c>
    </row>
    <row r="55" spans="1:4" ht="18" customHeight="1" x14ac:dyDescent="0.15">
      <c r="A55" s="5">
        <v>41</v>
      </c>
      <c r="B55" s="22">
        <v>13</v>
      </c>
      <c r="C55" s="14">
        <v>13</v>
      </c>
      <c r="D55" s="18">
        <v>26</v>
      </c>
    </row>
    <row r="56" spans="1:4" ht="18" customHeight="1" x14ac:dyDescent="0.15">
      <c r="A56" s="5">
        <v>42</v>
      </c>
      <c r="B56" s="22">
        <v>17</v>
      </c>
      <c r="C56" s="14">
        <v>10</v>
      </c>
      <c r="D56" s="18">
        <v>27</v>
      </c>
    </row>
    <row r="57" spans="1:4" ht="18" customHeight="1" x14ac:dyDescent="0.15">
      <c r="A57" s="5">
        <v>43</v>
      </c>
      <c r="B57" s="22">
        <v>11</v>
      </c>
      <c r="C57" s="14">
        <v>12</v>
      </c>
      <c r="D57" s="18">
        <v>23</v>
      </c>
    </row>
    <row r="58" spans="1:4" ht="18" customHeight="1" x14ac:dyDescent="0.15">
      <c r="A58" s="5">
        <v>44</v>
      </c>
      <c r="B58" s="22">
        <v>11</v>
      </c>
      <c r="C58" s="14">
        <v>17</v>
      </c>
      <c r="D58" s="18">
        <v>28</v>
      </c>
    </row>
    <row r="59" spans="1:4" ht="18" customHeight="1" x14ac:dyDescent="0.15">
      <c r="A59" s="5" t="s">
        <v>21</v>
      </c>
      <c r="B59" s="22">
        <v>63</v>
      </c>
      <c r="C59" s="14">
        <v>69</v>
      </c>
      <c r="D59" s="18">
        <v>132</v>
      </c>
    </row>
    <row r="60" spans="1:4" ht="18" customHeight="1" x14ac:dyDescent="0.15">
      <c r="A60" s="5">
        <v>45</v>
      </c>
      <c r="B60" s="22">
        <v>15</v>
      </c>
      <c r="C60" s="14">
        <v>19</v>
      </c>
      <c r="D60" s="18">
        <v>34</v>
      </c>
    </row>
    <row r="61" spans="1:4" ht="18" customHeight="1" x14ac:dyDescent="0.15">
      <c r="A61" s="5">
        <v>46</v>
      </c>
      <c r="B61" s="22">
        <v>13</v>
      </c>
      <c r="C61" s="14">
        <v>11</v>
      </c>
      <c r="D61" s="18">
        <v>24</v>
      </c>
    </row>
    <row r="62" spans="1:4" ht="18" customHeight="1" x14ac:dyDescent="0.15">
      <c r="A62" s="5">
        <v>47</v>
      </c>
      <c r="B62" s="22">
        <v>17</v>
      </c>
      <c r="C62" s="14">
        <v>17</v>
      </c>
      <c r="D62" s="18">
        <v>34</v>
      </c>
    </row>
    <row r="63" spans="1:4" ht="18" customHeight="1" x14ac:dyDescent="0.15">
      <c r="A63" s="5">
        <v>48</v>
      </c>
      <c r="B63" s="22">
        <v>18</v>
      </c>
      <c r="C63" s="14">
        <v>23</v>
      </c>
      <c r="D63" s="18">
        <v>41</v>
      </c>
    </row>
    <row r="64" spans="1:4" ht="18" customHeight="1" x14ac:dyDescent="0.15">
      <c r="A64" s="5">
        <v>49</v>
      </c>
      <c r="B64" s="22">
        <v>15</v>
      </c>
      <c r="C64" s="14">
        <v>14</v>
      </c>
      <c r="D64" s="18">
        <v>29</v>
      </c>
    </row>
    <row r="65" spans="1:4" ht="18" customHeight="1" x14ac:dyDescent="0.15">
      <c r="A65" s="5" t="s">
        <v>17</v>
      </c>
      <c r="B65" s="22">
        <v>78</v>
      </c>
      <c r="C65" s="14">
        <v>84</v>
      </c>
      <c r="D65" s="18">
        <v>162</v>
      </c>
    </row>
    <row r="66" spans="1:4" ht="18" customHeight="1" x14ac:dyDescent="0.15">
      <c r="A66" s="5">
        <v>50</v>
      </c>
      <c r="B66" s="22">
        <v>24</v>
      </c>
      <c r="C66" s="14">
        <v>15</v>
      </c>
      <c r="D66" s="18">
        <v>39</v>
      </c>
    </row>
    <row r="67" spans="1:4" ht="18" customHeight="1" x14ac:dyDescent="0.15">
      <c r="A67" s="5">
        <v>51</v>
      </c>
      <c r="B67" s="22">
        <v>31</v>
      </c>
      <c r="C67" s="14">
        <v>16</v>
      </c>
      <c r="D67" s="18">
        <v>47</v>
      </c>
    </row>
    <row r="68" spans="1:4" ht="18" customHeight="1" x14ac:dyDescent="0.15">
      <c r="A68" s="5">
        <v>52</v>
      </c>
      <c r="B68" s="22">
        <v>25</v>
      </c>
      <c r="C68" s="14">
        <v>20</v>
      </c>
      <c r="D68" s="18">
        <v>45</v>
      </c>
    </row>
    <row r="69" spans="1:4" ht="18" customHeight="1" x14ac:dyDescent="0.15">
      <c r="A69" s="5">
        <v>53</v>
      </c>
      <c r="B69" s="22">
        <v>19</v>
      </c>
      <c r="C69" s="14">
        <v>21</v>
      </c>
      <c r="D69" s="18">
        <v>40</v>
      </c>
    </row>
    <row r="70" spans="1:4" ht="18" customHeight="1" x14ac:dyDescent="0.15">
      <c r="A70" s="5">
        <v>54</v>
      </c>
      <c r="B70" s="22">
        <v>36</v>
      </c>
      <c r="C70" s="14">
        <v>32</v>
      </c>
      <c r="D70" s="18">
        <v>68</v>
      </c>
    </row>
    <row r="71" spans="1:4" ht="18" customHeight="1" x14ac:dyDescent="0.15">
      <c r="A71" s="5" t="s">
        <v>22</v>
      </c>
      <c r="B71" s="22">
        <v>135</v>
      </c>
      <c r="C71" s="14">
        <v>104</v>
      </c>
      <c r="D71" s="18">
        <v>239</v>
      </c>
    </row>
    <row r="72" spans="1:4" ht="18" customHeight="1" x14ac:dyDescent="0.15">
      <c r="A72" s="5">
        <v>55</v>
      </c>
      <c r="B72" s="22">
        <v>27</v>
      </c>
      <c r="C72" s="14">
        <v>22</v>
      </c>
      <c r="D72" s="18">
        <v>49</v>
      </c>
    </row>
    <row r="73" spans="1:4" ht="18" customHeight="1" x14ac:dyDescent="0.15">
      <c r="A73" s="5">
        <v>56</v>
      </c>
      <c r="B73" s="22">
        <v>26</v>
      </c>
      <c r="C73" s="14">
        <v>29</v>
      </c>
      <c r="D73" s="18">
        <v>55</v>
      </c>
    </row>
    <row r="74" spans="1:4" ht="18" customHeight="1" x14ac:dyDescent="0.15">
      <c r="A74" s="5">
        <v>57</v>
      </c>
      <c r="B74" s="22">
        <v>29</v>
      </c>
      <c r="C74" s="14">
        <v>21</v>
      </c>
      <c r="D74" s="18">
        <v>50</v>
      </c>
    </row>
    <row r="75" spans="1:4" ht="18" customHeight="1" x14ac:dyDescent="0.15">
      <c r="A75" s="5">
        <v>58</v>
      </c>
      <c r="B75" s="22">
        <v>22</v>
      </c>
      <c r="C75" s="14">
        <v>21</v>
      </c>
      <c r="D75" s="18">
        <v>43</v>
      </c>
    </row>
    <row r="76" spans="1:4" ht="18" customHeight="1" x14ac:dyDescent="0.15">
      <c r="A76" s="5">
        <v>59</v>
      </c>
      <c r="B76" s="22">
        <v>22</v>
      </c>
      <c r="C76" s="14">
        <v>22</v>
      </c>
      <c r="D76" s="18">
        <v>44</v>
      </c>
    </row>
    <row r="77" spans="1:4" ht="18" customHeight="1" x14ac:dyDescent="0.15">
      <c r="A77" s="5" t="s">
        <v>27</v>
      </c>
      <c r="B77" s="22">
        <v>126</v>
      </c>
      <c r="C77" s="14">
        <v>115</v>
      </c>
      <c r="D77" s="18">
        <v>241</v>
      </c>
    </row>
    <row r="78" spans="1:4" ht="18" customHeight="1" x14ac:dyDescent="0.15">
      <c r="A78" s="5">
        <v>60</v>
      </c>
      <c r="B78" s="22">
        <v>20</v>
      </c>
      <c r="C78" s="14">
        <v>17</v>
      </c>
      <c r="D78" s="18">
        <v>37</v>
      </c>
    </row>
    <row r="79" spans="1:4" ht="18" customHeight="1" x14ac:dyDescent="0.15">
      <c r="A79" s="5">
        <v>61</v>
      </c>
      <c r="B79" s="22">
        <v>17</v>
      </c>
      <c r="C79" s="14">
        <v>19</v>
      </c>
      <c r="D79" s="18">
        <v>36</v>
      </c>
    </row>
    <row r="80" spans="1:4" ht="18" customHeight="1" x14ac:dyDescent="0.15">
      <c r="A80" s="5">
        <v>62</v>
      </c>
      <c r="B80" s="22">
        <v>15</v>
      </c>
      <c r="C80" s="14">
        <v>12</v>
      </c>
      <c r="D80" s="18">
        <v>27</v>
      </c>
    </row>
    <row r="81" spans="1:4" ht="18" customHeight="1" x14ac:dyDescent="0.15">
      <c r="A81" s="5">
        <v>63</v>
      </c>
      <c r="B81" s="22">
        <v>15</v>
      </c>
      <c r="C81" s="14">
        <v>15</v>
      </c>
      <c r="D81" s="18">
        <v>30</v>
      </c>
    </row>
    <row r="82" spans="1:4" ht="18" customHeight="1" x14ac:dyDescent="0.15">
      <c r="A82" s="5">
        <v>64</v>
      </c>
      <c r="B82" s="22">
        <v>15</v>
      </c>
      <c r="C82" s="14">
        <v>17</v>
      </c>
      <c r="D82" s="18">
        <v>32</v>
      </c>
    </row>
    <row r="83" spans="1:4" ht="18" customHeight="1" x14ac:dyDescent="0.15">
      <c r="A83" s="5" t="s">
        <v>28</v>
      </c>
      <c r="B83" s="22">
        <v>82</v>
      </c>
      <c r="C83" s="14">
        <v>80</v>
      </c>
      <c r="D83" s="18">
        <v>162</v>
      </c>
    </row>
    <row r="84" spans="1:4" ht="18" customHeight="1" x14ac:dyDescent="0.15">
      <c r="A84" s="5" t="s">
        <v>31</v>
      </c>
      <c r="B84" s="22">
        <v>755</v>
      </c>
      <c r="C84" s="14">
        <v>701</v>
      </c>
      <c r="D84" s="18">
        <v>1456</v>
      </c>
    </row>
    <row r="85" spans="1:4" ht="18" customHeight="1" x14ac:dyDescent="0.15">
      <c r="A85" s="5">
        <v>65</v>
      </c>
      <c r="B85" s="22">
        <v>13</v>
      </c>
      <c r="C85" s="14">
        <v>23</v>
      </c>
      <c r="D85" s="18">
        <v>36</v>
      </c>
    </row>
    <row r="86" spans="1:4" ht="18" customHeight="1" x14ac:dyDescent="0.15">
      <c r="A86" s="5">
        <v>66</v>
      </c>
      <c r="B86" s="22">
        <v>8</v>
      </c>
      <c r="C86" s="14">
        <v>21</v>
      </c>
      <c r="D86" s="18">
        <v>29</v>
      </c>
    </row>
    <row r="87" spans="1:4" ht="18" customHeight="1" x14ac:dyDescent="0.15">
      <c r="A87" s="5">
        <v>67</v>
      </c>
      <c r="B87" s="22">
        <v>22</v>
      </c>
      <c r="C87" s="14">
        <v>29</v>
      </c>
      <c r="D87" s="18">
        <v>51</v>
      </c>
    </row>
    <row r="88" spans="1:4" ht="18" customHeight="1" x14ac:dyDescent="0.15">
      <c r="A88" s="5">
        <v>68</v>
      </c>
      <c r="B88" s="22">
        <v>24</v>
      </c>
      <c r="C88" s="14">
        <v>14</v>
      </c>
      <c r="D88" s="18">
        <v>38</v>
      </c>
    </row>
    <row r="89" spans="1:4" ht="18" customHeight="1" x14ac:dyDescent="0.15">
      <c r="A89" s="5">
        <v>69</v>
      </c>
      <c r="B89" s="22">
        <v>20</v>
      </c>
      <c r="C89" s="14">
        <v>23</v>
      </c>
      <c r="D89" s="18">
        <v>43</v>
      </c>
    </row>
    <row r="90" spans="1:4" ht="18" customHeight="1" x14ac:dyDescent="0.15">
      <c r="A90" s="5" t="s">
        <v>20</v>
      </c>
      <c r="B90" s="22">
        <v>87</v>
      </c>
      <c r="C90" s="14">
        <v>110</v>
      </c>
      <c r="D90" s="18">
        <v>197</v>
      </c>
    </row>
    <row r="91" spans="1:4" ht="18" customHeight="1" x14ac:dyDescent="0.15">
      <c r="A91" s="5">
        <v>70</v>
      </c>
      <c r="B91" s="22">
        <v>24</v>
      </c>
      <c r="C91" s="14">
        <v>27</v>
      </c>
      <c r="D91" s="18">
        <v>51</v>
      </c>
    </row>
    <row r="92" spans="1:4" ht="18" customHeight="1" x14ac:dyDescent="0.15">
      <c r="A92" s="5">
        <v>71</v>
      </c>
      <c r="B92" s="22">
        <v>23</v>
      </c>
      <c r="C92" s="14">
        <v>31</v>
      </c>
      <c r="D92" s="18">
        <v>54</v>
      </c>
    </row>
    <row r="93" spans="1:4" ht="18" customHeight="1" x14ac:dyDescent="0.15">
      <c r="A93" s="5">
        <v>72</v>
      </c>
      <c r="B93" s="22">
        <v>28</v>
      </c>
      <c r="C93" s="14">
        <v>28</v>
      </c>
      <c r="D93" s="18">
        <v>56</v>
      </c>
    </row>
    <row r="94" spans="1:4" ht="18" customHeight="1" x14ac:dyDescent="0.15">
      <c r="A94" s="5">
        <v>73</v>
      </c>
      <c r="B94" s="22">
        <v>25</v>
      </c>
      <c r="C94" s="14">
        <v>24</v>
      </c>
      <c r="D94" s="18">
        <v>49</v>
      </c>
    </row>
    <row r="95" spans="1:4" ht="18" customHeight="1" x14ac:dyDescent="0.15">
      <c r="A95" s="5">
        <v>74</v>
      </c>
      <c r="B95" s="22">
        <v>19</v>
      </c>
      <c r="C95" s="14">
        <v>32</v>
      </c>
      <c r="D95" s="18">
        <v>51</v>
      </c>
    </row>
    <row r="96" spans="1:4" ht="18" customHeight="1" x14ac:dyDescent="0.15">
      <c r="A96" s="5" t="s">
        <v>33</v>
      </c>
      <c r="B96" s="22">
        <v>119</v>
      </c>
      <c r="C96" s="14">
        <v>142</v>
      </c>
      <c r="D96" s="18">
        <v>261</v>
      </c>
    </row>
    <row r="97" spans="1:4" ht="18" customHeight="1" x14ac:dyDescent="0.15">
      <c r="A97" s="5">
        <v>75</v>
      </c>
      <c r="B97" s="22">
        <v>30</v>
      </c>
      <c r="C97" s="14">
        <v>34</v>
      </c>
      <c r="D97" s="18">
        <v>64</v>
      </c>
    </row>
    <row r="98" spans="1:4" ht="18" customHeight="1" x14ac:dyDescent="0.15">
      <c r="A98" s="5">
        <v>76</v>
      </c>
      <c r="B98" s="22">
        <v>37</v>
      </c>
      <c r="C98" s="14">
        <v>42</v>
      </c>
      <c r="D98" s="18">
        <v>79</v>
      </c>
    </row>
    <row r="99" spans="1:4" ht="18" customHeight="1" x14ac:dyDescent="0.15">
      <c r="A99" s="5">
        <v>77</v>
      </c>
      <c r="B99" s="22">
        <v>34</v>
      </c>
      <c r="C99" s="14">
        <v>51</v>
      </c>
      <c r="D99" s="18">
        <v>85</v>
      </c>
    </row>
    <row r="100" spans="1:4" ht="18" customHeight="1" x14ac:dyDescent="0.15">
      <c r="A100" s="5">
        <v>78</v>
      </c>
      <c r="B100" s="22">
        <v>45</v>
      </c>
      <c r="C100" s="14">
        <v>61</v>
      </c>
      <c r="D100" s="18">
        <v>106</v>
      </c>
    </row>
    <row r="101" spans="1:4" ht="18" customHeight="1" x14ac:dyDescent="0.15">
      <c r="A101" s="5">
        <v>79</v>
      </c>
      <c r="B101" s="22">
        <v>26</v>
      </c>
      <c r="C101" s="14">
        <v>28</v>
      </c>
      <c r="D101" s="18">
        <v>54</v>
      </c>
    </row>
    <row r="102" spans="1:4" ht="18" customHeight="1" x14ac:dyDescent="0.15">
      <c r="A102" s="5" t="s">
        <v>0</v>
      </c>
      <c r="B102" s="22">
        <v>172</v>
      </c>
      <c r="C102" s="14">
        <v>216</v>
      </c>
      <c r="D102" s="18">
        <v>388</v>
      </c>
    </row>
    <row r="103" spans="1:4" ht="18" customHeight="1" x14ac:dyDescent="0.15">
      <c r="A103" s="5">
        <v>80</v>
      </c>
      <c r="B103" s="22">
        <v>15</v>
      </c>
      <c r="C103" s="14">
        <v>20</v>
      </c>
      <c r="D103" s="18">
        <v>35</v>
      </c>
    </row>
    <row r="104" spans="1:4" ht="18" customHeight="1" x14ac:dyDescent="0.15">
      <c r="A104" s="5">
        <v>81</v>
      </c>
      <c r="B104" s="22">
        <v>33</v>
      </c>
      <c r="C104" s="14">
        <v>33</v>
      </c>
      <c r="D104" s="18">
        <v>66</v>
      </c>
    </row>
    <row r="105" spans="1:4" ht="18" customHeight="1" x14ac:dyDescent="0.15">
      <c r="A105" s="5">
        <v>82</v>
      </c>
      <c r="B105" s="22">
        <v>29</v>
      </c>
      <c r="C105" s="14">
        <v>31</v>
      </c>
      <c r="D105" s="18">
        <v>60</v>
      </c>
    </row>
    <row r="106" spans="1:4" ht="18" customHeight="1" x14ac:dyDescent="0.15">
      <c r="A106" s="5">
        <v>83</v>
      </c>
      <c r="B106" s="22">
        <v>17</v>
      </c>
      <c r="C106" s="14">
        <v>28</v>
      </c>
      <c r="D106" s="18">
        <v>45</v>
      </c>
    </row>
    <row r="107" spans="1:4" ht="18" customHeight="1" x14ac:dyDescent="0.15">
      <c r="A107" s="5">
        <v>84</v>
      </c>
      <c r="B107" s="22">
        <v>19</v>
      </c>
      <c r="C107" s="14">
        <v>41</v>
      </c>
      <c r="D107" s="18">
        <v>60</v>
      </c>
    </row>
    <row r="108" spans="1:4" ht="18" customHeight="1" x14ac:dyDescent="0.15">
      <c r="A108" s="5" t="s">
        <v>35</v>
      </c>
      <c r="B108" s="22">
        <v>113</v>
      </c>
      <c r="C108" s="14">
        <v>153</v>
      </c>
      <c r="D108" s="18">
        <v>266</v>
      </c>
    </row>
    <row r="109" spans="1:4" ht="18" customHeight="1" x14ac:dyDescent="0.15">
      <c r="A109" s="5">
        <v>85</v>
      </c>
      <c r="B109" s="22">
        <v>26</v>
      </c>
      <c r="C109" s="14">
        <v>32</v>
      </c>
      <c r="D109" s="18">
        <v>58</v>
      </c>
    </row>
    <row r="110" spans="1:4" ht="18" customHeight="1" x14ac:dyDescent="0.15">
      <c r="A110" s="5">
        <v>86</v>
      </c>
      <c r="B110" s="22">
        <v>10</v>
      </c>
      <c r="C110" s="14">
        <v>31</v>
      </c>
      <c r="D110" s="18">
        <v>41</v>
      </c>
    </row>
    <row r="111" spans="1:4" ht="18" customHeight="1" x14ac:dyDescent="0.15">
      <c r="A111" s="5">
        <v>87</v>
      </c>
      <c r="B111" s="22">
        <v>7</v>
      </c>
      <c r="C111" s="14">
        <v>20</v>
      </c>
      <c r="D111" s="18">
        <v>27</v>
      </c>
    </row>
    <row r="112" spans="1:4" ht="18" customHeight="1" x14ac:dyDescent="0.15">
      <c r="A112" s="5">
        <v>88</v>
      </c>
      <c r="B112" s="22">
        <v>9</v>
      </c>
      <c r="C112" s="14">
        <v>22</v>
      </c>
      <c r="D112" s="18">
        <v>31</v>
      </c>
    </row>
    <row r="113" spans="1:4" ht="18" customHeight="1" x14ac:dyDescent="0.15">
      <c r="A113" s="5">
        <v>89</v>
      </c>
      <c r="B113" s="22">
        <v>12</v>
      </c>
      <c r="C113" s="14">
        <v>13</v>
      </c>
      <c r="D113" s="18">
        <v>25</v>
      </c>
    </row>
    <row r="114" spans="1:4" ht="18" customHeight="1" x14ac:dyDescent="0.15">
      <c r="A114" s="5" t="s">
        <v>37</v>
      </c>
      <c r="B114" s="22">
        <v>64</v>
      </c>
      <c r="C114" s="14">
        <v>118</v>
      </c>
      <c r="D114" s="18">
        <v>182</v>
      </c>
    </row>
    <row r="115" spans="1:4" ht="18" customHeight="1" x14ac:dyDescent="0.15">
      <c r="A115" s="5">
        <v>90</v>
      </c>
      <c r="B115" s="22">
        <v>7</v>
      </c>
      <c r="C115" s="14">
        <v>22</v>
      </c>
      <c r="D115" s="18">
        <v>29</v>
      </c>
    </row>
    <row r="116" spans="1:4" ht="18" customHeight="1" x14ac:dyDescent="0.15">
      <c r="A116" s="5">
        <v>91</v>
      </c>
      <c r="B116" s="22">
        <v>3</v>
      </c>
      <c r="C116" s="14">
        <v>10</v>
      </c>
      <c r="D116" s="18">
        <v>13</v>
      </c>
    </row>
    <row r="117" spans="1:4" ht="18" customHeight="1" x14ac:dyDescent="0.15">
      <c r="A117" s="5">
        <v>92</v>
      </c>
      <c r="B117" s="22">
        <v>3</v>
      </c>
      <c r="C117" s="14">
        <v>14</v>
      </c>
      <c r="D117" s="18">
        <v>17</v>
      </c>
    </row>
    <row r="118" spans="1:4" ht="18" customHeight="1" x14ac:dyDescent="0.15">
      <c r="A118" s="5">
        <v>93</v>
      </c>
      <c r="B118" s="22">
        <v>3</v>
      </c>
      <c r="C118" s="14">
        <v>15</v>
      </c>
      <c r="D118" s="18">
        <v>18</v>
      </c>
    </row>
    <row r="119" spans="1:4" ht="18" customHeight="1" x14ac:dyDescent="0.15">
      <c r="A119" s="5">
        <v>94</v>
      </c>
      <c r="B119" s="22">
        <v>1</v>
      </c>
      <c r="C119" s="14">
        <v>8</v>
      </c>
      <c r="D119" s="18">
        <v>9</v>
      </c>
    </row>
    <row r="120" spans="1:4" ht="18" customHeight="1" x14ac:dyDescent="0.15">
      <c r="A120" s="5" t="s">
        <v>39</v>
      </c>
      <c r="B120" s="22">
        <v>17</v>
      </c>
      <c r="C120" s="14">
        <v>69</v>
      </c>
      <c r="D120" s="18">
        <v>86</v>
      </c>
    </row>
    <row r="121" spans="1:4" ht="18" customHeight="1" x14ac:dyDescent="0.15">
      <c r="A121" s="5">
        <v>95</v>
      </c>
      <c r="B121" s="22">
        <v>0</v>
      </c>
      <c r="C121" s="14">
        <v>6</v>
      </c>
      <c r="D121" s="18">
        <v>6</v>
      </c>
    </row>
    <row r="122" spans="1:4" ht="18" customHeight="1" x14ac:dyDescent="0.15">
      <c r="A122" s="5">
        <v>96</v>
      </c>
      <c r="B122" s="22">
        <v>2</v>
      </c>
      <c r="C122" s="14">
        <v>4</v>
      </c>
      <c r="D122" s="18">
        <v>6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1</v>
      </c>
      <c r="C124" s="14">
        <v>3</v>
      </c>
      <c r="D124" s="18">
        <v>4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4</v>
      </c>
      <c r="C126" s="14">
        <v>17</v>
      </c>
      <c r="D126" s="18">
        <v>21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576</v>
      </c>
      <c r="C130" s="14">
        <v>829</v>
      </c>
      <c r="D130" s="18">
        <v>1405</v>
      </c>
    </row>
    <row r="131" spans="1:4" ht="18" customHeight="1" x14ac:dyDescent="0.15">
      <c r="A131" s="7" t="s">
        <v>45</v>
      </c>
      <c r="B131" s="23">
        <v>1466</v>
      </c>
      <c r="C131" s="15">
        <v>1648</v>
      </c>
      <c r="D131" s="19">
        <v>311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C00-000000000000}">
  <sheetPr codeName="Sheet5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</v>
      </c>
      <c r="C5" s="13">
        <v>11</v>
      </c>
      <c r="D5" s="17">
        <v>15</v>
      </c>
    </row>
    <row r="6" spans="1:4" ht="18" customHeight="1" x14ac:dyDescent="0.15">
      <c r="A6" s="5">
        <v>1</v>
      </c>
      <c r="B6" s="22">
        <v>9</v>
      </c>
      <c r="C6" s="14">
        <v>9</v>
      </c>
      <c r="D6" s="18">
        <v>18</v>
      </c>
    </row>
    <row r="7" spans="1:4" ht="18" customHeight="1" x14ac:dyDescent="0.15">
      <c r="A7" s="5">
        <v>2</v>
      </c>
      <c r="B7" s="22">
        <v>7</v>
      </c>
      <c r="C7" s="14">
        <v>11</v>
      </c>
      <c r="D7" s="18">
        <v>18</v>
      </c>
    </row>
    <row r="8" spans="1:4" ht="18" customHeight="1" x14ac:dyDescent="0.15">
      <c r="A8" s="5">
        <v>3</v>
      </c>
      <c r="B8" s="22">
        <v>9</v>
      </c>
      <c r="C8" s="14">
        <v>10</v>
      </c>
      <c r="D8" s="18">
        <v>19</v>
      </c>
    </row>
    <row r="9" spans="1:4" ht="18" customHeight="1" x14ac:dyDescent="0.15">
      <c r="A9" s="5">
        <v>4</v>
      </c>
      <c r="B9" s="22">
        <v>14</v>
      </c>
      <c r="C9" s="14">
        <v>9</v>
      </c>
      <c r="D9" s="18">
        <v>23</v>
      </c>
    </row>
    <row r="10" spans="1:4" ht="18" customHeight="1" x14ac:dyDescent="0.15">
      <c r="A10" s="5" t="s">
        <v>7</v>
      </c>
      <c r="B10" s="22">
        <v>43</v>
      </c>
      <c r="C10" s="14">
        <v>50</v>
      </c>
      <c r="D10" s="18">
        <v>93</v>
      </c>
    </row>
    <row r="11" spans="1:4" ht="18" customHeight="1" x14ac:dyDescent="0.15">
      <c r="A11" s="5">
        <v>5</v>
      </c>
      <c r="B11" s="22">
        <v>13</v>
      </c>
      <c r="C11" s="14">
        <v>4</v>
      </c>
      <c r="D11" s="18">
        <v>17</v>
      </c>
    </row>
    <row r="12" spans="1:4" ht="18" customHeight="1" x14ac:dyDescent="0.15">
      <c r="A12" s="5">
        <v>6</v>
      </c>
      <c r="B12" s="22">
        <v>11</v>
      </c>
      <c r="C12" s="14">
        <v>13</v>
      </c>
      <c r="D12" s="18">
        <v>24</v>
      </c>
    </row>
    <row r="13" spans="1:4" ht="18" customHeight="1" x14ac:dyDescent="0.15">
      <c r="A13" s="5">
        <v>7</v>
      </c>
      <c r="B13" s="22">
        <v>12</v>
      </c>
      <c r="C13" s="14">
        <v>14</v>
      </c>
      <c r="D13" s="18">
        <v>26</v>
      </c>
    </row>
    <row r="14" spans="1:4" ht="18" customHeight="1" x14ac:dyDescent="0.15">
      <c r="A14" s="5">
        <v>8</v>
      </c>
      <c r="B14" s="22">
        <v>8</v>
      </c>
      <c r="C14" s="14">
        <v>6</v>
      </c>
      <c r="D14" s="18">
        <v>14</v>
      </c>
    </row>
    <row r="15" spans="1:4" ht="18" customHeight="1" x14ac:dyDescent="0.15">
      <c r="A15" s="5">
        <v>9</v>
      </c>
      <c r="B15" s="22">
        <v>16</v>
      </c>
      <c r="C15" s="14">
        <v>7</v>
      </c>
      <c r="D15" s="18">
        <v>23</v>
      </c>
    </row>
    <row r="16" spans="1:4" ht="18" customHeight="1" x14ac:dyDescent="0.15">
      <c r="A16" s="5" t="s">
        <v>11</v>
      </c>
      <c r="B16" s="22">
        <v>60</v>
      </c>
      <c r="C16" s="14">
        <v>44</v>
      </c>
      <c r="D16" s="18">
        <v>104</v>
      </c>
    </row>
    <row r="17" spans="1:4" ht="18" customHeight="1" x14ac:dyDescent="0.15">
      <c r="A17" s="5">
        <v>10</v>
      </c>
      <c r="B17" s="22">
        <v>14</v>
      </c>
      <c r="C17" s="14">
        <v>11</v>
      </c>
      <c r="D17" s="18">
        <v>25</v>
      </c>
    </row>
    <row r="18" spans="1:4" ht="18" customHeight="1" x14ac:dyDescent="0.15">
      <c r="A18" s="5">
        <v>11</v>
      </c>
      <c r="B18" s="22">
        <v>12</v>
      </c>
      <c r="C18" s="14">
        <v>8</v>
      </c>
      <c r="D18" s="18">
        <v>20</v>
      </c>
    </row>
    <row r="19" spans="1:4" ht="18" customHeight="1" x14ac:dyDescent="0.15">
      <c r="A19" s="5">
        <v>12</v>
      </c>
      <c r="B19" s="22">
        <v>6</v>
      </c>
      <c r="C19" s="14">
        <v>12</v>
      </c>
      <c r="D19" s="18">
        <v>18</v>
      </c>
    </row>
    <row r="20" spans="1:4" ht="18" customHeight="1" x14ac:dyDescent="0.15">
      <c r="A20" s="5">
        <v>13</v>
      </c>
      <c r="B20" s="22">
        <v>19</v>
      </c>
      <c r="C20" s="14">
        <v>5</v>
      </c>
      <c r="D20" s="18">
        <v>24</v>
      </c>
    </row>
    <row r="21" spans="1:4" ht="18" customHeight="1" x14ac:dyDescent="0.15">
      <c r="A21" s="5">
        <v>14</v>
      </c>
      <c r="B21" s="22">
        <v>13</v>
      </c>
      <c r="C21" s="14">
        <v>11</v>
      </c>
      <c r="D21" s="18">
        <v>24</v>
      </c>
    </row>
    <row r="22" spans="1:4" ht="18" customHeight="1" x14ac:dyDescent="0.15">
      <c r="A22" s="5" t="s">
        <v>12</v>
      </c>
      <c r="B22" s="22">
        <v>64</v>
      </c>
      <c r="C22" s="14">
        <v>47</v>
      </c>
      <c r="D22" s="18">
        <v>111</v>
      </c>
    </row>
    <row r="23" spans="1:4" ht="18" customHeight="1" x14ac:dyDescent="0.15">
      <c r="A23" s="5" t="s">
        <v>6</v>
      </c>
      <c r="B23" s="22">
        <v>167</v>
      </c>
      <c r="C23" s="14">
        <v>141</v>
      </c>
      <c r="D23" s="18">
        <v>308</v>
      </c>
    </row>
    <row r="24" spans="1:4" ht="18" customHeight="1" x14ac:dyDescent="0.15">
      <c r="A24" s="5">
        <v>15</v>
      </c>
      <c r="B24" s="22">
        <v>14</v>
      </c>
      <c r="C24" s="14">
        <v>16</v>
      </c>
      <c r="D24" s="18">
        <v>30</v>
      </c>
    </row>
    <row r="25" spans="1:4" ht="18" customHeight="1" x14ac:dyDescent="0.15">
      <c r="A25" s="5">
        <v>16</v>
      </c>
      <c r="B25" s="22">
        <v>10</v>
      </c>
      <c r="C25" s="14">
        <v>13</v>
      </c>
      <c r="D25" s="18">
        <v>23</v>
      </c>
    </row>
    <row r="26" spans="1:4" ht="18" customHeight="1" x14ac:dyDescent="0.15">
      <c r="A26" s="5">
        <v>17</v>
      </c>
      <c r="B26" s="22">
        <v>21</v>
      </c>
      <c r="C26" s="14">
        <v>10</v>
      </c>
      <c r="D26" s="18">
        <v>31</v>
      </c>
    </row>
    <row r="27" spans="1:4" ht="18" customHeight="1" x14ac:dyDescent="0.15">
      <c r="A27" s="5">
        <v>18</v>
      </c>
      <c r="B27" s="22">
        <v>10</v>
      </c>
      <c r="C27" s="14">
        <v>9</v>
      </c>
      <c r="D27" s="18">
        <v>19</v>
      </c>
    </row>
    <row r="28" spans="1:4" ht="18" customHeight="1" x14ac:dyDescent="0.15">
      <c r="A28" s="5">
        <v>19</v>
      </c>
      <c r="B28" s="22">
        <v>13</v>
      </c>
      <c r="C28" s="14">
        <v>20</v>
      </c>
      <c r="D28" s="18">
        <v>33</v>
      </c>
    </row>
    <row r="29" spans="1:4" ht="18" customHeight="1" x14ac:dyDescent="0.15">
      <c r="A29" s="5" t="s">
        <v>14</v>
      </c>
      <c r="B29" s="22">
        <v>68</v>
      </c>
      <c r="C29" s="14">
        <v>68</v>
      </c>
      <c r="D29" s="18">
        <v>136</v>
      </c>
    </row>
    <row r="30" spans="1:4" ht="18" customHeight="1" x14ac:dyDescent="0.15">
      <c r="A30" s="5">
        <v>20</v>
      </c>
      <c r="B30" s="22">
        <v>17</v>
      </c>
      <c r="C30" s="14">
        <v>16</v>
      </c>
      <c r="D30" s="18">
        <v>33</v>
      </c>
    </row>
    <row r="31" spans="1:4" ht="18" customHeight="1" x14ac:dyDescent="0.15">
      <c r="A31" s="5">
        <v>21</v>
      </c>
      <c r="B31" s="22">
        <v>19</v>
      </c>
      <c r="C31" s="14">
        <v>11</v>
      </c>
      <c r="D31" s="18">
        <v>30</v>
      </c>
    </row>
    <row r="32" spans="1:4" ht="18" customHeight="1" x14ac:dyDescent="0.15">
      <c r="A32" s="5">
        <v>22</v>
      </c>
      <c r="B32" s="22">
        <v>16</v>
      </c>
      <c r="C32" s="14">
        <v>15</v>
      </c>
      <c r="D32" s="18">
        <v>31</v>
      </c>
    </row>
    <row r="33" spans="1:4" ht="18" customHeight="1" x14ac:dyDescent="0.15">
      <c r="A33" s="5">
        <v>23</v>
      </c>
      <c r="B33" s="22">
        <v>12</v>
      </c>
      <c r="C33" s="14">
        <v>23</v>
      </c>
      <c r="D33" s="18">
        <v>35</v>
      </c>
    </row>
    <row r="34" spans="1:4" ht="18" customHeight="1" x14ac:dyDescent="0.15">
      <c r="A34" s="5">
        <v>24</v>
      </c>
      <c r="B34" s="22">
        <v>18</v>
      </c>
      <c r="C34" s="14">
        <v>19</v>
      </c>
      <c r="D34" s="18">
        <v>37</v>
      </c>
    </row>
    <row r="35" spans="1:4" ht="18" customHeight="1" x14ac:dyDescent="0.15">
      <c r="A35" s="5" t="s">
        <v>9</v>
      </c>
      <c r="B35" s="22">
        <v>82</v>
      </c>
      <c r="C35" s="14">
        <v>84</v>
      </c>
      <c r="D35" s="18">
        <v>166</v>
      </c>
    </row>
    <row r="36" spans="1:4" ht="18" customHeight="1" x14ac:dyDescent="0.15">
      <c r="A36" s="5">
        <v>25</v>
      </c>
      <c r="B36" s="22">
        <v>27</v>
      </c>
      <c r="C36" s="14">
        <v>24</v>
      </c>
      <c r="D36" s="18">
        <v>51</v>
      </c>
    </row>
    <row r="37" spans="1:4" ht="18" customHeight="1" x14ac:dyDescent="0.15">
      <c r="A37" s="5">
        <v>26</v>
      </c>
      <c r="B37" s="22">
        <v>15</v>
      </c>
      <c r="C37" s="14">
        <v>20</v>
      </c>
      <c r="D37" s="18">
        <v>35</v>
      </c>
    </row>
    <row r="38" spans="1:4" ht="18" customHeight="1" x14ac:dyDescent="0.15">
      <c r="A38" s="5">
        <v>27</v>
      </c>
      <c r="B38" s="22">
        <v>28</v>
      </c>
      <c r="C38" s="14">
        <v>11</v>
      </c>
      <c r="D38" s="18">
        <v>39</v>
      </c>
    </row>
    <row r="39" spans="1:4" ht="18" customHeight="1" x14ac:dyDescent="0.15">
      <c r="A39" s="5">
        <v>28</v>
      </c>
      <c r="B39" s="22">
        <v>17</v>
      </c>
      <c r="C39" s="14">
        <v>19</v>
      </c>
      <c r="D39" s="18">
        <v>36</v>
      </c>
    </row>
    <row r="40" spans="1:4" ht="18" customHeight="1" x14ac:dyDescent="0.15">
      <c r="A40" s="5">
        <v>29</v>
      </c>
      <c r="B40" s="22">
        <v>26</v>
      </c>
      <c r="C40" s="14">
        <v>27</v>
      </c>
      <c r="D40" s="18">
        <v>53</v>
      </c>
    </row>
    <row r="41" spans="1:4" ht="18" customHeight="1" x14ac:dyDescent="0.15">
      <c r="A41" s="5" t="s">
        <v>2</v>
      </c>
      <c r="B41" s="22">
        <v>113</v>
      </c>
      <c r="C41" s="14">
        <v>101</v>
      </c>
      <c r="D41" s="18">
        <v>214</v>
      </c>
    </row>
    <row r="42" spans="1:4" ht="18" customHeight="1" x14ac:dyDescent="0.15">
      <c r="A42" s="5">
        <v>30</v>
      </c>
      <c r="B42" s="22">
        <v>21</v>
      </c>
      <c r="C42" s="14">
        <v>22</v>
      </c>
      <c r="D42" s="18">
        <v>43</v>
      </c>
    </row>
    <row r="43" spans="1:4" ht="18" customHeight="1" x14ac:dyDescent="0.15">
      <c r="A43" s="5">
        <v>31</v>
      </c>
      <c r="B43" s="22">
        <v>26</v>
      </c>
      <c r="C43" s="14">
        <v>18</v>
      </c>
      <c r="D43" s="18">
        <v>44</v>
      </c>
    </row>
    <row r="44" spans="1:4" ht="18" customHeight="1" x14ac:dyDescent="0.15">
      <c r="A44" s="5">
        <v>32</v>
      </c>
      <c r="B44" s="22">
        <v>22</v>
      </c>
      <c r="C44" s="14">
        <v>16</v>
      </c>
      <c r="D44" s="18">
        <v>38</v>
      </c>
    </row>
    <row r="45" spans="1:4" ht="18" customHeight="1" x14ac:dyDescent="0.15">
      <c r="A45" s="5">
        <v>33</v>
      </c>
      <c r="B45" s="22">
        <v>16</v>
      </c>
      <c r="C45" s="14">
        <v>12</v>
      </c>
      <c r="D45" s="18">
        <v>28</v>
      </c>
    </row>
    <row r="46" spans="1:4" ht="18" customHeight="1" x14ac:dyDescent="0.15">
      <c r="A46" s="5">
        <v>34</v>
      </c>
      <c r="B46" s="22">
        <v>19</v>
      </c>
      <c r="C46" s="14">
        <v>13</v>
      </c>
      <c r="D46" s="18">
        <v>32</v>
      </c>
    </row>
    <row r="47" spans="1:4" ht="18" customHeight="1" x14ac:dyDescent="0.15">
      <c r="A47" s="5" t="s">
        <v>15</v>
      </c>
      <c r="B47" s="22">
        <v>104</v>
      </c>
      <c r="C47" s="14">
        <v>81</v>
      </c>
      <c r="D47" s="18">
        <v>185</v>
      </c>
    </row>
    <row r="48" spans="1:4" ht="18" customHeight="1" x14ac:dyDescent="0.15">
      <c r="A48" s="5">
        <v>35</v>
      </c>
      <c r="B48" s="22">
        <v>20</v>
      </c>
      <c r="C48" s="14">
        <v>15</v>
      </c>
      <c r="D48" s="18">
        <v>35</v>
      </c>
    </row>
    <row r="49" spans="1:4" ht="18" customHeight="1" x14ac:dyDescent="0.15">
      <c r="A49" s="5">
        <v>36</v>
      </c>
      <c r="B49" s="22">
        <v>18</v>
      </c>
      <c r="C49" s="14">
        <v>7</v>
      </c>
      <c r="D49" s="18">
        <v>25</v>
      </c>
    </row>
    <row r="50" spans="1:4" ht="18" customHeight="1" x14ac:dyDescent="0.15">
      <c r="A50" s="5">
        <v>37</v>
      </c>
      <c r="B50" s="22">
        <v>20</v>
      </c>
      <c r="C50" s="14">
        <v>15</v>
      </c>
      <c r="D50" s="18">
        <v>35</v>
      </c>
    </row>
    <row r="51" spans="1:4" ht="18" customHeight="1" x14ac:dyDescent="0.15">
      <c r="A51" s="5">
        <v>38</v>
      </c>
      <c r="B51" s="22">
        <v>17</v>
      </c>
      <c r="C51" s="14">
        <v>13</v>
      </c>
      <c r="D51" s="18">
        <v>30</v>
      </c>
    </row>
    <row r="52" spans="1:4" ht="18" customHeight="1" x14ac:dyDescent="0.15">
      <c r="A52" s="5">
        <v>39</v>
      </c>
      <c r="B52" s="22">
        <v>23</v>
      </c>
      <c r="C52" s="14">
        <v>17</v>
      </c>
      <c r="D52" s="18">
        <v>40</v>
      </c>
    </row>
    <row r="53" spans="1:4" ht="18" customHeight="1" x14ac:dyDescent="0.15">
      <c r="A53" s="5" t="s">
        <v>18</v>
      </c>
      <c r="B53" s="22">
        <v>98</v>
      </c>
      <c r="C53" s="14">
        <v>67</v>
      </c>
      <c r="D53" s="18">
        <v>165</v>
      </c>
    </row>
    <row r="54" spans="1:4" ht="18" customHeight="1" x14ac:dyDescent="0.15">
      <c r="A54" s="5">
        <v>40</v>
      </c>
      <c r="B54" s="22">
        <v>18</v>
      </c>
      <c r="C54" s="14">
        <v>16</v>
      </c>
      <c r="D54" s="18">
        <v>34</v>
      </c>
    </row>
    <row r="55" spans="1:4" ht="18" customHeight="1" x14ac:dyDescent="0.15">
      <c r="A55" s="5">
        <v>41</v>
      </c>
      <c r="B55" s="22">
        <v>17</v>
      </c>
      <c r="C55" s="14">
        <v>24</v>
      </c>
      <c r="D55" s="18">
        <v>41</v>
      </c>
    </row>
    <row r="56" spans="1:4" ht="18" customHeight="1" x14ac:dyDescent="0.15">
      <c r="A56" s="5">
        <v>42</v>
      </c>
      <c r="B56" s="22">
        <v>16</v>
      </c>
      <c r="C56" s="14">
        <v>11</v>
      </c>
      <c r="D56" s="18">
        <v>27</v>
      </c>
    </row>
    <row r="57" spans="1:4" ht="18" customHeight="1" x14ac:dyDescent="0.15">
      <c r="A57" s="5">
        <v>43</v>
      </c>
      <c r="B57" s="22">
        <v>19</v>
      </c>
      <c r="C57" s="14">
        <v>17</v>
      </c>
      <c r="D57" s="18">
        <v>36</v>
      </c>
    </row>
    <row r="58" spans="1:4" ht="18" customHeight="1" x14ac:dyDescent="0.15">
      <c r="A58" s="5">
        <v>44</v>
      </c>
      <c r="B58" s="22">
        <v>23</v>
      </c>
      <c r="C58" s="14">
        <v>16</v>
      </c>
      <c r="D58" s="18">
        <v>39</v>
      </c>
    </row>
    <row r="59" spans="1:4" ht="18" customHeight="1" x14ac:dyDescent="0.15">
      <c r="A59" s="5" t="s">
        <v>21</v>
      </c>
      <c r="B59" s="22">
        <v>93</v>
      </c>
      <c r="C59" s="14">
        <v>84</v>
      </c>
      <c r="D59" s="18">
        <v>177</v>
      </c>
    </row>
    <row r="60" spans="1:4" ht="18" customHeight="1" x14ac:dyDescent="0.15">
      <c r="A60" s="5">
        <v>45</v>
      </c>
      <c r="B60" s="22">
        <v>19</v>
      </c>
      <c r="C60" s="14">
        <v>12</v>
      </c>
      <c r="D60" s="18">
        <v>31</v>
      </c>
    </row>
    <row r="61" spans="1:4" ht="18" customHeight="1" x14ac:dyDescent="0.15">
      <c r="A61" s="5">
        <v>46</v>
      </c>
      <c r="B61" s="22">
        <v>15</v>
      </c>
      <c r="C61" s="14">
        <v>25</v>
      </c>
      <c r="D61" s="18">
        <v>40</v>
      </c>
    </row>
    <row r="62" spans="1:4" ht="18" customHeight="1" x14ac:dyDescent="0.15">
      <c r="A62" s="5">
        <v>47</v>
      </c>
      <c r="B62" s="22">
        <v>29</v>
      </c>
      <c r="C62" s="14">
        <v>26</v>
      </c>
      <c r="D62" s="18">
        <v>55</v>
      </c>
    </row>
    <row r="63" spans="1:4" ht="18" customHeight="1" x14ac:dyDescent="0.15">
      <c r="A63" s="5">
        <v>48</v>
      </c>
      <c r="B63" s="22">
        <v>30</v>
      </c>
      <c r="C63" s="14">
        <v>21</v>
      </c>
      <c r="D63" s="18">
        <v>51</v>
      </c>
    </row>
    <row r="64" spans="1:4" ht="18" customHeight="1" x14ac:dyDescent="0.15">
      <c r="A64" s="5">
        <v>49</v>
      </c>
      <c r="B64" s="22">
        <v>35</v>
      </c>
      <c r="C64" s="14">
        <v>22</v>
      </c>
      <c r="D64" s="18">
        <v>57</v>
      </c>
    </row>
    <row r="65" spans="1:4" ht="18" customHeight="1" x14ac:dyDescent="0.15">
      <c r="A65" s="5" t="s">
        <v>17</v>
      </c>
      <c r="B65" s="22">
        <v>128</v>
      </c>
      <c r="C65" s="14">
        <v>106</v>
      </c>
      <c r="D65" s="18">
        <v>234</v>
      </c>
    </row>
    <row r="66" spans="1:4" ht="18" customHeight="1" x14ac:dyDescent="0.15">
      <c r="A66" s="5">
        <v>50</v>
      </c>
      <c r="B66" s="22">
        <v>30</v>
      </c>
      <c r="C66" s="14">
        <v>28</v>
      </c>
      <c r="D66" s="18">
        <v>58</v>
      </c>
    </row>
    <row r="67" spans="1:4" ht="18" customHeight="1" x14ac:dyDescent="0.15">
      <c r="A67" s="5">
        <v>51</v>
      </c>
      <c r="B67" s="22">
        <v>29</v>
      </c>
      <c r="C67" s="14">
        <v>27</v>
      </c>
      <c r="D67" s="18">
        <v>56</v>
      </c>
    </row>
    <row r="68" spans="1:4" ht="18" customHeight="1" x14ac:dyDescent="0.15">
      <c r="A68" s="5">
        <v>52</v>
      </c>
      <c r="B68" s="22">
        <v>30</v>
      </c>
      <c r="C68" s="14">
        <v>39</v>
      </c>
      <c r="D68" s="18">
        <v>69</v>
      </c>
    </row>
    <row r="69" spans="1:4" ht="18" customHeight="1" x14ac:dyDescent="0.15">
      <c r="A69" s="5">
        <v>53</v>
      </c>
      <c r="B69" s="22">
        <v>41</v>
      </c>
      <c r="C69" s="14">
        <v>35</v>
      </c>
      <c r="D69" s="18">
        <v>76</v>
      </c>
    </row>
    <row r="70" spans="1:4" ht="18" customHeight="1" x14ac:dyDescent="0.15">
      <c r="A70" s="5">
        <v>54</v>
      </c>
      <c r="B70" s="22">
        <v>45</v>
      </c>
      <c r="C70" s="14">
        <v>36</v>
      </c>
      <c r="D70" s="18">
        <v>81</v>
      </c>
    </row>
    <row r="71" spans="1:4" ht="18" customHeight="1" x14ac:dyDescent="0.15">
      <c r="A71" s="5" t="s">
        <v>22</v>
      </c>
      <c r="B71" s="22">
        <v>175</v>
      </c>
      <c r="C71" s="14">
        <v>165</v>
      </c>
      <c r="D71" s="18">
        <v>340</v>
      </c>
    </row>
    <row r="72" spans="1:4" ht="18" customHeight="1" x14ac:dyDescent="0.15">
      <c r="A72" s="5">
        <v>55</v>
      </c>
      <c r="B72" s="22">
        <v>25</v>
      </c>
      <c r="C72" s="14">
        <v>30</v>
      </c>
      <c r="D72" s="18">
        <v>55</v>
      </c>
    </row>
    <row r="73" spans="1:4" ht="18" customHeight="1" x14ac:dyDescent="0.15">
      <c r="A73" s="5">
        <v>56</v>
      </c>
      <c r="B73" s="22">
        <v>31</v>
      </c>
      <c r="C73" s="14">
        <v>32</v>
      </c>
      <c r="D73" s="18">
        <v>63</v>
      </c>
    </row>
    <row r="74" spans="1:4" ht="18" customHeight="1" x14ac:dyDescent="0.15">
      <c r="A74" s="5">
        <v>57</v>
      </c>
      <c r="B74" s="22">
        <v>41</v>
      </c>
      <c r="C74" s="14">
        <v>29</v>
      </c>
      <c r="D74" s="18">
        <v>70</v>
      </c>
    </row>
    <row r="75" spans="1:4" ht="18" customHeight="1" x14ac:dyDescent="0.15">
      <c r="A75" s="5">
        <v>58</v>
      </c>
      <c r="B75" s="22">
        <v>28</v>
      </c>
      <c r="C75" s="14">
        <v>21</v>
      </c>
      <c r="D75" s="18">
        <v>49</v>
      </c>
    </row>
    <row r="76" spans="1:4" ht="18" customHeight="1" x14ac:dyDescent="0.15">
      <c r="A76" s="5">
        <v>59</v>
      </c>
      <c r="B76" s="22">
        <v>19</v>
      </c>
      <c r="C76" s="14">
        <v>22</v>
      </c>
      <c r="D76" s="18">
        <v>41</v>
      </c>
    </row>
    <row r="77" spans="1:4" ht="18" customHeight="1" x14ac:dyDescent="0.15">
      <c r="A77" s="5" t="s">
        <v>27</v>
      </c>
      <c r="B77" s="22">
        <v>144</v>
      </c>
      <c r="C77" s="14">
        <v>134</v>
      </c>
      <c r="D77" s="18">
        <v>278</v>
      </c>
    </row>
    <row r="78" spans="1:4" ht="18" customHeight="1" x14ac:dyDescent="0.15">
      <c r="A78" s="5">
        <v>60</v>
      </c>
      <c r="B78" s="22">
        <v>25</v>
      </c>
      <c r="C78" s="14">
        <v>17</v>
      </c>
      <c r="D78" s="18">
        <v>42</v>
      </c>
    </row>
    <row r="79" spans="1:4" ht="18" customHeight="1" x14ac:dyDescent="0.15">
      <c r="A79" s="5">
        <v>61</v>
      </c>
      <c r="B79" s="22">
        <v>24</v>
      </c>
      <c r="C79" s="14">
        <v>28</v>
      </c>
      <c r="D79" s="18">
        <v>52</v>
      </c>
    </row>
    <row r="80" spans="1:4" ht="18" customHeight="1" x14ac:dyDescent="0.15">
      <c r="A80" s="5">
        <v>62</v>
      </c>
      <c r="B80" s="22">
        <v>19</v>
      </c>
      <c r="C80" s="14">
        <v>14</v>
      </c>
      <c r="D80" s="18">
        <v>33</v>
      </c>
    </row>
    <row r="81" spans="1:4" ht="18" customHeight="1" x14ac:dyDescent="0.15">
      <c r="A81" s="5">
        <v>63</v>
      </c>
      <c r="B81" s="22">
        <v>19</v>
      </c>
      <c r="C81" s="14">
        <v>30</v>
      </c>
      <c r="D81" s="18">
        <v>49</v>
      </c>
    </row>
    <row r="82" spans="1:4" ht="18" customHeight="1" x14ac:dyDescent="0.15">
      <c r="A82" s="5">
        <v>64</v>
      </c>
      <c r="B82" s="22">
        <v>21</v>
      </c>
      <c r="C82" s="14">
        <v>18</v>
      </c>
      <c r="D82" s="18">
        <v>39</v>
      </c>
    </row>
    <row r="83" spans="1:4" ht="18" customHeight="1" x14ac:dyDescent="0.15">
      <c r="A83" s="5" t="s">
        <v>28</v>
      </c>
      <c r="B83" s="22">
        <v>108</v>
      </c>
      <c r="C83" s="14">
        <v>107</v>
      </c>
      <c r="D83" s="18">
        <v>215</v>
      </c>
    </row>
    <row r="84" spans="1:4" ht="18" customHeight="1" x14ac:dyDescent="0.15">
      <c r="A84" s="5" t="s">
        <v>31</v>
      </c>
      <c r="B84" s="22">
        <v>1113</v>
      </c>
      <c r="C84" s="14">
        <v>997</v>
      </c>
      <c r="D84" s="18">
        <v>2110</v>
      </c>
    </row>
    <row r="85" spans="1:4" ht="18" customHeight="1" x14ac:dyDescent="0.15">
      <c r="A85" s="5">
        <v>65</v>
      </c>
      <c r="B85" s="22">
        <v>23</v>
      </c>
      <c r="C85" s="14">
        <v>25</v>
      </c>
      <c r="D85" s="18">
        <v>48</v>
      </c>
    </row>
    <row r="86" spans="1:4" ht="18" customHeight="1" x14ac:dyDescent="0.15">
      <c r="A86" s="5">
        <v>66</v>
      </c>
      <c r="B86" s="22">
        <v>20</v>
      </c>
      <c r="C86" s="14">
        <v>21</v>
      </c>
      <c r="D86" s="18">
        <v>41</v>
      </c>
    </row>
    <row r="87" spans="1:4" ht="18" customHeight="1" x14ac:dyDescent="0.15">
      <c r="A87" s="5">
        <v>67</v>
      </c>
      <c r="B87" s="22">
        <v>19</v>
      </c>
      <c r="C87" s="14">
        <v>18</v>
      </c>
      <c r="D87" s="18">
        <v>37</v>
      </c>
    </row>
    <row r="88" spans="1:4" ht="18" customHeight="1" x14ac:dyDescent="0.15">
      <c r="A88" s="5">
        <v>68</v>
      </c>
      <c r="B88" s="22">
        <v>15</v>
      </c>
      <c r="C88" s="14">
        <v>35</v>
      </c>
      <c r="D88" s="18">
        <v>50</v>
      </c>
    </row>
    <row r="89" spans="1:4" ht="18" customHeight="1" x14ac:dyDescent="0.15">
      <c r="A89" s="5">
        <v>69</v>
      </c>
      <c r="B89" s="22">
        <v>27</v>
      </c>
      <c r="C89" s="14">
        <v>26</v>
      </c>
      <c r="D89" s="18">
        <v>53</v>
      </c>
    </row>
    <row r="90" spans="1:4" ht="18" customHeight="1" x14ac:dyDescent="0.15">
      <c r="A90" s="5" t="s">
        <v>20</v>
      </c>
      <c r="B90" s="22">
        <v>104</v>
      </c>
      <c r="C90" s="14">
        <v>125</v>
      </c>
      <c r="D90" s="18">
        <v>229</v>
      </c>
    </row>
    <row r="91" spans="1:4" ht="18" customHeight="1" x14ac:dyDescent="0.15">
      <c r="A91" s="5">
        <v>70</v>
      </c>
      <c r="B91" s="22">
        <v>21</v>
      </c>
      <c r="C91" s="14">
        <v>24</v>
      </c>
      <c r="D91" s="18">
        <v>45</v>
      </c>
    </row>
    <row r="92" spans="1:4" ht="18" customHeight="1" x14ac:dyDescent="0.15">
      <c r="A92" s="5">
        <v>71</v>
      </c>
      <c r="B92" s="22">
        <v>29</v>
      </c>
      <c r="C92" s="14">
        <v>22</v>
      </c>
      <c r="D92" s="18">
        <v>51</v>
      </c>
    </row>
    <row r="93" spans="1:4" ht="18" customHeight="1" x14ac:dyDescent="0.15">
      <c r="A93" s="5">
        <v>72</v>
      </c>
      <c r="B93" s="22">
        <v>23</v>
      </c>
      <c r="C93" s="14">
        <v>28</v>
      </c>
      <c r="D93" s="18">
        <v>51</v>
      </c>
    </row>
    <row r="94" spans="1:4" ht="18" customHeight="1" x14ac:dyDescent="0.15">
      <c r="A94" s="5">
        <v>73</v>
      </c>
      <c r="B94" s="22">
        <v>30</v>
      </c>
      <c r="C94" s="14">
        <v>22</v>
      </c>
      <c r="D94" s="18">
        <v>52</v>
      </c>
    </row>
    <row r="95" spans="1:4" ht="18" customHeight="1" x14ac:dyDescent="0.15">
      <c r="A95" s="5">
        <v>74</v>
      </c>
      <c r="B95" s="22">
        <v>20</v>
      </c>
      <c r="C95" s="14">
        <v>37</v>
      </c>
      <c r="D95" s="18">
        <v>57</v>
      </c>
    </row>
    <row r="96" spans="1:4" ht="18" customHeight="1" x14ac:dyDescent="0.15">
      <c r="A96" s="5" t="s">
        <v>33</v>
      </c>
      <c r="B96" s="22">
        <v>123</v>
      </c>
      <c r="C96" s="14">
        <v>133</v>
      </c>
      <c r="D96" s="18">
        <v>256</v>
      </c>
    </row>
    <row r="97" spans="1:4" ht="18" customHeight="1" x14ac:dyDescent="0.15">
      <c r="A97" s="5">
        <v>75</v>
      </c>
      <c r="B97" s="22">
        <v>34</v>
      </c>
      <c r="C97" s="14">
        <v>46</v>
      </c>
      <c r="D97" s="18">
        <v>80</v>
      </c>
    </row>
    <row r="98" spans="1:4" ht="18" customHeight="1" x14ac:dyDescent="0.15">
      <c r="A98" s="5">
        <v>76</v>
      </c>
      <c r="B98" s="22">
        <v>31</v>
      </c>
      <c r="C98" s="14">
        <v>41</v>
      </c>
      <c r="D98" s="18">
        <v>72</v>
      </c>
    </row>
    <row r="99" spans="1:4" ht="18" customHeight="1" x14ac:dyDescent="0.15">
      <c r="A99" s="5">
        <v>77</v>
      </c>
      <c r="B99" s="22">
        <v>30</v>
      </c>
      <c r="C99" s="14">
        <v>38</v>
      </c>
      <c r="D99" s="18">
        <v>68</v>
      </c>
    </row>
    <row r="100" spans="1:4" ht="18" customHeight="1" x14ac:dyDescent="0.15">
      <c r="A100" s="5">
        <v>78</v>
      </c>
      <c r="B100" s="22">
        <v>36</v>
      </c>
      <c r="C100" s="14">
        <v>56</v>
      </c>
      <c r="D100" s="18">
        <v>92</v>
      </c>
    </row>
    <row r="101" spans="1:4" ht="18" customHeight="1" x14ac:dyDescent="0.15">
      <c r="A101" s="5">
        <v>79</v>
      </c>
      <c r="B101" s="22">
        <v>35</v>
      </c>
      <c r="C101" s="14">
        <v>28</v>
      </c>
      <c r="D101" s="18">
        <v>63</v>
      </c>
    </row>
    <row r="102" spans="1:4" ht="18" customHeight="1" x14ac:dyDescent="0.15">
      <c r="A102" s="5" t="s">
        <v>0</v>
      </c>
      <c r="B102" s="22">
        <v>166</v>
      </c>
      <c r="C102" s="14">
        <v>209</v>
      </c>
      <c r="D102" s="18">
        <v>375</v>
      </c>
    </row>
    <row r="103" spans="1:4" ht="18" customHeight="1" x14ac:dyDescent="0.15">
      <c r="A103" s="5">
        <v>80</v>
      </c>
      <c r="B103" s="22">
        <v>23</v>
      </c>
      <c r="C103" s="14">
        <v>25</v>
      </c>
      <c r="D103" s="18">
        <v>48</v>
      </c>
    </row>
    <row r="104" spans="1:4" ht="18" customHeight="1" x14ac:dyDescent="0.15">
      <c r="A104" s="5">
        <v>81</v>
      </c>
      <c r="B104" s="22">
        <v>27</v>
      </c>
      <c r="C104" s="14">
        <v>26</v>
      </c>
      <c r="D104" s="18">
        <v>53</v>
      </c>
    </row>
    <row r="105" spans="1:4" ht="18" customHeight="1" x14ac:dyDescent="0.15">
      <c r="A105" s="5">
        <v>82</v>
      </c>
      <c r="B105" s="22">
        <v>19</v>
      </c>
      <c r="C105" s="14">
        <v>36</v>
      </c>
      <c r="D105" s="18">
        <v>55</v>
      </c>
    </row>
    <row r="106" spans="1:4" ht="18" customHeight="1" x14ac:dyDescent="0.15">
      <c r="A106" s="5">
        <v>83</v>
      </c>
      <c r="B106" s="22">
        <v>31</v>
      </c>
      <c r="C106" s="14">
        <v>23</v>
      </c>
      <c r="D106" s="18">
        <v>54</v>
      </c>
    </row>
    <row r="107" spans="1:4" ht="18" customHeight="1" x14ac:dyDescent="0.15">
      <c r="A107" s="5">
        <v>84</v>
      </c>
      <c r="B107" s="22">
        <v>27</v>
      </c>
      <c r="C107" s="14">
        <v>40</v>
      </c>
      <c r="D107" s="18">
        <v>67</v>
      </c>
    </row>
    <row r="108" spans="1:4" ht="18" customHeight="1" x14ac:dyDescent="0.15">
      <c r="A108" s="5" t="s">
        <v>35</v>
      </c>
      <c r="B108" s="22">
        <v>127</v>
      </c>
      <c r="C108" s="14">
        <v>150</v>
      </c>
      <c r="D108" s="18">
        <v>277</v>
      </c>
    </row>
    <row r="109" spans="1:4" ht="18" customHeight="1" x14ac:dyDescent="0.15">
      <c r="A109" s="5">
        <v>85</v>
      </c>
      <c r="B109" s="22">
        <v>16</v>
      </c>
      <c r="C109" s="14">
        <v>21</v>
      </c>
      <c r="D109" s="18">
        <v>37</v>
      </c>
    </row>
    <row r="110" spans="1:4" ht="18" customHeight="1" x14ac:dyDescent="0.15">
      <c r="A110" s="5">
        <v>86</v>
      </c>
      <c r="B110" s="22">
        <v>12</v>
      </c>
      <c r="C110" s="14">
        <v>23</v>
      </c>
      <c r="D110" s="18">
        <v>35</v>
      </c>
    </row>
    <row r="111" spans="1:4" ht="18" customHeight="1" x14ac:dyDescent="0.15">
      <c r="A111" s="5">
        <v>87</v>
      </c>
      <c r="B111" s="22">
        <v>9</v>
      </c>
      <c r="C111" s="14">
        <v>19</v>
      </c>
      <c r="D111" s="18">
        <v>28</v>
      </c>
    </row>
    <row r="112" spans="1:4" ht="18" customHeight="1" x14ac:dyDescent="0.15">
      <c r="A112" s="5">
        <v>88</v>
      </c>
      <c r="B112" s="22">
        <v>11</v>
      </c>
      <c r="C112" s="14">
        <v>17</v>
      </c>
      <c r="D112" s="18">
        <v>28</v>
      </c>
    </row>
    <row r="113" spans="1:4" ht="18" customHeight="1" x14ac:dyDescent="0.15">
      <c r="A113" s="5">
        <v>89</v>
      </c>
      <c r="B113" s="22">
        <v>8</v>
      </c>
      <c r="C113" s="14">
        <v>24</v>
      </c>
      <c r="D113" s="18">
        <v>32</v>
      </c>
    </row>
    <row r="114" spans="1:4" ht="18" customHeight="1" x14ac:dyDescent="0.15">
      <c r="A114" s="5" t="s">
        <v>37</v>
      </c>
      <c r="B114" s="22">
        <v>56</v>
      </c>
      <c r="C114" s="14">
        <v>104</v>
      </c>
      <c r="D114" s="18">
        <v>160</v>
      </c>
    </row>
    <row r="115" spans="1:4" ht="18" customHeight="1" x14ac:dyDescent="0.15">
      <c r="A115" s="5">
        <v>90</v>
      </c>
      <c r="B115" s="22">
        <v>8</v>
      </c>
      <c r="C115" s="14">
        <v>14</v>
      </c>
      <c r="D115" s="18">
        <v>22</v>
      </c>
    </row>
    <row r="116" spans="1:4" ht="18" customHeight="1" x14ac:dyDescent="0.15">
      <c r="A116" s="5">
        <v>91</v>
      </c>
      <c r="B116" s="22">
        <v>6</v>
      </c>
      <c r="C116" s="14">
        <v>12</v>
      </c>
      <c r="D116" s="18">
        <v>18</v>
      </c>
    </row>
    <row r="117" spans="1:4" ht="18" customHeight="1" x14ac:dyDescent="0.15">
      <c r="A117" s="5">
        <v>92</v>
      </c>
      <c r="B117" s="22">
        <v>2</v>
      </c>
      <c r="C117" s="14">
        <v>7</v>
      </c>
      <c r="D117" s="18">
        <v>9</v>
      </c>
    </row>
    <row r="118" spans="1:4" ht="18" customHeight="1" x14ac:dyDescent="0.15">
      <c r="A118" s="5">
        <v>93</v>
      </c>
      <c r="B118" s="22">
        <v>1</v>
      </c>
      <c r="C118" s="14">
        <v>6</v>
      </c>
      <c r="D118" s="18">
        <v>7</v>
      </c>
    </row>
    <row r="119" spans="1:4" ht="18" customHeight="1" x14ac:dyDescent="0.15">
      <c r="A119" s="5">
        <v>94</v>
      </c>
      <c r="B119" s="22">
        <v>2</v>
      </c>
      <c r="C119" s="14">
        <v>12</v>
      </c>
      <c r="D119" s="18">
        <v>14</v>
      </c>
    </row>
    <row r="120" spans="1:4" ht="18" customHeight="1" x14ac:dyDescent="0.15">
      <c r="A120" s="5" t="s">
        <v>39</v>
      </c>
      <c r="B120" s="22">
        <v>19</v>
      </c>
      <c r="C120" s="14">
        <v>51</v>
      </c>
      <c r="D120" s="18">
        <v>70</v>
      </c>
    </row>
    <row r="121" spans="1:4" ht="18" customHeight="1" x14ac:dyDescent="0.15">
      <c r="A121" s="5">
        <v>95</v>
      </c>
      <c r="B121" s="22">
        <v>3</v>
      </c>
      <c r="C121" s="14">
        <v>4</v>
      </c>
      <c r="D121" s="18">
        <v>7</v>
      </c>
    </row>
    <row r="122" spans="1:4" ht="18" customHeight="1" x14ac:dyDescent="0.15">
      <c r="A122" s="5">
        <v>96</v>
      </c>
      <c r="B122" s="22">
        <v>1</v>
      </c>
      <c r="C122" s="14">
        <v>4</v>
      </c>
      <c r="D122" s="18">
        <v>5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7</v>
      </c>
      <c r="C126" s="14">
        <v>12</v>
      </c>
      <c r="D126" s="18">
        <v>19</v>
      </c>
    </row>
    <row r="127" spans="1:4" ht="18" customHeight="1" x14ac:dyDescent="0.15">
      <c r="A127" s="5">
        <v>100</v>
      </c>
      <c r="B127" s="22">
        <v>1</v>
      </c>
      <c r="C127" s="14">
        <v>5</v>
      </c>
      <c r="D127" s="18">
        <v>6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1</v>
      </c>
      <c r="C129" s="14">
        <v>6</v>
      </c>
      <c r="D129" s="18">
        <v>7</v>
      </c>
    </row>
    <row r="130" spans="1:4" ht="18" customHeight="1" x14ac:dyDescent="0.15">
      <c r="A130" s="5" t="s">
        <v>46</v>
      </c>
      <c r="B130" s="22">
        <v>603</v>
      </c>
      <c r="C130" s="14">
        <v>790</v>
      </c>
      <c r="D130" s="18">
        <v>1393</v>
      </c>
    </row>
    <row r="131" spans="1:4" ht="18" customHeight="1" x14ac:dyDescent="0.15">
      <c r="A131" s="7" t="s">
        <v>45</v>
      </c>
      <c r="B131" s="23">
        <v>1883</v>
      </c>
      <c r="C131" s="15">
        <v>1928</v>
      </c>
      <c r="D131" s="19">
        <v>381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D00-000000000000}">
  <sheetPr codeName="Sheet5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0</v>
      </c>
      <c r="C5" s="13">
        <v>1</v>
      </c>
      <c r="D5" s="17">
        <v>1</v>
      </c>
    </row>
    <row r="6" spans="1:4" ht="18" customHeight="1" x14ac:dyDescent="0.15">
      <c r="A6" s="5">
        <v>1</v>
      </c>
      <c r="B6" s="22">
        <v>4</v>
      </c>
      <c r="C6" s="14">
        <v>3</v>
      </c>
      <c r="D6" s="18">
        <v>7</v>
      </c>
    </row>
    <row r="7" spans="1:4" ht="18" customHeight="1" x14ac:dyDescent="0.15">
      <c r="A7" s="5">
        <v>2</v>
      </c>
      <c r="B7" s="22">
        <v>2</v>
      </c>
      <c r="C7" s="14">
        <v>2</v>
      </c>
      <c r="D7" s="18">
        <v>4</v>
      </c>
    </row>
    <row r="8" spans="1:4" ht="18" customHeight="1" x14ac:dyDescent="0.15">
      <c r="A8" s="5">
        <v>3</v>
      </c>
      <c r="B8" s="22">
        <v>4</v>
      </c>
      <c r="C8" s="14">
        <v>5</v>
      </c>
      <c r="D8" s="18">
        <v>9</v>
      </c>
    </row>
    <row r="9" spans="1:4" ht="18" customHeight="1" x14ac:dyDescent="0.15">
      <c r="A9" s="5">
        <v>4</v>
      </c>
      <c r="B9" s="22">
        <v>4</v>
      </c>
      <c r="C9" s="14">
        <v>4</v>
      </c>
      <c r="D9" s="18">
        <v>8</v>
      </c>
    </row>
    <row r="10" spans="1:4" ht="18" customHeight="1" x14ac:dyDescent="0.15">
      <c r="A10" s="5" t="s">
        <v>7</v>
      </c>
      <c r="B10" s="22">
        <v>14</v>
      </c>
      <c r="C10" s="14">
        <v>15</v>
      </c>
      <c r="D10" s="18">
        <v>29</v>
      </c>
    </row>
    <row r="11" spans="1:4" ht="18" customHeight="1" x14ac:dyDescent="0.15">
      <c r="A11" s="5">
        <v>5</v>
      </c>
      <c r="B11" s="22">
        <v>4</v>
      </c>
      <c r="C11" s="14">
        <v>4</v>
      </c>
      <c r="D11" s="18">
        <v>8</v>
      </c>
    </row>
    <row r="12" spans="1:4" ht="18" customHeight="1" x14ac:dyDescent="0.15">
      <c r="A12" s="5">
        <v>6</v>
      </c>
      <c r="B12" s="22">
        <v>4</v>
      </c>
      <c r="C12" s="14">
        <v>3</v>
      </c>
      <c r="D12" s="18">
        <v>7</v>
      </c>
    </row>
    <row r="13" spans="1:4" ht="18" customHeight="1" x14ac:dyDescent="0.15">
      <c r="A13" s="5">
        <v>7</v>
      </c>
      <c r="B13" s="22">
        <v>3</v>
      </c>
      <c r="C13" s="14">
        <v>1</v>
      </c>
      <c r="D13" s="18">
        <v>4</v>
      </c>
    </row>
    <row r="14" spans="1:4" ht="18" customHeight="1" x14ac:dyDescent="0.15">
      <c r="A14" s="5">
        <v>8</v>
      </c>
      <c r="B14" s="22">
        <v>4</v>
      </c>
      <c r="C14" s="14">
        <v>0</v>
      </c>
      <c r="D14" s="18">
        <v>4</v>
      </c>
    </row>
    <row r="15" spans="1:4" ht="18" customHeight="1" x14ac:dyDescent="0.15">
      <c r="A15" s="5">
        <v>9</v>
      </c>
      <c r="B15" s="22">
        <v>6</v>
      </c>
      <c r="C15" s="14">
        <v>3</v>
      </c>
      <c r="D15" s="18">
        <v>9</v>
      </c>
    </row>
    <row r="16" spans="1:4" ht="18" customHeight="1" x14ac:dyDescent="0.15">
      <c r="A16" s="5" t="s">
        <v>11</v>
      </c>
      <c r="B16" s="22">
        <v>21</v>
      </c>
      <c r="C16" s="14">
        <v>11</v>
      </c>
      <c r="D16" s="18">
        <v>32</v>
      </c>
    </row>
    <row r="17" spans="1:4" ht="18" customHeight="1" x14ac:dyDescent="0.15">
      <c r="A17" s="5">
        <v>10</v>
      </c>
      <c r="B17" s="22">
        <v>5</v>
      </c>
      <c r="C17" s="14">
        <v>11</v>
      </c>
      <c r="D17" s="18">
        <v>16</v>
      </c>
    </row>
    <row r="18" spans="1:4" ht="18" customHeight="1" x14ac:dyDescent="0.15">
      <c r="A18" s="5">
        <v>11</v>
      </c>
      <c r="B18" s="22">
        <v>1</v>
      </c>
      <c r="C18" s="14">
        <v>4</v>
      </c>
      <c r="D18" s="18">
        <v>5</v>
      </c>
    </row>
    <row r="19" spans="1:4" ht="18" customHeight="1" x14ac:dyDescent="0.15">
      <c r="A19" s="5">
        <v>12</v>
      </c>
      <c r="B19" s="22">
        <v>9</v>
      </c>
      <c r="C19" s="14">
        <v>9</v>
      </c>
      <c r="D19" s="18">
        <v>18</v>
      </c>
    </row>
    <row r="20" spans="1:4" ht="18" customHeight="1" x14ac:dyDescent="0.15">
      <c r="A20" s="5">
        <v>13</v>
      </c>
      <c r="B20" s="22">
        <v>2</v>
      </c>
      <c r="C20" s="14">
        <v>5</v>
      </c>
      <c r="D20" s="18">
        <v>7</v>
      </c>
    </row>
    <row r="21" spans="1:4" ht="18" customHeight="1" x14ac:dyDescent="0.15">
      <c r="A21" s="5">
        <v>14</v>
      </c>
      <c r="B21" s="22">
        <v>9</v>
      </c>
      <c r="C21" s="14">
        <v>4</v>
      </c>
      <c r="D21" s="18">
        <v>13</v>
      </c>
    </row>
    <row r="22" spans="1:4" ht="18" customHeight="1" x14ac:dyDescent="0.15">
      <c r="A22" s="5" t="s">
        <v>12</v>
      </c>
      <c r="B22" s="22">
        <v>26</v>
      </c>
      <c r="C22" s="14">
        <v>33</v>
      </c>
      <c r="D22" s="18">
        <v>59</v>
      </c>
    </row>
    <row r="23" spans="1:4" ht="18" customHeight="1" x14ac:dyDescent="0.15">
      <c r="A23" s="5" t="s">
        <v>6</v>
      </c>
      <c r="B23" s="22">
        <v>61</v>
      </c>
      <c r="C23" s="14">
        <v>59</v>
      </c>
      <c r="D23" s="18">
        <v>120</v>
      </c>
    </row>
    <row r="24" spans="1:4" ht="18" customHeight="1" x14ac:dyDescent="0.15">
      <c r="A24" s="5">
        <v>15</v>
      </c>
      <c r="B24" s="22">
        <v>6</v>
      </c>
      <c r="C24" s="14">
        <v>4</v>
      </c>
      <c r="D24" s="18">
        <v>10</v>
      </c>
    </row>
    <row r="25" spans="1:4" ht="18" customHeight="1" x14ac:dyDescent="0.15">
      <c r="A25" s="5">
        <v>16</v>
      </c>
      <c r="B25" s="22">
        <v>7</v>
      </c>
      <c r="C25" s="14">
        <v>8</v>
      </c>
      <c r="D25" s="18">
        <v>15</v>
      </c>
    </row>
    <row r="26" spans="1:4" ht="18" customHeight="1" x14ac:dyDescent="0.15">
      <c r="A26" s="5">
        <v>17</v>
      </c>
      <c r="B26" s="22">
        <v>9</v>
      </c>
      <c r="C26" s="14">
        <v>6</v>
      </c>
      <c r="D26" s="18">
        <v>15</v>
      </c>
    </row>
    <row r="27" spans="1:4" ht="18" customHeight="1" x14ac:dyDescent="0.15">
      <c r="A27" s="5">
        <v>18</v>
      </c>
      <c r="B27" s="22">
        <v>5</v>
      </c>
      <c r="C27" s="14">
        <v>2</v>
      </c>
      <c r="D27" s="18">
        <v>7</v>
      </c>
    </row>
    <row r="28" spans="1:4" ht="18" customHeight="1" x14ac:dyDescent="0.15">
      <c r="A28" s="5">
        <v>19</v>
      </c>
      <c r="B28" s="22">
        <v>11</v>
      </c>
      <c r="C28" s="14">
        <v>4</v>
      </c>
      <c r="D28" s="18">
        <v>15</v>
      </c>
    </row>
    <row r="29" spans="1:4" ht="18" customHeight="1" x14ac:dyDescent="0.15">
      <c r="A29" s="5" t="s">
        <v>14</v>
      </c>
      <c r="B29" s="22">
        <v>38</v>
      </c>
      <c r="C29" s="14">
        <v>24</v>
      </c>
      <c r="D29" s="18">
        <v>62</v>
      </c>
    </row>
    <row r="30" spans="1:4" ht="18" customHeight="1" x14ac:dyDescent="0.15">
      <c r="A30" s="5">
        <v>20</v>
      </c>
      <c r="B30" s="22">
        <v>7</v>
      </c>
      <c r="C30" s="14">
        <v>5</v>
      </c>
      <c r="D30" s="18">
        <v>12</v>
      </c>
    </row>
    <row r="31" spans="1:4" ht="18" customHeight="1" x14ac:dyDescent="0.15">
      <c r="A31" s="5">
        <v>21</v>
      </c>
      <c r="B31" s="22">
        <v>6</v>
      </c>
      <c r="C31" s="14">
        <v>3</v>
      </c>
      <c r="D31" s="18">
        <v>9</v>
      </c>
    </row>
    <row r="32" spans="1:4" ht="18" customHeight="1" x14ac:dyDescent="0.15">
      <c r="A32" s="5">
        <v>22</v>
      </c>
      <c r="B32" s="22">
        <v>8</v>
      </c>
      <c r="C32" s="14">
        <v>5</v>
      </c>
      <c r="D32" s="18">
        <v>13</v>
      </c>
    </row>
    <row r="33" spans="1:4" ht="18" customHeight="1" x14ac:dyDescent="0.15">
      <c r="A33" s="5">
        <v>23</v>
      </c>
      <c r="B33" s="22">
        <v>4</v>
      </c>
      <c r="C33" s="14">
        <v>7</v>
      </c>
      <c r="D33" s="18">
        <v>11</v>
      </c>
    </row>
    <row r="34" spans="1:4" ht="18" customHeight="1" x14ac:dyDescent="0.15">
      <c r="A34" s="5">
        <v>24</v>
      </c>
      <c r="B34" s="22">
        <v>6</v>
      </c>
      <c r="C34" s="14">
        <v>2</v>
      </c>
      <c r="D34" s="18">
        <v>8</v>
      </c>
    </row>
    <row r="35" spans="1:4" ht="18" customHeight="1" x14ac:dyDescent="0.15">
      <c r="A35" s="5" t="s">
        <v>9</v>
      </c>
      <c r="B35" s="22">
        <v>31</v>
      </c>
      <c r="C35" s="14">
        <v>22</v>
      </c>
      <c r="D35" s="18">
        <v>53</v>
      </c>
    </row>
    <row r="36" spans="1:4" ht="18" customHeight="1" x14ac:dyDescent="0.15">
      <c r="A36" s="5">
        <v>25</v>
      </c>
      <c r="B36" s="22">
        <v>5</v>
      </c>
      <c r="C36" s="14">
        <v>3</v>
      </c>
      <c r="D36" s="18">
        <v>8</v>
      </c>
    </row>
    <row r="37" spans="1:4" ht="18" customHeight="1" x14ac:dyDescent="0.15">
      <c r="A37" s="5">
        <v>26</v>
      </c>
      <c r="B37" s="22">
        <v>6</v>
      </c>
      <c r="C37" s="14">
        <v>5</v>
      </c>
      <c r="D37" s="18">
        <v>11</v>
      </c>
    </row>
    <row r="38" spans="1:4" ht="18" customHeight="1" x14ac:dyDescent="0.15">
      <c r="A38" s="5">
        <v>27</v>
      </c>
      <c r="B38" s="22">
        <v>3</v>
      </c>
      <c r="C38" s="14">
        <v>0</v>
      </c>
      <c r="D38" s="18">
        <v>3</v>
      </c>
    </row>
    <row r="39" spans="1:4" ht="18" customHeight="1" x14ac:dyDescent="0.15">
      <c r="A39" s="5">
        <v>28</v>
      </c>
      <c r="B39" s="22">
        <v>4</v>
      </c>
      <c r="C39" s="14">
        <v>4</v>
      </c>
      <c r="D39" s="18">
        <v>8</v>
      </c>
    </row>
    <row r="40" spans="1:4" ht="18" customHeight="1" x14ac:dyDescent="0.15">
      <c r="A40" s="5">
        <v>29</v>
      </c>
      <c r="B40" s="22">
        <v>3</v>
      </c>
      <c r="C40" s="14">
        <v>2</v>
      </c>
      <c r="D40" s="18">
        <v>5</v>
      </c>
    </row>
    <row r="41" spans="1:4" ht="18" customHeight="1" x14ac:dyDescent="0.15">
      <c r="A41" s="5" t="s">
        <v>2</v>
      </c>
      <c r="B41" s="22">
        <v>21</v>
      </c>
      <c r="C41" s="14">
        <v>14</v>
      </c>
      <c r="D41" s="18">
        <v>35</v>
      </c>
    </row>
    <row r="42" spans="1:4" ht="18" customHeight="1" x14ac:dyDescent="0.15">
      <c r="A42" s="5">
        <v>30</v>
      </c>
      <c r="B42" s="22">
        <v>8</v>
      </c>
      <c r="C42" s="14">
        <v>6</v>
      </c>
      <c r="D42" s="18">
        <v>14</v>
      </c>
    </row>
    <row r="43" spans="1:4" ht="18" customHeight="1" x14ac:dyDescent="0.15">
      <c r="A43" s="5">
        <v>31</v>
      </c>
      <c r="B43" s="22">
        <v>3</v>
      </c>
      <c r="C43" s="14">
        <v>3</v>
      </c>
      <c r="D43" s="18">
        <v>6</v>
      </c>
    </row>
    <row r="44" spans="1:4" ht="18" customHeight="1" x14ac:dyDescent="0.15">
      <c r="A44" s="5">
        <v>32</v>
      </c>
      <c r="B44" s="22">
        <v>4</v>
      </c>
      <c r="C44" s="14">
        <v>3</v>
      </c>
      <c r="D44" s="18">
        <v>7</v>
      </c>
    </row>
    <row r="45" spans="1:4" ht="18" customHeight="1" x14ac:dyDescent="0.15">
      <c r="A45" s="5">
        <v>33</v>
      </c>
      <c r="B45" s="22">
        <v>6</v>
      </c>
      <c r="C45" s="14">
        <v>5</v>
      </c>
      <c r="D45" s="18">
        <v>11</v>
      </c>
    </row>
    <row r="46" spans="1:4" ht="18" customHeight="1" x14ac:dyDescent="0.15">
      <c r="A46" s="5">
        <v>34</v>
      </c>
      <c r="B46" s="22">
        <v>5</v>
      </c>
      <c r="C46" s="14">
        <v>7</v>
      </c>
      <c r="D46" s="18">
        <v>12</v>
      </c>
    </row>
    <row r="47" spans="1:4" ht="18" customHeight="1" x14ac:dyDescent="0.15">
      <c r="A47" s="5" t="s">
        <v>15</v>
      </c>
      <c r="B47" s="22">
        <v>26</v>
      </c>
      <c r="C47" s="14">
        <v>24</v>
      </c>
      <c r="D47" s="18">
        <v>50</v>
      </c>
    </row>
    <row r="48" spans="1:4" ht="18" customHeight="1" x14ac:dyDescent="0.15">
      <c r="A48" s="5">
        <v>35</v>
      </c>
      <c r="B48" s="22">
        <v>6</v>
      </c>
      <c r="C48" s="14">
        <v>5</v>
      </c>
      <c r="D48" s="18">
        <v>11</v>
      </c>
    </row>
    <row r="49" spans="1:4" ht="18" customHeight="1" x14ac:dyDescent="0.15">
      <c r="A49" s="5">
        <v>36</v>
      </c>
      <c r="B49" s="22">
        <v>7</v>
      </c>
      <c r="C49" s="14">
        <v>7</v>
      </c>
      <c r="D49" s="18">
        <v>14</v>
      </c>
    </row>
    <row r="50" spans="1:4" ht="18" customHeight="1" x14ac:dyDescent="0.15">
      <c r="A50" s="5">
        <v>37</v>
      </c>
      <c r="B50" s="22">
        <v>10</v>
      </c>
      <c r="C50" s="14">
        <v>5</v>
      </c>
      <c r="D50" s="18">
        <v>15</v>
      </c>
    </row>
    <row r="51" spans="1:4" ht="18" customHeight="1" x14ac:dyDescent="0.15">
      <c r="A51" s="5">
        <v>38</v>
      </c>
      <c r="B51" s="22">
        <v>8</v>
      </c>
      <c r="C51" s="14">
        <v>3</v>
      </c>
      <c r="D51" s="18">
        <v>11</v>
      </c>
    </row>
    <row r="52" spans="1:4" ht="18" customHeight="1" x14ac:dyDescent="0.15">
      <c r="A52" s="5">
        <v>39</v>
      </c>
      <c r="B52" s="22">
        <v>12</v>
      </c>
      <c r="C52" s="14">
        <v>6</v>
      </c>
      <c r="D52" s="18">
        <v>18</v>
      </c>
    </row>
    <row r="53" spans="1:4" ht="18" customHeight="1" x14ac:dyDescent="0.15">
      <c r="A53" s="5" t="s">
        <v>18</v>
      </c>
      <c r="B53" s="22">
        <v>43</v>
      </c>
      <c r="C53" s="14">
        <v>26</v>
      </c>
      <c r="D53" s="18">
        <v>69</v>
      </c>
    </row>
    <row r="54" spans="1:4" ht="18" customHeight="1" x14ac:dyDescent="0.15">
      <c r="A54" s="5">
        <v>40</v>
      </c>
      <c r="B54" s="22">
        <v>10</v>
      </c>
      <c r="C54" s="14">
        <v>11</v>
      </c>
      <c r="D54" s="18">
        <v>21</v>
      </c>
    </row>
    <row r="55" spans="1:4" ht="18" customHeight="1" x14ac:dyDescent="0.15">
      <c r="A55" s="5">
        <v>41</v>
      </c>
      <c r="B55" s="22">
        <v>9</v>
      </c>
      <c r="C55" s="14">
        <v>8</v>
      </c>
      <c r="D55" s="18">
        <v>17</v>
      </c>
    </row>
    <row r="56" spans="1:4" ht="18" customHeight="1" x14ac:dyDescent="0.15">
      <c r="A56" s="5">
        <v>42</v>
      </c>
      <c r="B56" s="22">
        <v>6</v>
      </c>
      <c r="C56" s="14">
        <v>8</v>
      </c>
      <c r="D56" s="18">
        <v>14</v>
      </c>
    </row>
    <row r="57" spans="1:4" ht="18" customHeight="1" x14ac:dyDescent="0.15">
      <c r="A57" s="5">
        <v>43</v>
      </c>
      <c r="B57" s="22">
        <v>8</v>
      </c>
      <c r="C57" s="14">
        <v>3</v>
      </c>
      <c r="D57" s="18">
        <v>11</v>
      </c>
    </row>
    <row r="58" spans="1:4" ht="18" customHeight="1" x14ac:dyDescent="0.15">
      <c r="A58" s="5">
        <v>44</v>
      </c>
      <c r="B58" s="22">
        <v>10</v>
      </c>
      <c r="C58" s="14">
        <v>8</v>
      </c>
      <c r="D58" s="18">
        <v>18</v>
      </c>
    </row>
    <row r="59" spans="1:4" ht="18" customHeight="1" x14ac:dyDescent="0.15">
      <c r="A59" s="5" t="s">
        <v>21</v>
      </c>
      <c r="B59" s="22">
        <v>43</v>
      </c>
      <c r="C59" s="14">
        <v>38</v>
      </c>
      <c r="D59" s="18">
        <v>81</v>
      </c>
    </row>
    <row r="60" spans="1:4" ht="18" customHeight="1" x14ac:dyDescent="0.15">
      <c r="A60" s="5">
        <v>45</v>
      </c>
      <c r="B60" s="22">
        <v>6</v>
      </c>
      <c r="C60" s="14">
        <v>4</v>
      </c>
      <c r="D60" s="18">
        <v>10</v>
      </c>
    </row>
    <row r="61" spans="1:4" ht="18" customHeight="1" x14ac:dyDescent="0.15">
      <c r="A61" s="5">
        <v>46</v>
      </c>
      <c r="B61" s="22">
        <v>11</v>
      </c>
      <c r="C61" s="14">
        <v>6</v>
      </c>
      <c r="D61" s="18">
        <v>17</v>
      </c>
    </row>
    <row r="62" spans="1:4" ht="18" customHeight="1" x14ac:dyDescent="0.15">
      <c r="A62" s="5">
        <v>47</v>
      </c>
      <c r="B62" s="22">
        <v>9</v>
      </c>
      <c r="C62" s="14">
        <v>12</v>
      </c>
      <c r="D62" s="18">
        <v>21</v>
      </c>
    </row>
    <row r="63" spans="1:4" ht="18" customHeight="1" x14ac:dyDescent="0.15">
      <c r="A63" s="5">
        <v>48</v>
      </c>
      <c r="B63" s="22">
        <v>10</v>
      </c>
      <c r="C63" s="14">
        <v>9</v>
      </c>
      <c r="D63" s="18">
        <v>19</v>
      </c>
    </row>
    <row r="64" spans="1:4" ht="18" customHeight="1" x14ac:dyDescent="0.15">
      <c r="A64" s="5">
        <v>49</v>
      </c>
      <c r="B64" s="22">
        <v>15</v>
      </c>
      <c r="C64" s="14">
        <v>10</v>
      </c>
      <c r="D64" s="18">
        <v>25</v>
      </c>
    </row>
    <row r="65" spans="1:4" ht="18" customHeight="1" x14ac:dyDescent="0.15">
      <c r="A65" s="5" t="s">
        <v>17</v>
      </c>
      <c r="B65" s="22">
        <v>51</v>
      </c>
      <c r="C65" s="14">
        <v>41</v>
      </c>
      <c r="D65" s="18">
        <v>92</v>
      </c>
    </row>
    <row r="66" spans="1:4" ht="18" customHeight="1" x14ac:dyDescent="0.15">
      <c r="A66" s="5">
        <v>50</v>
      </c>
      <c r="B66" s="22">
        <v>13</v>
      </c>
      <c r="C66" s="14">
        <v>9</v>
      </c>
      <c r="D66" s="18">
        <v>22</v>
      </c>
    </row>
    <row r="67" spans="1:4" ht="18" customHeight="1" x14ac:dyDescent="0.15">
      <c r="A67" s="5">
        <v>51</v>
      </c>
      <c r="B67" s="22">
        <v>14</v>
      </c>
      <c r="C67" s="14">
        <v>14</v>
      </c>
      <c r="D67" s="18">
        <v>28</v>
      </c>
    </row>
    <row r="68" spans="1:4" ht="18" customHeight="1" x14ac:dyDescent="0.15">
      <c r="A68" s="5">
        <v>52</v>
      </c>
      <c r="B68" s="22">
        <v>17</v>
      </c>
      <c r="C68" s="14">
        <v>14</v>
      </c>
      <c r="D68" s="18">
        <v>31</v>
      </c>
    </row>
    <row r="69" spans="1:4" ht="18" customHeight="1" x14ac:dyDescent="0.15">
      <c r="A69" s="5">
        <v>53</v>
      </c>
      <c r="B69" s="22">
        <v>15</v>
      </c>
      <c r="C69" s="14">
        <v>11</v>
      </c>
      <c r="D69" s="18">
        <v>26</v>
      </c>
    </row>
    <row r="70" spans="1:4" ht="18" customHeight="1" x14ac:dyDescent="0.15">
      <c r="A70" s="5">
        <v>54</v>
      </c>
      <c r="B70" s="22">
        <v>11</v>
      </c>
      <c r="C70" s="14">
        <v>10</v>
      </c>
      <c r="D70" s="18">
        <v>21</v>
      </c>
    </row>
    <row r="71" spans="1:4" ht="18" customHeight="1" x14ac:dyDescent="0.15">
      <c r="A71" s="5" t="s">
        <v>22</v>
      </c>
      <c r="B71" s="22">
        <v>70</v>
      </c>
      <c r="C71" s="14">
        <v>58</v>
      </c>
      <c r="D71" s="18">
        <v>128</v>
      </c>
    </row>
    <row r="72" spans="1:4" ht="18" customHeight="1" x14ac:dyDescent="0.15">
      <c r="A72" s="5">
        <v>55</v>
      </c>
      <c r="B72" s="22">
        <v>11</v>
      </c>
      <c r="C72" s="14">
        <v>16</v>
      </c>
      <c r="D72" s="18">
        <v>27</v>
      </c>
    </row>
    <row r="73" spans="1:4" ht="18" customHeight="1" x14ac:dyDescent="0.15">
      <c r="A73" s="5">
        <v>56</v>
      </c>
      <c r="B73" s="22">
        <v>12</v>
      </c>
      <c r="C73" s="14">
        <v>8</v>
      </c>
      <c r="D73" s="18">
        <v>20</v>
      </c>
    </row>
    <row r="74" spans="1:4" ht="18" customHeight="1" x14ac:dyDescent="0.15">
      <c r="A74" s="5">
        <v>57</v>
      </c>
      <c r="B74" s="22">
        <v>12</v>
      </c>
      <c r="C74" s="14">
        <v>9</v>
      </c>
      <c r="D74" s="18">
        <v>21</v>
      </c>
    </row>
    <row r="75" spans="1:4" ht="18" customHeight="1" x14ac:dyDescent="0.15">
      <c r="A75" s="5">
        <v>58</v>
      </c>
      <c r="B75" s="22">
        <v>18</v>
      </c>
      <c r="C75" s="14">
        <v>9</v>
      </c>
      <c r="D75" s="18">
        <v>27</v>
      </c>
    </row>
    <row r="76" spans="1:4" ht="18" customHeight="1" x14ac:dyDescent="0.15">
      <c r="A76" s="5">
        <v>59</v>
      </c>
      <c r="B76" s="22">
        <v>7</v>
      </c>
      <c r="C76" s="14">
        <v>11</v>
      </c>
      <c r="D76" s="18">
        <v>18</v>
      </c>
    </row>
    <row r="77" spans="1:4" ht="18" customHeight="1" x14ac:dyDescent="0.15">
      <c r="A77" s="5" t="s">
        <v>27</v>
      </c>
      <c r="B77" s="22">
        <v>60</v>
      </c>
      <c r="C77" s="14">
        <v>53</v>
      </c>
      <c r="D77" s="18">
        <v>113</v>
      </c>
    </row>
    <row r="78" spans="1:4" ht="18" customHeight="1" x14ac:dyDescent="0.15">
      <c r="A78" s="5">
        <v>60</v>
      </c>
      <c r="B78" s="22">
        <v>9</v>
      </c>
      <c r="C78" s="14">
        <v>15</v>
      </c>
      <c r="D78" s="18">
        <v>24</v>
      </c>
    </row>
    <row r="79" spans="1:4" ht="18" customHeight="1" x14ac:dyDescent="0.15">
      <c r="A79" s="5">
        <v>61</v>
      </c>
      <c r="B79" s="22">
        <v>15</v>
      </c>
      <c r="C79" s="14">
        <v>13</v>
      </c>
      <c r="D79" s="18">
        <v>28</v>
      </c>
    </row>
    <row r="80" spans="1:4" ht="18" customHeight="1" x14ac:dyDescent="0.15">
      <c r="A80" s="5">
        <v>62</v>
      </c>
      <c r="B80" s="22">
        <v>1</v>
      </c>
      <c r="C80" s="14">
        <v>10</v>
      </c>
      <c r="D80" s="18">
        <v>11</v>
      </c>
    </row>
    <row r="81" spans="1:4" ht="18" customHeight="1" x14ac:dyDescent="0.15">
      <c r="A81" s="5">
        <v>63</v>
      </c>
      <c r="B81" s="22">
        <v>11</v>
      </c>
      <c r="C81" s="14">
        <v>16</v>
      </c>
      <c r="D81" s="18">
        <v>27</v>
      </c>
    </row>
    <row r="82" spans="1:4" ht="18" customHeight="1" x14ac:dyDescent="0.15">
      <c r="A82" s="5">
        <v>64</v>
      </c>
      <c r="B82" s="22">
        <v>12</v>
      </c>
      <c r="C82" s="14">
        <v>13</v>
      </c>
      <c r="D82" s="18">
        <v>25</v>
      </c>
    </row>
    <row r="83" spans="1:4" ht="18" customHeight="1" x14ac:dyDescent="0.15">
      <c r="A83" s="5" t="s">
        <v>28</v>
      </c>
      <c r="B83" s="22">
        <v>48</v>
      </c>
      <c r="C83" s="14">
        <v>67</v>
      </c>
      <c r="D83" s="18">
        <v>115</v>
      </c>
    </row>
    <row r="84" spans="1:4" ht="18" customHeight="1" x14ac:dyDescent="0.15">
      <c r="A84" s="5" t="s">
        <v>31</v>
      </c>
      <c r="B84" s="22">
        <v>431</v>
      </c>
      <c r="C84" s="14">
        <v>367</v>
      </c>
      <c r="D84" s="18">
        <v>798</v>
      </c>
    </row>
    <row r="85" spans="1:4" ht="18" customHeight="1" x14ac:dyDescent="0.15">
      <c r="A85" s="5">
        <v>65</v>
      </c>
      <c r="B85" s="22">
        <v>14</v>
      </c>
      <c r="C85" s="14">
        <v>11</v>
      </c>
      <c r="D85" s="18">
        <v>25</v>
      </c>
    </row>
    <row r="86" spans="1:4" ht="18" customHeight="1" x14ac:dyDescent="0.15">
      <c r="A86" s="5">
        <v>66</v>
      </c>
      <c r="B86" s="22">
        <v>13</v>
      </c>
      <c r="C86" s="14">
        <v>11</v>
      </c>
      <c r="D86" s="18">
        <v>24</v>
      </c>
    </row>
    <row r="87" spans="1:4" ht="18" customHeight="1" x14ac:dyDescent="0.15">
      <c r="A87" s="5">
        <v>67</v>
      </c>
      <c r="B87" s="22">
        <v>14</v>
      </c>
      <c r="C87" s="14">
        <v>11</v>
      </c>
      <c r="D87" s="18">
        <v>25</v>
      </c>
    </row>
    <row r="88" spans="1:4" ht="18" customHeight="1" x14ac:dyDescent="0.15">
      <c r="A88" s="5">
        <v>68</v>
      </c>
      <c r="B88" s="22">
        <v>15</v>
      </c>
      <c r="C88" s="14">
        <v>15</v>
      </c>
      <c r="D88" s="18">
        <v>30</v>
      </c>
    </row>
    <row r="89" spans="1:4" ht="18" customHeight="1" x14ac:dyDescent="0.15">
      <c r="A89" s="5">
        <v>69</v>
      </c>
      <c r="B89" s="22">
        <v>8</v>
      </c>
      <c r="C89" s="14">
        <v>12</v>
      </c>
      <c r="D89" s="18">
        <v>20</v>
      </c>
    </row>
    <row r="90" spans="1:4" ht="18" customHeight="1" x14ac:dyDescent="0.15">
      <c r="A90" s="5" t="s">
        <v>20</v>
      </c>
      <c r="B90" s="22">
        <v>64</v>
      </c>
      <c r="C90" s="14">
        <v>60</v>
      </c>
      <c r="D90" s="18">
        <v>124</v>
      </c>
    </row>
    <row r="91" spans="1:4" ht="18" customHeight="1" x14ac:dyDescent="0.15">
      <c r="A91" s="5">
        <v>70</v>
      </c>
      <c r="B91" s="22">
        <v>15</v>
      </c>
      <c r="C91" s="14">
        <v>12</v>
      </c>
      <c r="D91" s="18">
        <v>27</v>
      </c>
    </row>
    <row r="92" spans="1:4" ht="18" customHeight="1" x14ac:dyDescent="0.15">
      <c r="A92" s="5">
        <v>71</v>
      </c>
      <c r="B92" s="22">
        <v>10</v>
      </c>
      <c r="C92" s="14">
        <v>15</v>
      </c>
      <c r="D92" s="18">
        <v>25</v>
      </c>
    </row>
    <row r="93" spans="1:4" ht="18" customHeight="1" x14ac:dyDescent="0.15">
      <c r="A93" s="5">
        <v>72</v>
      </c>
      <c r="B93" s="22">
        <v>13</v>
      </c>
      <c r="C93" s="14">
        <v>15</v>
      </c>
      <c r="D93" s="18">
        <v>28</v>
      </c>
    </row>
    <row r="94" spans="1:4" ht="18" customHeight="1" x14ac:dyDescent="0.15">
      <c r="A94" s="5">
        <v>73</v>
      </c>
      <c r="B94" s="22">
        <v>15</v>
      </c>
      <c r="C94" s="14">
        <v>17</v>
      </c>
      <c r="D94" s="18">
        <v>32</v>
      </c>
    </row>
    <row r="95" spans="1:4" ht="18" customHeight="1" x14ac:dyDescent="0.15">
      <c r="A95" s="5">
        <v>74</v>
      </c>
      <c r="B95" s="22">
        <v>20</v>
      </c>
      <c r="C95" s="14">
        <v>17</v>
      </c>
      <c r="D95" s="18">
        <v>37</v>
      </c>
    </row>
    <row r="96" spans="1:4" ht="18" customHeight="1" x14ac:dyDescent="0.15">
      <c r="A96" s="5" t="s">
        <v>33</v>
      </c>
      <c r="B96" s="22">
        <v>73</v>
      </c>
      <c r="C96" s="14">
        <v>76</v>
      </c>
      <c r="D96" s="18">
        <v>149</v>
      </c>
    </row>
    <row r="97" spans="1:4" ht="18" customHeight="1" x14ac:dyDescent="0.15">
      <c r="A97" s="5">
        <v>75</v>
      </c>
      <c r="B97" s="22">
        <v>22</v>
      </c>
      <c r="C97" s="14">
        <v>20</v>
      </c>
      <c r="D97" s="18">
        <v>42</v>
      </c>
    </row>
    <row r="98" spans="1:4" ht="18" customHeight="1" x14ac:dyDescent="0.15">
      <c r="A98" s="5">
        <v>76</v>
      </c>
      <c r="B98" s="22">
        <v>17</v>
      </c>
      <c r="C98" s="14">
        <v>23</v>
      </c>
      <c r="D98" s="18">
        <v>40</v>
      </c>
    </row>
    <row r="99" spans="1:4" ht="18" customHeight="1" x14ac:dyDescent="0.15">
      <c r="A99" s="5">
        <v>77</v>
      </c>
      <c r="B99" s="22">
        <v>20</v>
      </c>
      <c r="C99" s="14">
        <v>28</v>
      </c>
      <c r="D99" s="18">
        <v>48</v>
      </c>
    </row>
    <row r="100" spans="1:4" ht="18" customHeight="1" x14ac:dyDescent="0.15">
      <c r="A100" s="5">
        <v>78</v>
      </c>
      <c r="B100" s="22">
        <v>23</v>
      </c>
      <c r="C100" s="14">
        <v>31</v>
      </c>
      <c r="D100" s="18">
        <v>54</v>
      </c>
    </row>
    <row r="101" spans="1:4" ht="18" customHeight="1" x14ac:dyDescent="0.15">
      <c r="A101" s="5">
        <v>79</v>
      </c>
      <c r="B101" s="22">
        <v>23</v>
      </c>
      <c r="C101" s="14">
        <v>28</v>
      </c>
      <c r="D101" s="18">
        <v>51</v>
      </c>
    </row>
    <row r="102" spans="1:4" ht="18" customHeight="1" x14ac:dyDescent="0.15">
      <c r="A102" s="5" t="s">
        <v>0</v>
      </c>
      <c r="B102" s="22">
        <v>105</v>
      </c>
      <c r="C102" s="14">
        <v>130</v>
      </c>
      <c r="D102" s="18">
        <v>235</v>
      </c>
    </row>
    <row r="103" spans="1:4" ht="18" customHeight="1" x14ac:dyDescent="0.15">
      <c r="A103" s="5">
        <v>80</v>
      </c>
      <c r="B103" s="22">
        <v>8</v>
      </c>
      <c r="C103" s="14">
        <v>18</v>
      </c>
      <c r="D103" s="18">
        <v>26</v>
      </c>
    </row>
    <row r="104" spans="1:4" ht="18" customHeight="1" x14ac:dyDescent="0.15">
      <c r="A104" s="5">
        <v>81</v>
      </c>
      <c r="B104" s="22">
        <v>9</v>
      </c>
      <c r="C104" s="14">
        <v>7</v>
      </c>
      <c r="D104" s="18">
        <v>16</v>
      </c>
    </row>
    <row r="105" spans="1:4" ht="18" customHeight="1" x14ac:dyDescent="0.15">
      <c r="A105" s="5">
        <v>82</v>
      </c>
      <c r="B105" s="22">
        <v>15</v>
      </c>
      <c r="C105" s="14">
        <v>17</v>
      </c>
      <c r="D105" s="18">
        <v>32</v>
      </c>
    </row>
    <row r="106" spans="1:4" ht="18" customHeight="1" x14ac:dyDescent="0.15">
      <c r="A106" s="5">
        <v>83</v>
      </c>
      <c r="B106" s="22">
        <v>10</v>
      </c>
      <c r="C106" s="14">
        <v>18</v>
      </c>
      <c r="D106" s="18">
        <v>28</v>
      </c>
    </row>
    <row r="107" spans="1:4" ht="18" customHeight="1" x14ac:dyDescent="0.15">
      <c r="A107" s="5">
        <v>84</v>
      </c>
      <c r="B107" s="22">
        <v>19</v>
      </c>
      <c r="C107" s="14">
        <v>10</v>
      </c>
      <c r="D107" s="18">
        <v>29</v>
      </c>
    </row>
    <row r="108" spans="1:4" ht="18" customHeight="1" x14ac:dyDescent="0.15">
      <c r="A108" s="5" t="s">
        <v>35</v>
      </c>
      <c r="B108" s="22">
        <v>61</v>
      </c>
      <c r="C108" s="14">
        <v>70</v>
      </c>
      <c r="D108" s="18">
        <v>131</v>
      </c>
    </row>
    <row r="109" spans="1:4" ht="18" customHeight="1" x14ac:dyDescent="0.15">
      <c r="A109" s="5">
        <v>85</v>
      </c>
      <c r="B109" s="22">
        <v>5</v>
      </c>
      <c r="C109" s="14">
        <v>10</v>
      </c>
      <c r="D109" s="18">
        <v>15</v>
      </c>
    </row>
    <row r="110" spans="1:4" ht="18" customHeight="1" x14ac:dyDescent="0.15">
      <c r="A110" s="5">
        <v>86</v>
      </c>
      <c r="B110" s="22">
        <v>7</v>
      </c>
      <c r="C110" s="14">
        <v>15</v>
      </c>
      <c r="D110" s="18">
        <v>22</v>
      </c>
    </row>
    <row r="111" spans="1:4" ht="18" customHeight="1" x14ac:dyDescent="0.15">
      <c r="A111" s="5">
        <v>87</v>
      </c>
      <c r="B111" s="22">
        <v>4</v>
      </c>
      <c r="C111" s="14">
        <v>12</v>
      </c>
      <c r="D111" s="18">
        <v>16</v>
      </c>
    </row>
    <row r="112" spans="1:4" ht="18" customHeight="1" x14ac:dyDescent="0.15">
      <c r="A112" s="5">
        <v>88</v>
      </c>
      <c r="B112" s="22">
        <v>3</v>
      </c>
      <c r="C112" s="14">
        <v>7</v>
      </c>
      <c r="D112" s="18">
        <v>10</v>
      </c>
    </row>
    <row r="113" spans="1:4" ht="18" customHeight="1" x14ac:dyDescent="0.15">
      <c r="A113" s="5">
        <v>89</v>
      </c>
      <c r="B113" s="22">
        <v>6</v>
      </c>
      <c r="C113" s="14">
        <v>11</v>
      </c>
      <c r="D113" s="18">
        <v>17</v>
      </c>
    </row>
    <row r="114" spans="1:4" ht="18" customHeight="1" x14ac:dyDescent="0.15">
      <c r="A114" s="5" t="s">
        <v>37</v>
      </c>
      <c r="B114" s="22">
        <v>25</v>
      </c>
      <c r="C114" s="14">
        <v>55</v>
      </c>
      <c r="D114" s="18">
        <v>80</v>
      </c>
    </row>
    <row r="115" spans="1:4" ht="18" customHeight="1" x14ac:dyDescent="0.15">
      <c r="A115" s="5">
        <v>90</v>
      </c>
      <c r="B115" s="22">
        <v>2</v>
      </c>
      <c r="C115" s="14">
        <v>11</v>
      </c>
      <c r="D115" s="18">
        <v>13</v>
      </c>
    </row>
    <row r="116" spans="1:4" ht="18" customHeight="1" x14ac:dyDescent="0.15">
      <c r="A116" s="5">
        <v>91</v>
      </c>
      <c r="B116" s="22">
        <v>0</v>
      </c>
      <c r="C116" s="14">
        <v>2</v>
      </c>
      <c r="D116" s="18">
        <v>2</v>
      </c>
    </row>
    <row r="117" spans="1:4" ht="18" customHeight="1" x14ac:dyDescent="0.15">
      <c r="A117" s="5">
        <v>92</v>
      </c>
      <c r="B117" s="22">
        <v>5</v>
      </c>
      <c r="C117" s="14">
        <v>9</v>
      </c>
      <c r="D117" s="18">
        <v>14</v>
      </c>
    </row>
    <row r="118" spans="1:4" ht="18" customHeight="1" x14ac:dyDescent="0.15">
      <c r="A118" s="5">
        <v>93</v>
      </c>
      <c r="B118" s="22">
        <v>2</v>
      </c>
      <c r="C118" s="14">
        <v>5</v>
      </c>
      <c r="D118" s="18">
        <v>7</v>
      </c>
    </row>
    <row r="119" spans="1:4" ht="18" customHeight="1" x14ac:dyDescent="0.15">
      <c r="A119" s="5">
        <v>94</v>
      </c>
      <c r="B119" s="22">
        <v>1</v>
      </c>
      <c r="C119" s="14">
        <v>2</v>
      </c>
      <c r="D119" s="18">
        <v>3</v>
      </c>
    </row>
    <row r="120" spans="1:4" ht="18" customHeight="1" x14ac:dyDescent="0.15">
      <c r="A120" s="5" t="s">
        <v>39</v>
      </c>
      <c r="B120" s="22">
        <v>10</v>
      </c>
      <c r="C120" s="14">
        <v>29</v>
      </c>
      <c r="D120" s="18">
        <v>39</v>
      </c>
    </row>
    <row r="121" spans="1:4" ht="18" customHeight="1" x14ac:dyDescent="0.15">
      <c r="A121" s="5">
        <v>95</v>
      </c>
      <c r="B121" s="22">
        <v>1</v>
      </c>
      <c r="C121" s="14">
        <v>4</v>
      </c>
      <c r="D121" s="18">
        <v>5</v>
      </c>
    </row>
    <row r="122" spans="1:4" ht="18" customHeight="1" x14ac:dyDescent="0.15">
      <c r="A122" s="5">
        <v>96</v>
      </c>
      <c r="B122" s="22">
        <v>1</v>
      </c>
      <c r="C122" s="14">
        <v>3</v>
      </c>
      <c r="D122" s="18">
        <v>4</v>
      </c>
    </row>
    <row r="123" spans="1:4" ht="18" customHeight="1" x14ac:dyDescent="0.15">
      <c r="A123" s="5">
        <v>97</v>
      </c>
      <c r="B123" s="22">
        <v>2</v>
      </c>
      <c r="C123" s="14">
        <v>0</v>
      </c>
      <c r="D123" s="18">
        <v>2</v>
      </c>
    </row>
    <row r="124" spans="1:4" ht="18" customHeight="1" x14ac:dyDescent="0.15">
      <c r="A124" s="5">
        <v>98</v>
      </c>
      <c r="B124" s="22">
        <v>1</v>
      </c>
      <c r="C124" s="14">
        <v>2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5</v>
      </c>
      <c r="C126" s="14">
        <v>12</v>
      </c>
      <c r="D126" s="18">
        <v>17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343</v>
      </c>
      <c r="C130" s="14">
        <v>433</v>
      </c>
      <c r="D130" s="18">
        <v>776</v>
      </c>
    </row>
    <row r="131" spans="1:4" ht="18" customHeight="1" x14ac:dyDescent="0.15">
      <c r="A131" s="7" t="s">
        <v>45</v>
      </c>
      <c r="B131" s="23">
        <v>835</v>
      </c>
      <c r="C131" s="15">
        <v>859</v>
      </c>
      <c r="D131" s="19">
        <v>169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E00-000000000000}">
  <sheetPr codeName="Sheet5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2</v>
      </c>
      <c r="C5" s="13">
        <v>9</v>
      </c>
      <c r="D5" s="17">
        <v>21</v>
      </c>
    </row>
    <row r="6" spans="1:4" ht="18" customHeight="1" x14ac:dyDescent="0.15">
      <c r="A6" s="5">
        <v>1</v>
      </c>
      <c r="B6" s="22">
        <v>10</v>
      </c>
      <c r="C6" s="14">
        <v>9</v>
      </c>
      <c r="D6" s="18">
        <v>19</v>
      </c>
    </row>
    <row r="7" spans="1:4" ht="18" customHeight="1" x14ac:dyDescent="0.15">
      <c r="A7" s="5">
        <v>2</v>
      </c>
      <c r="B7" s="22">
        <v>5</v>
      </c>
      <c r="C7" s="14">
        <v>13</v>
      </c>
      <c r="D7" s="18">
        <v>18</v>
      </c>
    </row>
    <row r="8" spans="1:4" ht="18" customHeight="1" x14ac:dyDescent="0.15">
      <c r="A8" s="5">
        <v>3</v>
      </c>
      <c r="B8" s="22">
        <v>10</v>
      </c>
      <c r="C8" s="14">
        <v>8</v>
      </c>
      <c r="D8" s="18">
        <v>18</v>
      </c>
    </row>
    <row r="9" spans="1:4" ht="18" customHeight="1" x14ac:dyDescent="0.15">
      <c r="A9" s="5">
        <v>4</v>
      </c>
      <c r="B9" s="22">
        <v>11</v>
      </c>
      <c r="C9" s="14">
        <v>11</v>
      </c>
      <c r="D9" s="18">
        <v>22</v>
      </c>
    </row>
    <row r="10" spans="1:4" ht="18" customHeight="1" x14ac:dyDescent="0.15">
      <c r="A10" s="5" t="s">
        <v>7</v>
      </c>
      <c r="B10" s="22">
        <v>48</v>
      </c>
      <c r="C10" s="14">
        <v>50</v>
      </c>
      <c r="D10" s="18">
        <v>98</v>
      </c>
    </row>
    <row r="11" spans="1:4" ht="18" customHeight="1" x14ac:dyDescent="0.15">
      <c r="A11" s="5">
        <v>5</v>
      </c>
      <c r="B11" s="22">
        <v>15</v>
      </c>
      <c r="C11" s="14">
        <v>10</v>
      </c>
      <c r="D11" s="18">
        <v>25</v>
      </c>
    </row>
    <row r="12" spans="1:4" ht="18" customHeight="1" x14ac:dyDescent="0.15">
      <c r="A12" s="5">
        <v>6</v>
      </c>
      <c r="B12" s="22">
        <v>6</v>
      </c>
      <c r="C12" s="14">
        <v>7</v>
      </c>
      <c r="D12" s="18">
        <v>13</v>
      </c>
    </row>
    <row r="13" spans="1:4" ht="18" customHeight="1" x14ac:dyDescent="0.15">
      <c r="A13" s="5">
        <v>7</v>
      </c>
      <c r="B13" s="22">
        <v>8</v>
      </c>
      <c r="C13" s="14">
        <v>8</v>
      </c>
      <c r="D13" s="18">
        <v>16</v>
      </c>
    </row>
    <row r="14" spans="1:4" ht="18" customHeight="1" x14ac:dyDescent="0.15">
      <c r="A14" s="5">
        <v>8</v>
      </c>
      <c r="B14" s="22">
        <v>14</v>
      </c>
      <c r="C14" s="14">
        <v>10</v>
      </c>
      <c r="D14" s="18">
        <v>24</v>
      </c>
    </row>
    <row r="15" spans="1:4" ht="18" customHeight="1" x14ac:dyDescent="0.15">
      <c r="A15" s="5">
        <v>9</v>
      </c>
      <c r="B15" s="22">
        <v>7</v>
      </c>
      <c r="C15" s="14">
        <v>13</v>
      </c>
      <c r="D15" s="18">
        <v>20</v>
      </c>
    </row>
    <row r="16" spans="1:4" ht="18" customHeight="1" x14ac:dyDescent="0.15">
      <c r="A16" s="5" t="s">
        <v>11</v>
      </c>
      <c r="B16" s="22">
        <v>50</v>
      </c>
      <c r="C16" s="14">
        <v>48</v>
      </c>
      <c r="D16" s="18">
        <v>98</v>
      </c>
    </row>
    <row r="17" spans="1:4" ht="18" customHeight="1" x14ac:dyDescent="0.15">
      <c r="A17" s="5">
        <v>10</v>
      </c>
      <c r="B17" s="22">
        <v>12</v>
      </c>
      <c r="C17" s="14">
        <v>11</v>
      </c>
      <c r="D17" s="18">
        <v>23</v>
      </c>
    </row>
    <row r="18" spans="1:4" ht="18" customHeight="1" x14ac:dyDescent="0.15">
      <c r="A18" s="5">
        <v>11</v>
      </c>
      <c r="B18" s="22">
        <v>16</v>
      </c>
      <c r="C18" s="14">
        <v>8</v>
      </c>
      <c r="D18" s="18">
        <v>24</v>
      </c>
    </row>
    <row r="19" spans="1:4" ht="18" customHeight="1" x14ac:dyDescent="0.15">
      <c r="A19" s="5">
        <v>12</v>
      </c>
      <c r="B19" s="22">
        <v>11</v>
      </c>
      <c r="C19" s="14">
        <v>10</v>
      </c>
      <c r="D19" s="18">
        <v>21</v>
      </c>
    </row>
    <row r="20" spans="1:4" ht="18" customHeight="1" x14ac:dyDescent="0.15">
      <c r="A20" s="5">
        <v>13</v>
      </c>
      <c r="B20" s="22">
        <v>8</v>
      </c>
      <c r="C20" s="14">
        <v>12</v>
      </c>
      <c r="D20" s="18">
        <v>20</v>
      </c>
    </row>
    <row r="21" spans="1:4" ht="18" customHeight="1" x14ac:dyDescent="0.15">
      <c r="A21" s="5">
        <v>14</v>
      </c>
      <c r="B21" s="22">
        <v>16</v>
      </c>
      <c r="C21" s="14">
        <v>12</v>
      </c>
      <c r="D21" s="18">
        <v>28</v>
      </c>
    </row>
    <row r="22" spans="1:4" ht="18" customHeight="1" x14ac:dyDescent="0.15">
      <c r="A22" s="5" t="s">
        <v>12</v>
      </c>
      <c r="B22" s="22">
        <v>63</v>
      </c>
      <c r="C22" s="14">
        <v>53</v>
      </c>
      <c r="D22" s="18">
        <v>116</v>
      </c>
    </row>
    <row r="23" spans="1:4" ht="18" customHeight="1" x14ac:dyDescent="0.15">
      <c r="A23" s="5" t="s">
        <v>6</v>
      </c>
      <c r="B23" s="22">
        <v>161</v>
      </c>
      <c r="C23" s="14">
        <v>151</v>
      </c>
      <c r="D23" s="18">
        <v>312</v>
      </c>
    </row>
    <row r="24" spans="1:4" ht="18" customHeight="1" x14ac:dyDescent="0.15">
      <c r="A24" s="5">
        <v>15</v>
      </c>
      <c r="B24" s="22">
        <v>17</v>
      </c>
      <c r="C24" s="14">
        <v>10</v>
      </c>
      <c r="D24" s="18">
        <v>27</v>
      </c>
    </row>
    <row r="25" spans="1:4" ht="18" customHeight="1" x14ac:dyDescent="0.15">
      <c r="A25" s="5">
        <v>16</v>
      </c>
      <c r="B25" s="22">
        <v>9</v>
      </c>
      <c r="C25" s="14">
        <v>11</v>
      </c>
      <c r="D25" s="18">
        <v>20</v>
      </c>
    </row>
    <row r="26" spans="1:4" ht="18" customHeight="1" x14ac:dyDescent="0.15">
      <c r="A26" s="5">
        <v>17</v>
      </c>
      <c r="B26" s="22">
        <v>10</v>
      </c>
      <c r="C26" s="14">
        <v>19</v>
      </c>
      <c r="D26" s="18">
        <v>29</v>
      </c>
    </row>
    <row r="27" spans="1:4" ht="18" customHeight="1" x14ac:dyDescent="0.15">
      <c r="A27" s="5">
        <v>18</v>
      </c>
      <c r="B27" s="22">
        <v>16</v>
      </c>
      <c r="C27" s="14">
        <v>13</v>
      </c>
      <c r="D27" s="18">
        <v>29</v>
      </c>
    </row>
    <row r="28" spans="1:4" ht="18" customHeight="1" x14ac:dyDescent="0.15">
      <c r="A28" s="5">
        <v>19</v>
      </c>
      <c r="B28" s="22">
        <v>13</v>
      </c>
      <c r="C28" s="14">
        <v>10</v>
      </c>
      <c r="D28" s="18">
        <v>23</v>
      </c>
    </row>
    <row r="29" spans="1:4" ht="18" customHeight="1" x14ac:dyDescent="0.15">
      <c r="A29" s="5" t="s">
        <v>14</v>
      </c>
      <c r="B29" s="22">
        <v>65</v>
      </c>
      <c r="C29" s="14">
        <v>63</v>
      </c>
      <c r="D29" s="18">
        <v>128</v>
      </c>
    </row>
    <row r="30" spans="1:4" ht="18" customHeight="1" x14ac:dyDescent="0.15">
      <c r="A30" s="5">
        <v>20</v>
      </c>
      <c r="B30" s="22">
        <v>21</v>
      </c>
      <c r="C30" s="14">
        <v>12</v>
      </c>
      <c r="D30" s="18">
        <v>33</v>
      </c>
    </row>
    <row r="31" spans="1:4" ht="18" customHeight="1" x14ac:dyDescent="0.15">
      <c r="A31" s="5">
        <v>21</v>
      </c>
      <c r="B31" s="22">
        <v>13</v>
      </c>
      <c r="C31" s="14">
        <v>14</v>
      </c>
      <c r="D31" s="18">
        <v>27</v>
      </c>
    </row>
    <row r="32" spans="1:4" ht="18" customHeight="1" x14ac:dyDescent="0.15">
      <c r="A32" s="5">
        <v>22</v>
      </c>
      <c r="B32" s="22">
        <v>19</v>
      </c>
      <c r="C32" s="14">
        <v>12</v>
      </c>
      <c r="D32" s="18">
        <v>31</v>
      </c>
    </row>
    <row r="33" spans="1:4" ht="18" customHeight="1" x14ac:dyDescent="0.15">
      <c r="A33" s="5">
        <v>23</v>
      </c>
      <c r="B33" s="22">
        <v>11</v>
      </c>
      <c r="C33" s="14">
        <v>23</v>
      </c>
      <c r="D33" s="18">
        <v>34</v>
      </c>
    </row>
    <row r="34" spans="1:4" ht="18" customHeight="1" x14ac:dyDescent="0.15">
      <c r="A34" s="5">
        <v>24</v>
      </c>
      <c r="B34" s="22">
        <v>22</v>
      </c>
      <c r="C34" s="14">
        <v>15</v>
      </c>
      <c r="D34" s="18">
        <v>37</v>
      </c>
    </row>
    <row r="35" spans="1:4" ht="18" customHeight="1" x14ac:dyDescent="0.15">
      <c r="A35" s="5" t="s">
        <v>9</v>
      </c>
      <c r="B35" s="22">
        <v>86</v>
      </c>
      <c r="C35" s="14">
        <v>76</v>
      </c>
      <c r="D35" s="18">
        <v>162</v>
      </c>
    </row>
    <row r="36" spans="1:4" ht="18" customHeight="1" x14ac:dyDescent="0.15">
      <c r="A36" s="5">
        <v>25</v>
      </c>
      <c r="B36" s="22">
        <v>15</v>
      </c>
      <c r="C36" s="14">
        <v>15</v>
      </c>
      <c r="D36" s="18">
        <v>30</v>
      </c>
    </row>
    <row r="37" spans="1:4" ht="18" customHeight="1" x14ac:dyDescent="0.15">
      <c r="A37" s="5">
        <v>26</v>
      </c>
      <c r="B37" s="22">
        <v>20</v>
      </c>
      <c r="C37" s="14">
        <v>13</v>
      </c>
      <c r="D37" s="18">
        <v>33</v>
      </c>
    </row>
    <row r="38" spans="1:4" ht="18" customHeight="1" x14ac:dyDescent="0.15">
      <c r="A38" s="5">
        <v>27</v>
      </c>
      <c r="B38" s="22">
        <v>14</v>
      </c>
      <c r="C38" s="14">
        <v>12</v>
      </c>
      <c r="D38" s="18">
        <v>26</v>
      </c>
    </row>
    <row r="39" spans="1:4" ht="18" customHeight="1" x14ac:dyDescent="0.15">
      <c r="A39" s="5">
        <v>28</v>
      </c>
      <c r="B39" s="22">
        <v>20</v>
      </c>
      <c r="C39" s="14">
        <v>10</v>
      </c>
      <c r="D39" s="18">
        <v>30</v>
      </c>
    </row>
    <row r="40" spans="1:4" ht="18" customHeight="1" x14ac:dyDescent="0.15">
      <c r="A40" s="5">
        <v>29</v>
      </c>
      <c r="B40" s="22">
        <v>15</v>
      </c>
      <c r="C40" s="14">
        <v>16</v>
      </c>
      <c r="D40" s="18">
        <v>31</v>
      </c>
    </row>
    <row r="41" spans="1:4" ht="18" customHeight="1" x14ac:dyDescent="0.15">
      <c r="A41" s="5" t="s">
        <v>2</v>
      </c>
      <c r="B41" s="22">
        <v>84</v>
      </c>
      <c r="C41" s="14">
        <v>66</v>
      </c>
      <c r="D41" s="18">
        <v>150</v>
      </c>
    </row>
    <row r="42" spans="1:4" ht="18" customHeight="1" x14ac:dyDescent="0.15">
      <c r="A42" s="5">
        <v>30</v>
      </c>
      <c r="B42" s="22">
        <v>18</v>
      </c>
      <c r="C42" s="14">
        <v>12</v>
      </c>
      <c r="D42" s="18">
        <v>30</v>
      </c>
    </row>
    <row r="43" spans="1:4" ht="18" customHeight="1" x14ac:dyDescent="0.15">
      <c r="A43" s="5">
        <v>31</v>
      </c>
      <c r="B43" s="22">
        <v>15</v>
      </c>
      <c r="C43" s="14">
        <v>17</v>
      </c>
      <c r="D43" s="18">
        <v>32</v>
      </c>
    </row>
    <row r="44" spans="1:4" ht="18" customHeight="1" x14ac:dyDescent="0.15">
      <c r="A44" s="5">
        <v>32</v>
      </c>
      <c r="B44" s="22">
        <v>17</v>
      </c>
      <c r="C44" s="14">
        <v>17</v>
      </c>
      <c r="D44" s="18">
        <v>34</v>
      </c>
    </row>
    <row r="45" spans="1:4" ht="18" customHeight="1" x14ac:dyDescent="0.15">
      <c r="A45" s="5">
        <v>33</v>
      </c>
      <c r="B45" s="22">
        <v>14</v>
      </c>
      <c r="C45" s="14">
        <v>13</v>
      </c>
      <c r="D45" s="18">
        <v>27</v>
      </c>
    </row>
    <row r="46" spans="1:4" ht="18" customHeight="1" x14ac:dyDescent="0.15">
      <c r="A46" s="5">
        <v>34</v>
      </c>
      <c r="B46" s="22">
        <v>17</v>
      </c>
      <c r="C46" s="14">
        <v>24</v>
      </c>
      <c r="D46" s="18">
        <v>41</v>
      </c>
    </row>
    <row r="47" spans="1:4" ht="18" customHeight="1" x14ac:dyDescent="0.15">
      <c r="A47" s="5" t="s">
        <v>15</v>
      </c>
      <c r="B47" s="22">
        <v>81</v>
      </c>
      <c r="C47" s="14">
        <v>83</v>
      </c>
      <c r="D47" s="18">
        <v>164</v>
      </c>
    </row>
    <row r="48" spans="1:4" ht="18" customHeight="1" x14ac:dyDescent="0.15">
      <c r="A48" s="5">
        <v>35</v>
      </c>
      <c r="B48" s="22">
        <v>10</v>
      </c>
      <c r="C48" s="14">
        <v>15</v>
      </c>
      <c r="D48" s="18">
        <v>25</v>
      </c>
    </row>
    <row r="49" spans="1:4" ht="18" customHeight="1" x14ac:dyDescent="0.15">
      <c r="A49" s="5">
        <v>36</v>
      </c>
      <c r="B49" s="22">
        <v>15</v>
      </c>
      <c r="C49" s="14">
        <v>11</v>
      </c>
      <c r="D49" s="18">
        <v>26</v>
      </c>
    </row>
    <row r="50" spans="1:4" ht="18" customHeight="1" x14ac:dyDescent="0.15">
      <c r="A50" s="5">
        <v>37</v>
      </c>
      <c r="B50" s="22">
        <v>23</v>
      </c>
      <c r="C50" s="14">
        <v>18</v>
      </c>
      <c r="D50" s="18">
        <v>41</v>
      </c>
    </row>
    <row r="51" spans="1:4" ht="18" customHeight="1" x14ac:dyDescent="0.15">
      <c r="A51" s="5">
        <v>38</v>
      </c>
      <c r="B51" s="22">
        <v>10</v>
      </c>
      <c r="C51" s="14">
        <v>20</v>
      </c>
      <c r="D51" s="18">
        <v>30</v>
      </c>
    </row>
    <row r="52" spans="1:4" ht="18" customHeight="1" x14ac:dyDescent="0.15">
      <c r="A52" s="5">
        <v>39</v>
      </c>
      <c r="B52" s="22">
        <v>23</v>
      </c>
      <c r="C52" s="14">
        <v>20</v>
      </c>
      <c r="D52" s="18">
        <v>43</v>
      </c>
    </row>
    <row r="53" spans="1:4" ht="18" customHeight="1" x14ac:dyDescent="0.15">
      <c r="A53" s="5" t="s">
        <v>18</v>
      </c>
      <c r="B53" s="22">
        <v>81</v>
      </c>
      <c r="C53" s="14">
        <v>84</v>
      </c>
      <c r="D53" s="18">
        <v>165</v>
      </c>
    </row>
    <row r="54" spans="1:4" ht="18" customHeight="1" x14ac:dyDescent="0.15">
      <c r="A54" s="5">
        <v>40</v>
      </c>
      <c r="B54" s="22">
        <v>25</v>
      </c>
      <c r="C54" s="14">
        <v>14</v>
      </c>
      <c r="D54" s="18">
        <v>39</v>
      </c>
    </row>
    <row r="55" spans="1:4" ht="18" customHeight="1" x14ac:dyDescent="0.15">
      <c r="A55" s="5">
        <v>41</v>
      </c>
      <c r="B55" s="22">
        <v>19</v>
      </c>
      <c r="C55" s="14">
        <v>8</v>
      </c>
      <c r="D55" s="18">
        <v>27</v>
      </c>
    </row>
    <row r="56" spans="1:4" ht="18" customHeight="1" x14ac:dyDescent="0.15">
      <c r="A56" s="5">
        <v>42</v>
      </c>
      <c r="B56" s="22">
        <v>25</v>
      </c>
      <c r="C56" s="14">
        <v>15</v>
      </c>
      <c r="D56" s="18">
        <v>40</v>
      </c>
    </row>
    <row r="57" spans="1:4" ht="18" customHeight="1" x14ac:dyDescent="0.15">
      <c r="A57" s="5">
        <v>43</v>
      </c>
      <c r="B57" s="22">
        <v>18</v>
      </c>
      <c r="C57" s="14">
        <v>21</v>
      </c>
      <c r="D57" s="18">
        <v>39</v>
      </c>
    </row>
    <row r="58" spans="1:4" ht="18" customHeight="1" x14ac:dyDescent="0.15">
      <c r="A58" s="5">
        <v>44</v>
      </c>
      <c r="B58" s="22">
        <v>14</v>
      </c>
      <c r="C58" s="14">
        <v>16</v>
      </c>
      <c r="D58" s="18">
        <v>30</v>
      </c>
    </row>
    <row r="59" spans="1:4" ht="18" customHeight="1" x14ac:dyDescent="0.15">
      <c r="A59" s="5" t="s">
        <v>21</v>
      </c>
      <c r="B59" s="22">
        <v>101</v>
      </c>
      <c r="C59" s="14">
        <v>74</v>
      </c>
      <c r="D59" s="18">
        <v>175</v>
      </c>
    </row>
    <row r="60" spans="1:4" ht="18" customHeight="1" x14ac:dyDescent="0.15">
      <c r="A60" s="5">
        <v>45</v>
      </c>
      <c r="B60" s="22">
        <v>28</v>
      </c>
      <c r="C60" s="14">
        <v>12</v>
      </c>
      <c r="D60" s="18">
        <v>40</v>
      </c>
    </row>
    <row r="61" spans="1:4" ht="18" customHeight="1" x14ac:dyDescent="0.15">
      <c r="A61" s="5">
        <v>46</v>
      </c>
      <c r="B61" s="22">
        <v>27</v>
      </c>
      <c r="C61" s="14">
        <v>16</v>
      </c>
      <c r="D61" s="18">
        <v>43</v>
      </c>
    </row>
    <row r="62" spans="1:4" ht="18" customHeight="1" x14ac:dyDescent="0.15">
      <c r="A62" s="5">
        <v>47</v>
      </c>
      <c r="B62" s="22">
        <v>23</v>
      </c>
      <c r="C62" s="14">
        <v>11</v>
      </c>
      <c r="D62" s="18">
        <v>34</v>
      </c>
    </row>
    <row r="63" spans="1:4" ht="18" customHeight="1" x14ac:dyDescent="0.15">
      <c r="A63" s="5">
        <v>48</v>
      </c>
      <c r="B63" s="22">
        <v>29</v>
      </c>
      <c r="C63" s="14">
        <v>23</v>
      </c>
      <c r="D63" s="18">
        <v>52</v>
      </c>
    </row>
    <row r="64" spans="1:4" ht="18" customHeight="1" x14ac:dyDescent="0.15">
      <c r="A64" s="5">
        <v>49</v>
      </c>
      <c r="B64" s="22">
        <v>28</v>
      </c>
      <c r="C64" s="14">
        <v>26</v>
      </c>
      <c r="D64" s="18">
        <v>54</v>
      </c>
    </row>
    <row r="65" spans="1:4" ht="18" customHeight="1" x14ac:dyDescent="0.15">
      <c r="A65" s="5" t="s">
        <v>17</v>
      </c>
      <c r="B65" s="22">
        <v>135</v>
      </c>
      <c r="C65" s="14">
        <v>88</v>
      </c>
      <c r="D65" s="18">
        <v>223</v>
      </c>
    </row>
    <row r="66" spans="1:4" ht="18" customHeight="1" x14ac:dyDescent="0.15">
      <c r="A66" s="5">
        <v>50</v>
      </c>
      <c r="B66" s="22">
        <v>36</v>
      </c>
      <c r="C66" s="14">
        <v>21</v>
      </c>
      <c r="D66" s="18">
        <v>57</v>
      </c>
    </row>
    <row r="67" spans="1:4" ht="18" customHeight="1" x14ac:dyDescent="0.15">
      <c r="A67" s="5">
        <v>51</v>
      </c>
      <c r="B67" s="22">
        <v>36</v>
      </c>
      <c r="C67" s="14">
        <v>23</v>
      </c>
      <c r="D67" s="18">
        <v>59</v>
      </c>
    </row>
    <row r="68" spans="1:4" ht="18" customHeight="1" x14ac:dyDescent="0.15">
      <c r="A68" s="5">
        <v>52</v>
      </c>
      <c r="B68" s="22">
        <v>35</v>
      </c>
      <c r="C68" s="14">
        <v>28</v>
      </c>
      <c r="D68" s="18">
        <v>63</v>
      </c>
    </row>
    <row r="69" spans="1:4" ht="18" customHeight="1" x14ac:dyDescent="0.15">
      <c r="A69" s="5">
        <v>53</v>
      </c>
      <c r="B69" s="22">
        <v>25</v>
      </c>
      <c r="C69" s="14">
        <v>22</v>
      </c>
      <c r="D69" s="18">
        <v>47</v>
      </c>
    </row>
    <row r="70" spans="1:4" ht="18" customHeight="1" x14ac:dyDescent="0.15">
      <c r="A70" s="5">
        <v>54</v>
      </c>
      <c r="B70" s="22">
        <v>31</v>
      </c>
      <c r="C70" s="14">
        <v>20</v>
      </c>
      <c r="D70" s="18">
        <v>51</v>
      </c>
    </row>
    <row r="71" spans="1:4" ht="18" customHeight="1" x14ac:dyDescent="0.15">
      <c r="A71" s="5" t="s">
        <v>22</v>
      </c>
      <c r="B71" s="22">
        <v>163</v>
      </c>
      <c r="C71" s="14">
        <v>114</v>
      </c>
      <c r="D71" s="18">
        <v>277</v>
      </c>
    </row>
    <row r="72" spans="1:4" ht="18" customHeight="1" x14ac:dyDescent="0.15">
      <c r="A72" s="5">
        <v>55</v>
      </c>
      <c r="B72" s="22">
        <v>26</v>
      </c>
      <c r="C72" s="14">
        <v>30</v>
      </c>
      <c r="D72" s="18">
        <v>56</v>
      </c>
    </row>
    <row r="73" spans="1:4" ht="18" customHeight="1" x14ac:dyDescent="0.15">
      <c r="A73" s="5">
        <v>56</v>
      </c>
      <c r="B73" s="22">
        <v>26</v>
      </c>
      <c r="C73" s="14">
        <v>24</v>
      </c>
      <c r="D73" s="18">
        <v>50</v>
      </c>
    </row>
    <row r="74" spans="1:4" ht="18" customHeight="1" x14ac:dyDescent="0.15">
      <c r="A74" s="5">
        <v>57</v>
      </c>
      <c r="B74" s="22">
        <v>23</v>
      </c>
      <c r="C74" s="14">
        <v>16</v>
      </c>
      <c r="D74" s="18">
        <v>39</v>
      </c>
    </row>
    <row r="75" spans="1:4" ht="18" customHeight="1" x14ac:dyDescent="0.15">
      <c r="A75" s="5">
        <v>58</v>
      </c>
      <c r="B75" s="22">
        <v>23</v>
      </c>
      <c r="C75" s="14">
        <v>23</v>
      </c>
      <c r="D75" s="18">
        <v>46</v>
      </c>
    </row>
    <row r="76" spans="1:4" ht="18" customHeight="1" x14ac:dyDescent="0.15">
      <c r="A76" s="5">
        <v>59</v>
      </c>
      <c r="B76" s="22">
        <v>17</v>
      </c>
      <c r="C76" s="14">
        <v>13</v>
      </c>
      <c r="D76" s="18">
        <v>30</v>
      </c>
    </row>
    <row r="77" spans="1:4" ht="18" customHeight="1" x14ac:dyDescent="0.15">
      <c r="A77" s="5" t="s">
        <v>27</v>
      </c>
      <c r="B77" s="22">
        <v>115</v>
      </c>
      <c r="C77" s="14">
        <v>106</v>
      </c>
      <c r="D77" s="18">
        <v>221</v>
      </c>
    </row>
    <row r="78" spans="1:4" ht="18" customHeight="1" x14ac:dyDescent="0.15">
      <c r="A78" s="5">
        <v>60</v>
      </c>
      <c r="B78" s="22">
        <v>24</v>
      </c>
      <c r="C78" s="14">
        <v>22</v>
      </c>
      <c r="D78" s="18">
        <v>46</v>
      </c>
    </row>
    <row r="79" spans="1:4" ht="18" customHeight="1" x14ac:dyDescent="0.15">
      <c r="A79" s="5">
        <v>61</v>
      </c>
      <c r="B79" s="22">
        <v>23</v>
      </c>
      <c r="C79" s="14">
        <v>26</v>
      </c>
      <c r="D79" s="18">
        <v>49</v>
      </c>
    </row>
    <row r="80" spans="1:4" ht="18" customHeight="1" x14ac:dyDescent="0.15">
      <c r="A80" s="5">
        <v>62</v>
      </c>
      <c r="B80" s="22">
        <v>22</v>
      </c>
      <c r="C80" s="14">
        <v>17</v>
      </c>
      <c r="D80" s="18">
        <v>39</v>
      </c>
    </row>
    <row r="81" spans="1:4" ht="18" customHeight="1" x14ac:dyDescent="0.15">
      <c r="A81" s="5">
        <v>63</v>
      </c>
      <c r="B81" s="22">
        <v>26</v>
      </c>
      <c r="C81" s="14">
        <v>30</v>
      </c>
      <c r="D81" s="18">
        <v>56</v>
      </c>
    </row>
    <row r="82" spans="1:4" ht="18" customHeight="1" x14ac:dyDescent="0.15">
      <c r="A82" s="5">
        <v>64</v>
      </c>
      <c r="B82" s="22">
        <v>28</v>
      </c>
      <c r="C82" s="14">
        <v>21</v>
      </c>
      <c r="D82" s="18">
        <v>49</v>
      </c>
    </row>
    <row r="83" spans="1:4" ht="18" customHeight="1" x14ac:dyDescent="0.15">
      <c r="A83" s="5" t="s">
        <v>28</v>
      </c>
      <c r="B83" s="22">
        <v>123</v>
      </c>
      <c r="C83" s="14">
        <v>116</v>
      </c>
      <c r="D83" s="18">
        <v>239</v>
      </c>
    </row>
    <row r="84" spans="1:4" ht="18" customHeight="1" x14ac:dyDescent="0.15">
      <c r="A84" s="5" t="s">
        <v>31</v>
      </c>
      <c r="B84" s="22">
        <v>1034</v>
      </c>
      <c r="C84" s="14">
        <v>870</v>
      </c>
      <c r="D84" s="18">
        <v>1904</v>
      </c>
    </row>
    <row r="85" spans="1:4" ht="18" customHeight="1" x14ac:dyDescent="0.15">
      <c r="A85" s="5">
        <v>65</v>
      </c>
      <c r="B85" s="22">
        <v>22</v>
      </c>
      <c r="C85" s="14">
        <v>28</v>
      </c>
      <c r="D85" s="18">
        <v>50</v>
      </c>
    </row>
    <row r="86" spans="1:4" ht="18" customHeight="1" x14ac:dyDescent="0.15">
      <c r="A86" s="5">
        <v>66</v>
      </c>
      <c r="B86" s="22">
        <v>25</v>
      </c>
      <c r="C86" s="14">
        <v>19</v>
      </c>
      <c r="D86" s="18">
        <v>44</v>
      </c>
    </row>
    <row r="87" spans="1:4" ht="18" customHeight="1" x14ac:dyDescent="0.15">
      <c r="A87" s="5">
        <v>67</v>
      </c>
      <c r="B87" s="22">
        <v>25</v>
      </c>
      <c r="C87" s="14">
        <v>31</v>
      </c>
      <c r="D87" s="18">
        <v>56</v>
      </c>
    </row>
    <row r="88" spans="1:4" ht="18" customHeight="1" x14ac:dyDescent="0.15">
      <c r="A88" s="5">
        <v>68</v>
      </c>
      <c r="B88" s="22">
        <v>24</v>
      </c>
      <c r="C88" s="14">
        <v>23</v>
      </c>
      <c r="D88" s="18">
        <v>47</v>
      </c>
    </row>
    <row r="89" spans="1:4" ht="18" customHeight="1" x14ac:dyDescent="0.15">
      <c r="A89" s="5">
        <v>69</v>
      </c>
      <c r="B89" s="22">
        <v>17</v>
      </c>
      <c r="C89" s="14">
        <v>28</v>
      </c>
      <c r="D89" s="18">
        <v>45</v>
      </c>
    </row>
    <row r="90" spans="1:4" ht="18" customHeight="1" x14ac:dyDescent="0.15">
      <c r="A90" s="5" t="s">
        <v>20</v>
      </c>
      <c r="B90" s="22">
        <v>113</v>
      </c>
      <c r="C90" s="14">
        <v>129</v>
      </c>
      <c r="D90" s="18">
        <v>242</v>
      </c>
    </row>
    <row r="91" spans="1:4" ht="18" customHeight="1" x14ac:dyDescent="0.15">
      <c r="A91" s="5">
        <v>70</v>
      </c>
      <c r="B91" s="22">
        <v>29</v>
      </c>
      <c r="C91" s="14">
        <v>36</v>
      </c>
      <c r="D91" s="18">
        <v>65</v>
      </c>
    </row>
    <row r="92" spans="1:4" ht="18" customHeight="1" x14ac:dyDescent="0.15">
      <c r="A92" s="5">
        <v>71</v>
      </c>
      <c r="B92" s="22">
        <v>30</v>
      </c>
      <c r="C92" s="14">
        <v>30</v>
      </c>
      <c r="D92" s="18">
        <v>60</v>
      </c>
    </row>
    <row r="93" spans="1:4" ht="18" customHeight="1" x14ac:dyDescent="0.15">
      <c r="A93" s="5">
        <v>72</v>
      </c>
      <c r="B93" s="22">
        <v>26</v>
      </c>
      <c r="C93" s="14">
        <v>25</v>
      </c>
      <c r="D93" s="18">
        <v>51</v>
      </c>
    </row>
    <row r="94" spans="1:4" ht="18" customHeight="1" x14ac:dyDescent="0.15">
      <c r="A94" s="5">
        <v>73</v>
      </c>
      <c r="B94" s="22">
        <v>27</v>
      </c>
      <c r="C94" s="14">
        <v>35</v>
      </c>
      <c r="D94" s="18">
        <v>62</v>
      </c>
    </row>
    <row r="95" spans="1:4" ht="18" customHeight="1" x14ac:dyDescent="0.15">
      <c r="A95" s="5">
        <v>74</v>
      </c>
      <c r="B95" s="22">
        <v>30</v>
      </c>
      <c r="C95" s="14">
        <v>23</v>
      </c>
      <c r="D95" s="18">
        <v>53</v>
      </c>
    </row>
    <row r="96" spans="1:4" ht="18" customHeight="1" x14ac:dyDescent="0.15">
      <c r="A96" s="5" t="s">
        <v>33</v>
      </c>
      <c r="B96" s="22">
        <v>142</v>
      </c>
      <c r="C96" s="14">
        <v>149</v>
      </c>
      <c r="D96" s="18">
        <v>291</v>
      </c>
    </row>
    <row r="97" spans="1:4" ht="18" customHeight="1" x14ac:dyDescent="0.15">
      <c r="A97" s="5">
        <v>75</v>
      </c>
      <c r="B97" s="22">
        <v>29</v>
      </c>
      <c r="C97" s="14">
        <v>32</v>
      </c>
      <c r="D97" s="18">
        <v>61</v>
      </c>
    </row>
    <row r="98" spans="1:4" ht="18" customHeight="1" x14ac:dyDescent="0.15">
      <c r="A98" s="5">
        <v>76</v>
      </c>
      <c r="B98" s="22">
        <v>45</v>
      </c>
      <c r="C98" s="14">
        <v>50</v>
      </c>
      <c r="D98" s="18">
        <v>95</v>
      </c>
    </row>
    <row r="99" spans="1:4" ht="18" customHeight="1" x14ac:dyDescent="0.15">
      <c r="A99" s="5">
        <v>77</v>
      </c>
      <c r="B99" s="22">
        <v>38</v>
      </c>
      <c r="C99" s="14">
        <v>50</v>
      </c>
      <c r="D99" s="18">
        <v>88</v>
      </c>
    </row>
    <row r="100" spans="1:4" ht="18" customHeight="1" x14ac:dyDescent="0.15">
      <c r="A100" s="5">
        <v>78</v>
      </c>
      <c r="B100" s="22">
        <v>42</v>
      </c>
      <c r="C100" s="14">
        <v>46</v>
      </c>
      <c r="D100" s="18">
        <v>88</v>
      </c>
    </row>
    <row r="101" spans="1:4" ht="18" customHeight="1" x14ac:dyDescent="0.15">
      <c r="A101" s="5">
        <v>79</v>
      </c>
      <c r="B101" s="22">
        <v>39</v>
      </c>
      <c r="C101" s="14">
        <v>34</v>
      </c>
      <c r="D101" s="18">
        <v>73</v>
      </c>
    </row>
    <row r="102" spans="1:4" ht="18" customHeight="1" x14ac:dyDescent="0.15">
      <c r="A102" s="5" t="s">
        <v>0</v>
      </c>
      <c r="B102" s="22">
        <v>193</v>
      </c>
      <c r="C102" s="14">
        <v>212</v>
      </c>
      <c r="D102" s="18">
        <v>405</v>
      </c>
    </row>
    <row r="103" spans="1:4" ht="18" customHeight="1" x14ac:dyDescent="0.15">
      <c r="A103" s="5">
        <v>80</v>
      </c>
      <c r="B103" s="22">
        <v>16</v>
      </c>
      <c r="C103" s="14">
        <v>22</v>
      </c>
      <c r="D103" s="18">
        <v>38</v>
      </c>
    </row>
    <row r="104" spans="1:4" ht="18" customHeight="1" x14ac:dyDescent="0.15">
      <c r="A104" s="5">
        <v>81</v>
      </c>
      <c r="B104" s="22">
        <v>16</v>
      </c>
      <c r="C104" s="14">
        <v>22</v>
      </c>
      <c r="D104" s="18">
        <v>38</v>
      </c>
    </row>
    <row r="105" spans="1:4" ht="18" customHeight="1" x14ac:dyDescent="0.15">
      <c r="A105" s="5">
        <v>82</v>
      </c>
      <c r="B105" s="22">
        <v>23</v>
      </c>
      <c r="C105" s="14">
        <v>36</v>
      </c>
      <c r="D105" s="18">
        <v>59</v>
      </c>
    </row>
    <row r="106" spans="1:4" ht="18" customHeight="1" x14ac:dyDescent="0.15">
      <c r="A106" s="5">
        <v>83</v>
      </c>
      <c r="B106" s="22">
        <v>20</v>
      </c>
      <c r="C106" s="14">
        <v>29</v>
      </c>
      <c r="D106" s="18">
        <v>49</v>
      </c>
    </row>
    <row r="107" spans="1:4" ht="18" customHeight="1" x14ac:dyDescent="0.15">
      <c r="A107" s="5">
        <v>84</v>
      </c>
      <c r="B107" s="22">
        <v>19</v>
      </c>
      <c r="C107" s="14">
        <v>37</v>
      </c>
      <c r="D107" s="18">
        <v>56</v>
      </c>
    </row>
    <row r="108" spans="1:4" ht="18" customHeight="1" x14ac:dyDescent="0.15">
      <c r="A108" s="5" t="s">
        <v>35</v>
      </c>
      <c r="B108" s="22">
        <v>94</v>
      </c>
      <c r="C108" s="14">
        <v>146</v>
      </c>
      <c r="D108" s="18">
        <v>240</v>
      </c>
    </row>
    <row r="109" spans="1:4" ht="18" customHeight="1" x14ac:dyDescent="0.15">
      <c r="A109" s="5">
        <v>85</v>
      </c>
      <c r="B109" s="22">
        <v>18</v>
      </c>
      <c r="C109" s="14">
        <v>31</v>
      </c>
      <c r="D109" s="18">
        <v>49</v>
      </c>
    </row>
    <row r="110" spans="1:4" ht="18" customHeight="1" x14ac:dyDescent="0.15">
      <c r="A110" s="5">
        <v>86</v>
      </c>
      <c r="B110" s="22">
        <v>11</v>
      </c>
      <c r="C110" s="14">
        <v>17</v>
      </c>
      <c r="D110" s="18">
        <v>28</v>
      </c>
    </row>
    <row r="111" spans="1:4" ht="18" customHeight="1" x14ac:dyDescent="0.15">
      <c r="A111" s="5">
        <v>87</v>
      </c>
      <c r="B111" s="22">
        <v>8</v>
      </c>
      <c r="C111" s="14">
        <v>24</v>
      </c>
      <c r="D111" s="18">
        <v>32</v>
      </c>
    </row>
    <row r="112" spans="1:4" ht="18" customHeight="1" x14ac:dyDescent="0.15">
      <c r="A112" s="5">
        <v>88</v>
      </c>
      <c r="B112" s="22">
        <v>11</v>
      </c>
      <c r="C112" s="14">
        <v>22</v>
      </c>
      <c r="D112" s="18">
        <v>33</v>
      </c>
    </row>
    <row r="113" spans="1:4" ht="18" customHeight="1" x14ac:dyDescent="0.15">
      <c r="A113" s="5">
        <v>89</v>
      </c>
      <c r="B113" s="22">
        <v>3</v>
      </c>
      <c r="C113" s="14">
        <v>10</v>
      </c>
      <c r="D113" s="18">
        <v>13</v>
      </c>
    </row>
    <row r="114" spans="1:4" ht="18" customHeight="1" x14ac:dyDescent="0.15">
      <c r="A114" s="5" t="s">
        <v>37</v>
      </c>
      <c r="B114" s="22">
        <v>51</v>
      </c>
      <c r="C114" s="14">
        <v>104</v>
      </c>
      <c r="D114" s="18">
        <v>155</v>
      </c>
    </row>
    <row r="115" spans="1:4" ht="18" customHeight="1" x14ac:dyDescent="0.15">
      <c r="A115" s="5">
        <v>90</v>
      </c>
      <c r="B115" s="22">
        <v>5</v>
      </c>
      <c r="C115" s="14">
        <v>15</v>
      </c>
      <c r="D115" s="18">
        <v>20</v>
      </c>
    </row>
    <row r="116" spans="1:4" ht="18" customHeight="1" x14ac:dyDescent="0.15">
      <c r="A116" s="5">
        <v>91</v>
      </c>
      <c r="B116" s="22">
        <v>7</v>
      </c>
      <c r="C116" s="14">
        <v>14</v>
      </c>
      <c r="D116" s="18">
        <v>21</v>
      </c>
    </row>
    <row r="117" spans="1:4" ht="18" customHeight="1" x14ac:dyDescent="0.15">
      <c r="A117" s="5">
        <v>92</v>
      </c>
      <c r="B117" s="22">
        <v>5</v>
      </c>
      <c r="C117" s="14">
        <v>17</v>
      </c>
      <c r="D117" s="18">
        <v>22</v>
      </c>
    </row>
    <row r="118" spans="1:4" ht="18" customHeight="1" x14ac:dyDescent="0.15">
      <c r="A118" s="5">
        <v>93</v>
      </c>
      <c r="B118" s="22">
        <v>1</v>
      </c>
      <c r="C118" s="14">
        <v>15</v>
      </c>
      <c r="D118" s="18">
        <v>16</v>
      </c>
    </row>
    <row r="119" spans="1:4" ht="18" customHeight="1" x14ac:dyDescent="0.15">
      <c r="A119" s="5">
        <v>94</v>
      </c>
      <c r="B119" s="22">
        <v>0</v>
      </c>
      <c r="C119" s="14">
        <v>6</v>
      </c>
      <c r="D119" s="18">
        <v>6</v>
      </c>
    </row>
    <row r="120" spans="1:4" ht="18" customHeight="1" x14ac:dyDescent="0.15">
      <c r="A120" s="5" t="s">
        <v>39</v>
      </c>
      <c r="B120" s="22">
        <v>18</v>
      </c>
      <c r="C120" s="14">
        <v>67</v>
      </c>
      <c r="D120" s="18">
        <v>85</v>
      </c>
    </row>
    <row r="121" spans="1:4" ht="18" customHeight="1" x14ac:dyDescent="0.15">
      <c r="A121" s="5">
        <v>95</v>
      </c>
      <c r="B121" s="22">
        <v>1</v>
      </c>
      <c r="C121" s="14">
        <v>6</v>
      </c>
      <c r="D121" s="18">
        <v>7</v>
      </c>
    </row>
    <row r="122" spans="1:4" ht="18" customHeight="1" x14ac:dyDescent="0.15">
      <c r="A122" s="5">
        <v>96</v>
      </c>
      <c r="B122" s="22">
        <v>1</v>
      </c>
      <c r="C122" s="14">
        <v>10</v>
      </c>
      <c r="D122" s="18">
        <v>11</v>
      </c>
    </row>
    <row r="123" spans="1:4" ht="18" customHeight="1" x14ac:dyDescent="0.15">
      <c r="A123" s="5">
        <v>97</v>
      </c>
      <c r="B123" s="22">
        <v>0</v>
      </c>
      <c r="C123" s="14">
        <v>6</v>
      </c>
      <c r="D123" s="18">
        <v>6</v>
      </c>
    </row>
    <row r="124" spans="1:4" ht="18" customHeight="1" x14ac:dyDescent="0.15">
      <c r="A124" s="5">
        <v>98</v>
      </c>
      <c r="B124" s="22">
        <v>0</v>
      </c>
      <c r="C124" s="14">
        <v>4</v>
      </c>
      <c r="D124" s="18">
        <v>4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2</v>
      </c>
      <c r="C126" s="14">
        <v>26</v>
      </c>
      <c r="D126" s="18">
        <v>28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1</v>
      </c>
      <c r="C128" s="14">
        <v>4</v>
      </c>
      <c r="D128" s="18">
        <v>5</v>
      </c>
    </row>
    <row r="129" spans="1:4" ht="18" customHeight="1" x14ac:dyDescent="0.15">
      <c r="A129" s="5" t="s">
        <v>44</v>
      </c>
      <c r="B129" s="22">
        <v>1</v>
      </c>
      <c r="C129" s="14">
        <v>6</v>
      </c>
      <c r="D129" s="18">
        <v>7</v>
      </c>
    </row>
    <row r="130" spans="1:4" ht="18" customHeight="1" x14ac:dyDescent="0.15">
      <c r="A130" s="5" t="s">
        <v>46</v>
      </c>
      <c r="B130" s="22">
        <v>614</v>
      </c>
      <c r="C130" s="14">
        <v>839</v>
      </c>
      <c r="D130" s="18">
        <v>1453</v>
      </c>
    </row>
    <row r="131" spans="1:4" ht="18" customHeight="1" x14ac:dyDescent="0.15">
      <c r="A131" s="7" t="s">
        <v>45</v>
      </c>
      <c r="B131" s="23">
        <v>1809</v>
      </c>
      <c r="C131" s="15">
        <v>1860</v>
      </c>
      <c r="D131" s="19">
        <v>366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F00-000000000000}">
  <sheetPr codeName="Sheet5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</v>
      </c>
      <c r="C5" s="13">
        <v>4</v>
      </c>
      <c r="D5" s="17">
        <v>5</v>
      </c>
    </row>
    <row r="6" spans="1:4" ht="18" customHeight="1" x14ac:dyDescent="0.15">
      <c r="A6" s="5">
        <v>1</v>
      </c>
      <c r="B6" s="22">
        <v>3</v>
      </c>
      <c r="C6" s="14">
        <v>2</v>
      </c>
      <c r="D6" s="18">
        <v>5</v>
      </c>
    </row>
    <row r="7" spans="1:4" ht="18" customHeight="1" x14ac:dyDescent="0.15">
      <c r="A7" s="5">
        <v>2</v>
      </c>
      <c r="B7" s="22">
        <v>1</v>
      </c>
      <c r="C7" s="14">
        <v>2</v>
      </c>
      <c r="D7" s="18">
        <v>3</v>
      </c>
    </row>
    <row r="8" spans="1:4" ht="18" customHeight="1" x14ac:dyDescent="0.15">
      <c r="A8" s="5">
        <v>3</v>
      </c>
      <c r="B8" s="22">
        <v>3</v>
      </c>
      <c r="C8" s="14">
        <v>6</v>
      </c>
      <c r="D8" s="18">
        <v>9</v>
      </c>
    </row>
    <row r="9" spans="1:4" ht="18" customHeight="1" x14ac:dyDescent="0.15">
      <c r="A9" s="5">
        <v>4</v>
      </c>
      <c r="B9" s="22">
        <v>2</v>
      </c>
      <c r="C9" s="14">
        <v>2</v>
      </c>
      <c r="D9" s="18">
        <v>4</v>
      </c>
    </row>
    <row r="10" spans="1:4" ht="18" customHeight="1" x14ac:dyDescent="0.15">
      <c r="A10" s="5" t="s">
        <v>7</v>
      </c>
      <c r="B10" s="22">
        <v>10</v>
      </c>
      <c r="C10" s="14">
        <v>16</v>
      </c>
      <c r="D10" s="18">
        <v>26</v>
      </c>
    </row>
    <row r="11" spans="1:4" ht="18" customHeight="1" x14ac:dyDescent="0.15">
      <c r="A11" s="5">
        <v>5</v>
      </c>
      <c r="B11" s="22">
        <v>2</v>
      </c>
      <c r="C11" s="14">
        <v>3</v>
      </c>
      <c r="D11" s="18">
        <v>5</v>
      </c>
    </row>
    <row r="12" spans="1:4" ht="18" customHeight="1" x14ac:dyDescent="0.15">
      <c r="A12" s="5">
        <v>6</v>
      </c>
      <c r="B12" s="22">
        <v>6</v>
      </c>
      <c r="C12" s="14">
        <v>7</v>
      </c>
      <c r="D12" s="18">
        <v>13</v>
      </c>
    </row>
    <row r="13" spans="1:4" ht="18" customHeight="1" x14ac:dyDescent="0.15">
      <c r="A13" s="5">
        <v>7</v>
      </c>
      <c r="B13" s="22">
        <v>2</v>
      </c>
      <c r="C13" s="14">
        <v>2</v>
      </c>
      <c r="D13" s="18">
        <v>4</v>
      </c>
    </row>
    <row r="14" spans="1:4" ht="18" customHeight="1" x14ac:dyDescent="0.15">
      <c r="A14" s="5">
        <v>8</v>
      </c>
      <c r="B14" s="22">
        <v>5</v>
      </c>
      <c r="C14" s="14">
        <v>5</v>
      </c>
      <c r="D14" s="18">
        <v>10</v>
      </c>
    </row>
    <row r="15" spans="1:4" ht="18" customHeight="1" x14ac:dyDescent="0.15">
      <c r="A15" s="5">
        <v>9</v>
      </c>
      <c r="B15" s="22">
        <v>3</v>
      </c>
      <c r="C15" s="14">
        <v>8</v>
      </c>
      <c r="D15" s="18">
        <v>11</v>
      </c>
    </row>
    <row r="16" spans="1:4" ht="18" customHeight="1" x14ac:dyDescent="0.15">
      <c r="A16" s="5" t="s">
        <v>11</v>
      </c>
      <c r="B16" s="22">
        <v>18</v>
      </c>
      <c r="C16" s="14">
        <v>25</v>
      </c>
      <c r="D16" s="18">
        <v>43</v>
      </c>
    </row>
    <row r="17" spans="1:4" ht="18" customHeight="1" x14ac:dyDescent="0.15">
      <c r="A17" s="5">
        <v>10</v>
      </c>
      <c r="B17" s="22">
        <v>3</v>
      </c>
      <c r="C17" s="14">
        <v>5</v>
      </c>
      <c r="D17" s="18">
        <v>8</v>
      </c>
    </row>
    <row r="18" spans="1:4" ht="18" customHeight="1" x14ac:dyDescent="0.15">
      <c r="A18" s="5">
        <v>11</v>
      </c>
      <c r="B18" s="22">
        <v>5</v>
      </c>
      <c r="C18" s="14">
        <v>2</v>
      </c>
      <c r="D18" s="18">
        <v>7</v>
      </c>
    </row>
    <row r="19" spans="1:4" ht="18" customHeight="1" x14ac:dyDescent="0.15">
      <c r="A19" s="5">
        <v>12</v>
      </c>
      <c r="B19" s="22">
        <v>3</v>
      </c>
      <c r="C19" s="14">
        <v>5</v>
      </c>
      <c r="D19" s="18">
        <v>8</v>
      </c>
    </row>
    <row r="20" spans="1:4" ht="18" customHeight="1" x14ac:dyDescent="0.15">
      <c r="A20" s="5">
        <v>13</v>
      </c>
      <c r="B20" s="22">
        <v>3</v>
      </c>
      <c r="C20" s="14">
        <v>4</v>
      </c>
      <c r="D20" s="18">
        <v>7</v>
      </c>
    </row>
    <row r="21" spans="1:4" ht="18" customHeight="1" x14ac:dyDescent="0.15">
      <c r="A21" s="5">
        <v>14</v>
      </c>
      <c r="B21" s="22">
        <v>9</v>
      </c>
      <c r="C21" s="14">
        <v>2</v>
      </c>
      <c r="D21" s="18">
        <v>11</v>
      </c>
    </row>
    <row r="22" spans="1:4" ht="18" customHeight="1" x14ac:dyDescent="0.15">
      <c r="A22" s="5" t="s">
        <v>12</v>
      </c>
      <c r="B22" s="22">
        <v>23</v>
      </c>
      <c r="C22" s="14">
        <v>18</v>
      </c>
      <c r="D22" s="18">
        <v>41</v>
      </c>
    </row>
    <row r="23" spans="1:4" ht="18" customHeight="1" x14ac:dyDescent="0.15">
      <c r="A23" s="5" t="s">
        <v>6</v>
      </c>
      <c r="B23" s="22">
        <v>51</v>
      </c>
      <c r="C23" s="14">
        <v>59</v>
      </c>
      <c r="D23" s="18">
        <v>110</v>
      </c>
    </row>
    <row r="24" spans="1:4" ht="18" customHeight="1" x14ac:dyDescent="0.15">
      <c r="A24" s="5">
        <v>15</v>
      </c>
      <c r="B24" s="22">
        <v>4</v>
      </c>
      <c r="C24" s="14">
        <v>4</v>
      </c>
      <c r="D24" s="18">
        <v>8</v>
      </c>
    </row>
    <row r="25" spans="1:4" ht="18" customHeight="1" x14ac:dyDescent="0.15">
      <c r="A25" s="5">
        <v>16</v>
      </c>
      <c r="B25" s="22">
        <v>11</v>
      </c>
      <c r="C25" s="14">
        <v>6</v>
      </c>
      <c r="D25" s="18">
        <v>17</v>
      </c>
    </row>
    <row r="26" spans="1:4" ht="18" customHeight="1" x14ac:dyDescent="0.15">
      <c r="A26" s="5">
        <v>17</v>
      </c>
      <c r="B26" s="22">
        <v>12</v>
      </c>
      <c r="C26" s="14">
        <v>10</v>
      </c>
      <c r="D26" s="18">
        <v>22</v>
      </c>
    </row>
    <row r="27" spans="1:4" ht="18" customHeight="1" x14ac:dyDescent="0.15">
      <c r="A27" s="5">
        <v>18</v>
      </c>
      <c r="B27" s="22">
        <v>6</v>
      </c>
      <c r="C27" s="14">
        <v>8</v>
      </c>
      <c r="D27" s="18">
        <v>14</v>
      </c>
    </row>
    <row r="28" spans="1:4" ht="18" customHeight="1" x14ac:dyDescent="0.15">
      <c r="A28" s="5">
        <v>19</v>
      </c>
      <c r="B28" s="22">
        <v>12</v>
      </c>
      <c r="C28" s="14">
        <v>11</v>
      </c>
      <c r="D28" s="18">
        <v>23</v>
      </c>
    </row>
    <row r="29" spans="1:4" ht="18" customHeight="1" x14ac:dyDescent="0.15">
      <c r="A29" s="5" t="s">
        <v>14</v>
      </c>
      <c r="B29" s="22">
        <v>45</v>
      </c>
      <c r="C29" s="14">
        <v>39</v>
      </c>
      <c r="D29" s="18">
        <v>84</v>
      </c>
    </row>
    <row r="30" spans="1:4" ht="18" customHeight="1" x14ac:dyDescent="0.15">
      <c r="A30" s="5">
        <v>20</v>
      </c>
      <c r="B30" s="22">
        <v>14</v>
      </c>
      <c r="C30" s="14">
        <v>13</v>
      </c>
      <c r="D30" s="18">
        <v>27</v>
      </c>
    </row>
    <row r="31" spans="1:4" ht="18" customHeight="1" x14ac:dyDescent="0.15">
      <c r="A31" s="5">
        <v>21</v>
      </c>
      <c r="B31" s="22">
        <v>16</v>
      </c>
      <c r="C31" s="14">
        <v>16</v>
      </c>
      <c r="D31" s="18">
        <v>32</v>
      </c>
    </row>
    <row r="32" spans="1:4" ht="18" customHeight="1" x14ac:dyDescent="0.15">
      <c r="A32" s="5">
        <v>22</v>
      </c>
      <c r="B32" s="22">
        <v>11</v>
      </c>
      <c r="C32" s="14">
        <v>17</v>
      </c>
      <c r="D32" s="18">
        <v>28</v>
      </c>
    </row>
    <row r="33" spans="1:4" ht="18" customHeight="1" x14ac:dyDescent="0.15">
      <c r="A33" s="5">
        <v>23</v>
      </c>
      <c r="B33" s="22">
        <v>12</v>
      </c>
      <c r="C33" s="14">
        <v>2</v>
      </c>
      <c r="D33" s="18">
        <v>14</v>
      </c>
    </row>
    <row r="34" spans="1:4" ht="18" customHeight="1" x14ac:dyDescent="0.15">
      <c r="A34" s="5">
        <v>24</v>
      </c>
      <c r="B34" s="22">
        <v>8</v>
      </c>
      <c r="C34" s="14">
        <v>17</v>
      </c>
      <c r="D34" s="18">
        <v>25</v>
      </c>
    </row>
    <row r="35" spans="1:4" ht="18" customHeight="1" x14ac:dyDescent="0.15">
      <c r="A35" s="5" t="s">
        <v>9</v>
      </c>
      <c r="B35" s="22">
        <v>61</v>
      </c>
      <c r="C35" s="14">
        <v>65</v>
      </c>
      <c r="D35" s="18">
        <v>126</v>
      </c>
    </row>
    <row r="36" spans="1:4" ht="18" customHeight="1" x14ac:dyDescent="0.15">
      <c r="A36" s="5">
        <v>25</v>
      </c>
      <c r="B36" s="22">
        <v>14</v>
      </c>
      <c r="C36" s="14">
        <v>3</v>
      </c>
      <c r="D36" s="18">
        <v>17</v>
      </c>
    </row>
    <row r="37" spans="1:4" ht="18" customHeight="1" x14ac:dyDescent="0.15">
      <c r="A37" s="5">
        <v>26</v>
      </c>
      <c r="B37" s="22">
        <v>12</v>
      </c>
      <c r="C37" s="14">
        <v>3</v>
      </c>
      <c r="D37" s="18">
        <v>15</v>
      </c>
    </row>
    <row r="38" spans="1:4" ht="18" customHeight="1" x14ac:dyDescent="0.15">
      <c r="A38" s="5">
        <v>27</v>
      </c>
      <c r="B38" s="22">
        <v>6</v>
      </c>
      <c r="C38" s="14">
        <v>5</v>
      </c>
      <c r="D38" s="18">
        <v>11</v>
      </c>
    </row>
    <row r="39" spans="1:4" ht="18" customHeight="1" x14ac:dyDescent="0.15">
      <c r="A39" s="5">
        <v>28</v>
      </c>
      <c r="B39" s="22">
        <v>8</v>
      </c>
      <c r="C39" s="14">
        <v>7</v>
      </c>
      <c r="D39" s="18">
        <v>15</v>
      </c>
    </row>
    <row r="40" spans="1:4" ht="18" customHeight="1" x14ac:dyDescent="0.15">
      <c r="A40" s="5">
        <v>29</v>
      </c>
      <c r="B40" s="22">
        <v>3</v>
      </c>
      <c r="C40" s="14">
        <v>8</v>
      </c>
      <c r="D40" s="18">
        <v>11</v>
      </c>
    </row>
    <row r="41" spans="1:4" ht="18" customHeight="1" x14ac:dyDescent="0.15">
      <c r="A41" s="5" t="s">
        <v>2</v>
      </c>
      <c r="B41" s="22">
        <v>43</v>
      </c>
      <c r="C41" s="14">
        <v>26</v>
      </c>
      <c r="D41" s="18">
        <v>69</v>
      </c>
    </row>
    <row r="42" spans="1:4" ht="18" customHeight="1" x14ac:dyDescent="0.15">
      <c r="A42" s="5">
        <v>30</v>
      </c>
      <c r="B42" s="22">
        <v>5</v>
      </c>
      <c r="C42" s="14">
        <v>3</v>
      </c>
      <c r="D42" s="18">
        <v>8</v>
      </c>
    </row>
    <row r="43" spans="1:4" ht="18" customHeight="1" x14ac:dyDescent="0.15">
      <c r="A43" s="5">
        <v>31</v>
      </c>
      <c r="B43" s="22">
        <v>5</v>
      </c>
      <c r="C43" s="14">
        <v>3</v>
      </c>
      <c r="D43" s="18">
        <v>8</v>
      </c>
    </row>
    <row r="44" spans="1:4" ht="18" customHeight="1" x14ac:dyDescent="0.15">
      <c r="A44" s="5">
        <v>32</v>
      </c>
      <c r="B44" s="22">
        <v>5</v>
      </c>
      <c r="C44" s="14">
        <v>4</v>
      </c>
      <c r="D44" s="18">
        <v>9</v>
      </c>
    </row>
    <row r="45" spans="1:4" ht="18" customHeight="1" x14ac:dyDescent="0.15">
      <c r="A45" s="5">
        <v>33</v>
      </c>
      <c r="B45" s="22">
        <v>2</v>
      </c>
      <c r="C45" s="14">
        <v>4</v>
      </c>
      <c r="D45" s="18">
        <v>6</v>
      </c>
    </row>
    <row r="46" spans="1:4" ht="18" customHeight="1" x14ac:dyDescent="0.15">
      <c r="A46" s="5">
        <v>34</v>
      </c>
      <c r="B46" s="22">
        <v>6</v>
      </c>
      <c r="C46" s="14">
        <v>1</v>
      </c>
      <c r="D46" s="18">
        <v>7</v>
      </c>
    </row>
    <row r="47" spans="1:4" ht="18" customHeight="1" x14ac:dyDescent="0.15">
      <c r="A47" s="5" t="s">
        <v>15</v>
      </c>
      <c r="B47" s="22">
        <v>23</v>
      </c>
      <c r="C47" s="14">
        <v>15</v>
      </c>
      <c r="D47" s="18">
        <v>38</v>
      </c>
    </row>
    <row r="48" spans="1:4" ht="18" customHeight="1" x14ac:dyDescent="0.15">
      <c r="A48" s="5">
        <v>35</v>
      </c>
      <c r="B48" s="22">
        <v>3</v>
      </c>
      <c r="C48" s="14">
        <v>4</v>
      </c>
      <c r="D48" s="18">
        <v>7</v>
      </c>
    </row>
    <row r="49" spans="1:4" ht="18" customHeight="1" x14ac:dyDescent="0.15">
      <c r="A49" s="5">
        <v>36</v>
      </c>
      <c r="B49" s="22">
        <v>6</v>
      </c>
      <c r="C49" s="14">
        <v>7</v>
      </c>
      <c r="D49" s="18">
        <v>13</v>
      </c>
    </row>
    <row r="50" spans="1:4" ht="18" customHeight="1" x14ac:dyDescent="0.15">
      <c r="A50" s="5">
        <v>37</v>
      </c>
      <c r="B50" s="22">
        <v>6</v>
      </c>
      <c r="C50" s="14">
        <v>3</v>
      </c>
      <c r="D50" s="18">
        <v>9</v>
      </c>
    </row>
    <row r="51" spans="1:4" ht="18" customHeight="1" x14ac:dyDescent="0.15">
      <c r="A51" s="5">
        <v>38</v>
      </c>
      <c r="B51" s="22">
        <v>5</v>
      </c>
      <c r="C51" s="14">
        <v>5</v>
      </c>
      <c r="D51" s="18">
        <v>10</v>
      </c>
    </row>
    <row r="52" spans="1:4" ht="18" customHeight="1" x14ac:dyDescent="0.15">
      <c r="A52" s="5">
        <v>39</v>
      </c>
      <c r="B52" s="22">
        <v>9</v>
      </c>
      <c r="C52" s="14">
        <v>6</v>
      </c>
      <c r="D52" s="18">
        <v>15</v>
      </c>
    </row>
    <row r="53" spans="1:4" ht="18" customHeight="1" x14ac:dyDescent="0.15">
      <c r="A53" s="5" t="s">
        <v>18</v>
      </c>
      <c r="B53" s="22">
        <v>29</v>
      </c>
      <c r="C53" s="14">
        <v>25</v>
      </c>
      <c r="D53" s="18">
        <v>54</v>
      </c>
    </row>
    <row r="54" spans="1:4" ht="18" customHeight="1" x14ac:dyDescent="0.15">
      <c r="A54" s="5">
        <v>40</v>
      </c>
      <c r="B54" s="22">
        <v>5</v>
      </c>
      <c r="C54" s="14">
        <v>5</v>
      </c>
      <c r="D54" s="18">
        <v>10</v>
      </c>
    </row>
    <row r="55" spans="1:4" ht="18" customHeight="1" x14ac:dyDescent="0.15">
      <c r="A55" s="5">
        <v>41</v>
      </c>
      <c r="B55" s="22">
        <v>3</v>
      </c>
      <c r="C55" s="14">
        <v>7</v>
      </c>
      <c r="D55" s="18">
        <v>10</v>
      </c>
    </row>
    <row r="56" spans="1:4" ht="18" customHeight="1" x14ac:dyDescent="0.15">
      <c r="A56" s="5">
        <v>42</v>
      </c>
      <c r="B56" s="22">
        <v>8</v>
      </c>
      <c r="C56" s="14">
        <v>4</v>
      </c>
      <c r="D56" s="18">
        <v>12</v>
      </c>
    </row>
    <row r="57" spans="1:4" ht="18" customHeight="1" x14ac:dyDescent="0.15">
      <c r="A57" s="5">
        <v>43</v>
      </c>
      <c r="B57" s="22">
        <v>8</v>
      </c>
      <c r="C57" s="14">
        <v>4</v>
      </c>
      <c r="D57" s="18">
        <v>12</v>
      </c>
    </row>
    <row r="58" spans="1:4" ht="18" customHeight="1" x14ac:dyDescent="0.15">
      <c r="A58" s="5">
        <v>44</v>
      </c>
      <c r="B58" s="22">
        <v>4</v>
      </c>
      <c r="C58" s="14">
        <v>5</v>
      </c>
      <c r="D58" s="18">
        <v>9</v>
      </c>
    </row>
    <row r="59" spans="1:4" ht="18" customHeight="1" x14ac:dyDescent="0.15">
      <c r="A59" s="5" t="s">
        <v>21</v>
      </c>
      <c r="B59" s="22">
        <v>28</v>
      </c>
      <c r="C59" s="14">
        <v>25</v>
      </c>
      <c r="D59" s="18">
        <v>53</v>
      </c>
    </row>
    <row r="60" spans="1:4" ht="18" customHeight="1" x14ac:dyDescent="0.15">
      <c r="A60" s="5">
        <v>45</v>
      </c>
      <c r="B60" s="22">
        <v>7</v>
      </c>
      <c r="C60" s="14">
        <v>8</v>
      </c>
      <c r="D60" s="18">
        <v>15</v>
      </c>
    </row>
    <row r="61" spans="1:4" ht="18" customHeight="1" x14ac:dyDescent="0.15">
      <c r="A61" s="5">
        <v>46</v>
      </c>
      <c r="B61" s="22">
        <v>7</v>
      </c>
      <c r="C61" s="14">
        <v>10</v>
      </c>
      <c r="D61" s="18">
        <v>17</v>
      </c>
    </row>
    <row r="62" spans="1:4" ht="18" customHeight="1" x14ac:dyDescent="0.15">
      <c r="A62" s="5">
        <v>47</v>
      </c>
      <c r="B62" s="22">
        <v>6</v>
      </c>
      <c r="C62" s="14">
        <v>11</v>
      </c>
      <c r="D62" s="18">
        <v>17</v>
      </c>
    </row>
    <row r="63" spans="1:4" ht="18" customHeight="1" x14ac:dyDescent="0.15">
      <c r="A63" s="5">
        <v>48</v>
      </c>
      <c r="B63" s="22">
        <v>12</v>
      </c>
      <c r="C63" s="14">
        <v>14</v>
      </c>
      <c r="D63" s="18">
        <v>26</v>
      </c>
    </row>
    <row r="64" spans="1:4" ht="18" customHeight="1" x14ac:dyDescent="0.15">
      <c r="A64" s="5">
        <v>49</v>
      </c>
      <c r="B64" s="22">
        <v>20</v>
      </c>
      <c r="C64" s="14">
        <v>21</v>
      </c>
      <c r="D64" s="18">
        <v>41</v>
      </c>
    </row>
    <row r="65" spans="1:4" ht="18" customHeight="1" x14ac:dyDescent="0.15">
      <c r="A65" s="5" t="s">
        <v>17</v>
      </c>
      <c r="B65" s="22">
        <v>52</v>
      </c>
      <c r="C65" s="14">
        <v>64</v>
      </c>
      <c r="D65" s="18">
        <v>116</v>
      </c>
    </row>
    <row r="66" spans="1:4" ht="18" customHeight="1" x14ac:dyDescent="0.15">
      <c r="A66" s="5">
        <v>50</v>
      </c>
      <c r="B66" s="22">
        <v>23</v>
      </c>
      <c r="C66" s="14">
        <v>13</v>
      </c>
      <c r="D66" s="18">
        <v>36</v>
      </c>
    </row>
    <row r="67" spans="1:4" ht="18" customHeight="1" x14ac:dyDescent="0.15">
      <c r="A67" s="5">
        <v>51</v>
      </c>
      <c r="B67" s="22">
        <v>29</v>
      </c>
      <c r="C67" s="14">
        <v>18</v>
      </c>
      <c r="D67" s="18">
        <v>47</v>
      </c>
    </row>
    <row r="68" spans="1:4" ht="18" customHeight="1" x14ac:dyDescent="0.15">
      <c r="A68" s="5">
        <v>52</v>
      </c>
      <c r="B68" s="22">
        <v>22</v>
      </c>
      <c r="C68" s="14">
        <v>15</v>
      </c>
      <c r="D68" s="18">
        <v>37</v>
      </c>
    </row>
    <row r="69" spans="1:4" ht="18" customHeight="1" x14ac:dyDescent="0.15">
      <c r="A69" s="5">
        <v>53</v>
      </c>
      <c r="B69" s="22">
        <v>22</v>
      </c>
      <c r="C69" s="14">
        <v>21</v>
      </c>
      <c r="D69" s="18">
        <v>43</v>
      </c>
    </row>
    <row r="70" spans="1:4" ht="18" customHeight="1" x14ac:dyDescent="0.15">
      <c r="A70" s="5">
        <v>54</v>
      </c>
      <c r="B70" s="22">
        <v>26</v>
      </c>
      <c r="C70" s="14">
        <v>13</v>
      </c>
      <c r="D70" s="18">
        <v>39</v>
      </c>
    </row>
    <row r="71" spans="1:4" ht="18" customHeight="1" x14ac:dyDescent="0.15">
      <c r="A71" s="5" t="s">
        <v>22</v>
      </c>
      <c r="B71" s="22">
        <v>122</v>
      </c>
      <c r="C71" s="14">
        <v>80</v>
      </c>
      <c r="D71" s="18">
        <v>202</v>
      </c>
    </row>
    <row r="72" spans="1:4" ht="18" customHeight="1" x14ac:dyDescent="0.15">
      <c r="A72" s="5">
        <v>55</v>
      </c>
      <c r="B72" s="22">
        <v>14</v>
      </c>
      <c r="C72" s="14">
        <v>19</v>
      </c>
      <c r="D72" s="18">
        <v>33</v>
      </c>
    </row>
    <row r="73" spans="1:4" ht="18" customHeight="1" x14ac:dyDescent="0.15">
      <c r="A73" s="5">
        <v>56</v>
      </c>
      <c r="B73" s="22">
        <v>13</v>
      </c>
      <c r="C73" s="14">
        <v>18</v>
      </c>
      <c r="D73" s="18">
        <v>31</v>
      </c>
    </row>
    <row r="74" spans="1:4" ht="18" customHeight="1" x14ac:dyDescent="0.15">
      <c r="A74" s="5">
        <v>57</v>
      </c>
      <c r="B74" s="22">
        <v>16</v>
      </c>
      <c r="C74" s="14">
        <v>18</v>
      </c>
      <c r="D74" s="18">
        <v>34</v>
      </c>
    </row>
    <row r="75" spans="1:4" ht="18" customHeight="1" x14ac:dyDescent="0.15">
      <c r="A75" s="5">
        <v>58</v>
      </c>
      <c r="B75" s="22">
        <v>17</v>
      </c>
      <c r="C75" s="14">
        <v>11</v>
      </c>
      <c r="D75" s="18">
        <v>28</v>
      </c>
    </row>
    <row r="76" spans="1:4" ht="18" customHeight="1" x14ac:dyDescent="0.15">
      <c r="A76" s="5">
        <v>59</v>
      </c>
      <c r="B76" s="22">
        <v>9</v>
      </c>
      <c r="C76" s="14">
        <v>9</v>
      </c>
      <c r="D76" s="18">
        <v>18</v>
      </c>
    </row>
    <row r="77" spans="1:4" ht="18" customHeight="1" x14ac:dyDescent="0.15">
      <c r="A77" s="5" t="s">
        <v>27</v>
      </c>
      <c r="B77" s="22">
        <v>69</v>
      </c>
      <c r="C77" s="14">
        <v>75</v>
      </c>
      <c r="D77" s="18">
        <v>144</v>
      </c>
    </row>
    <row r="78" spans="1:4" ht="18" customHeight="1" x14ac:dyDescent="0.15">
      <c r="A78" s="5">
        <v>60</v>
      </c>
      <c r="B78" s="22">
        <v>10</v>
      </c>
      <c r="C78" s="14">
        <v>7</v>
      </c>
      <c r="D78" s="18">
        <v>17</v>
      </c>
    </row>
    <row r="79" spans="1:4" ht="18" customHeight="1" x14ac:dyDescent="0.15">
      <c r="A79" s="5">
        <v>61</v>
      </c>
      <c r="B79" s="22">
        <v>8</v>
      </c>
      <c r="C79" s="14">
        <v>5</v>
      </c>
      <c r="D79" s="18">
        <v>13</v>
      </c>
    </row>
    <row r="80" spans="1:4" ht="18" customHeight="1" x14ac:dyDescent="0.15">
      <c r="A80" s="5">
        <v>62</v>
      </c>
      <c r="B80" s="22">
        <v>9</v>
      </c>
      <c r="C80" s="14">
        <v>10</v>
      </c>
      <c r="D80" s="18">
        <v>19</v>
      </c>
    </row>
    <row r="81" spans="1:4" ht="18" customHeight="1" x14ac:dyDescent="0.15">
      <c r="A81" s="5">
        <v>63</v>
      </c>
      <c r="B81" s="22">
        <v>5</v>
      </c>
      <c r="C81" s="14">
        <v>9</v>
      </c>
      <c r="D81" s="18">
        <v>14</v>
      </c>
    </row>
    <row r="82" spans="1:4" ht="18" customHeight="1" x14ac:dyDescent="0.15">
      <c r="A82" s="5">
        <v>64</v>
      </c>
      <c r="B82" s="22">
        <v>10</v>
      </c>
      <c r="C82" s="14">
        <v>10</v>
      </c>
      <c r="D82" s="18">
        <v>20</v>
      </c>
    </row>
    <row r="83" spans="1:4" ht="18" customHeight="1" x14ac:dyDescent="0.15">
      <c r="A83" s="5" t="s">
        <v>28</v>
      </c>
      <c r="B83" s="22">
        <v>42</v>
      </c>
      <c r="C83" s="14">
        <v>41</v>
      </c>
      <c r="D83" s="18">
        <v>83</v>
      </c>
    </row>
    <row r="84" spans="1:4" ht="18" customHeight="1" x14ac:dyDescent="0.15">
      <c r="A84" s="5" t="s">
        <v>31</v>
      </c>
      <c r="B84" s="22">
        <v>514</v>
      </c>
      <c r="C84" s="14">
        <v>455</v>
      </c>
      <c r="D84" s="18">
        <v>969</v>
      </c>
    </row>
    <row r="85" spans="1:4" ht="18" customHeight="1" x14ac:dyDescent="0.15">
      <c r="A85" s="5">
        <v>65</v>
      </c>
      <c r="B85" s="22">
        <v>6</v>
      </c>
      <c r="C85" s="14">
        <v>13</v>
      </c>
      <c r="D85" s="18">
        <v>19</v>
      </c>
    </row>
    <row r="86" spans="1:4" ht="18" customHeight="1" x14ac:dyDescent="0.15">
      <c r="A86" s="5">
        <v>66</v>
      </c>
      <c r="B86" s="22">
        <v>14</v>
      </c>
      <c r="C86" s="14">
        <v>4</v>
      </c>
      <c r="D86" s="18">
        <v>18</v>
      </c>
    </row>
    <row r="87" spans="1:4" ht="18" customHeight="1" x14ac:dyDescent="0.15">
      <c r="A87" s="5">
        <v>67</v>
      </c>
      <c r="B87" s="22">
        <v>13</v>
      </c>
      <c r="C87" s="14">
        <v>14</v>
      </c>
      <c r="D87" s="18">
        <v>27</v>
      </c>
    </row>
    <row r="88" spans="1:4" ht="18" customHeight="1" x14ac:dyDescent="0.15">
      <c r="A88" s="5">
        <v>68</v>
      </c>
      <c r="B88" s="22">
        <v>8</v>
      </c>
      <c r="C88" s="14">
        <v>9</v>
      </c>
      <c r="D88" s="18">
        <v>17</v>
      </c>
    </row>
    <row r="89" spans="1:4" ht="18" customHeight="1" x14ac:dyDescent="0.15">
      <c r="A89" s="5">
        <v>69</v>
      </c>
      <c r="B89" s="22">
        <v>7</v>
      </c>
      <c r="C89" s="14">
        <v>5</v>
      </c>
      <c r="D89" s="18">
        <v>12</v>
      </c>
    </row>
    <row r="90" spans="1:4" ht="18" customHeight="1" x14ac:dyDescent="0.15">
      <c r="A90" s="5" t="s">
        <v>20</v>
      </c>
      <c r="B90" s="22">
        <v>48</v>
      </c>
      <c r="C90" s="14">
        <v>45</v>
      </c>
      <c r="D90" s="18">
        <v>93</v>
      </c>
    </row>
    <row r="91" spans="1:4" ht="18" customHeight="1" x14ac:dyDescent="0.15">
      <c r="A91" s="5">
        <v>70</v>
      </c>
      <c r="B91" s="22">
        <v>7</v>
      </c>
      <c r="C91" s="14">
        <v>7</v>
      </c>
      <c r="D91" s="18">
        <v>14</v>
      </c>
    </row>
    <row r="92" spans="1:4" ht="18" customHeight="1" x14ac:dyDescent="0.15">
      <c r="A92" s="5">
        <v>71</v>
      </c>
      <c r="B92" s="22">
        <v>7</v>
      </c>
      <c r="C92" s="14">
        <v>9</v>
      </c>
      <c r="D92" s="18">
        <v>16</v>
      </c>
    </row>
    <row r="93" spans="1:4" ht="18" customHeight="1" x14ac:dyDescent="0.15">
      <c r="A93" s="5">
        <v>72</v>
      </c>
      <c r="B93" s="22">
        <v>6</v>
      </c>
      <c r="C93" s="14">
        <v>15</v>
      </c>
      <c r="D93" s="18">
        <v>21</v>
      </c>
    </row>
    <row r="94" spans="1:4" ht="18" customHeight="1" x14ac:dyDescent="0.15">
      <c r="A94" s="5">
        <v>73</v>
      </c>
      <c r="B94" s="22">
        <v>10</v>
      </c>
      <c r="C94" s="14">
        <v>8</v>
      </c>
      <c r="D94" s="18">
        <v>18</v>
      </c>
    </row>
    <row r="95" spans="1:4" ht="18" customHeight="1" x14ac:dyDescent="0.15">
      <c r="A95" s="5">
        <v>74</v>
      </c>
      <c r="B95" s="22">
        <v>8</v>
      </c>
      <c r="C95" s="14">
        <v>13</v>
      </c>
      <c r="D95" s="18">
        <v>21</v>
      </c>
    </row>
    <row r="96" spans="1:4" ht="18" customHeight="1" x14ac:dyDescent="0.15">
      <c r="A96" s="5" t="s">
        <v>33</v>
      </c>
      <c r="B96" s="22">
        <v>38</v>
      </c>
      <c r="C96" s="14">
        <v>52</v>
      </c>
      <c r="D96" s="18">
        <v>90</v>
      </c>
    </row>
    <row r="97" spans="1:4" ht="18" customHeight="1" x14ac:dyDescent="0.15">
      <c r="A97" s="5">
        <v>75</v>
      </c>
      <c r="B97" s="22">
        <v>14</v>
      </c>
      <c r="C97" s="14">
        <v>4</v>
      </c>
      <c r="D97" s="18">
        <v>18</v>
      </c>
    </row>
    <row r="98" spans="1:4" ht="18" customHeight="1" x14ac:dyDescent="0.15">
      <c r="A98" s="5">
        <v>76</v>
      </c>
      <c r="B98" s="22">
        <v>14</v>
      </c>
      <c r="C98" s="14">
        <v>16</v>
      </c>
      <c r="D98" s="18">
        <v>30</v>
      </c>
    </row>
    <row r="99" spans="1:4" ht="18" customHeight="1" x14ac:dyDescent="0.15">
      <c r="A99" s="5">
        <v>77</v>
      </c>
      <c r="B99" s="22">
        <v>9</v>
      </c>
      <c r="C99" s="14">
        <v>13</v>
      </c>
      <c r="D99" s="18">
        <v>22</v>
      </c>
    </row>
    <row r="100" spans="1:4" ht="18" customHeight="1" x14ac:dyDescent="0.15">
      <c r="A100" s="5">
        <v>78</v>
      </c>
      <c r="B100" s="22">
        <v>6</v>
      </c>
      <c r="C100" s="14">
        <v>14</v>
      </c>
      <c r="D100" s="18">
        <v>20</v>
      </c>
    </row>
    <row r="101" spans="1:4" ht="18" customHeight="1" x14ac:dyDescent="0.15">
      <c r="A101" s="5">
        <v>79</v>
      </c>
      <c r="B101" s="22">
        <v>11</v>
      </c>
      <c r="C101" s="14">
        <v>9</v>
      </c>
      <c r="D101" s="18">
        <v>20</v>
      </c>
    </row>
    <row r="102" spans="1:4" ht="18" customHeight="1" x14ac:dyDescent="0.15">
      <c r="A102" s="5" t="s">
        <v>0</v>
      </c>
      <c r="B102" s="22">
        <v>54</v>
      </c>
      <c r="C102" s="14">
        <v>56</v>
      </c>
      <c r="D102" s="18">
        <v>110</v>
      </c>
    </row>
    <row r="103" spans="1:4" ht="18" customHeight="1" x14ac:dyDescent="0.15">
      <c r="A103" s="5">
        <v>80</v>
      </c>
      <c r="B103" s="22">
        <v>7</v>
      </c>
      <c r="C103" s="14">
        <v>10</v>
      </c>
      <c r="D103" s="18">
        <v>17</v>
      </c>
    </row>
    <row r="104" spans="1:4" ht="18" customHeight="1" x14ac:dyDescent="0.15">
      <c r="A104" s="5">
        <v>81</v>
      </c>
      <c r="B104" s="22">
        <v>7</v>
      </c>
      <c r="C104" s="14">
        <v>7</v>
      </c>
      <c r="D104" s="18">
        <v>14</v>
      </c>
    </row>
    <row r="105" spans="1:4" ht="18" customHeight="1" x14ac:dyDescent="0.15">
      <c r="A105" s="5">
        <v>82</v>
      </c>
      <c r="B105" s="22">
        <v>8</v>
      </c>
      <c r="C105" s="14">
        <v>15</v>
      </c>
      <c r="D105" s="18">
        <v>23</v>
      </c>
    </row>
    <row r="106" spans="1:4" ht="18" customHeight="1" x14ac:dyDescent="0.15">
      <c r="A106" s="5">
        <v>83</v>
      </c>
      <c r="B106" s="22">
        <v>2</v>
      </c>
      <c r="C106" s="14">
        <v>12</v>
      </c>
      <c r="D106" s="18">
        <v>14</v>
      </c>
    </row>
    <row r="107" spans="1:4" ht="18" customHeight="1" x14ac:dyDescent="0.15">
      <c r="A107" s="5">
        <v>84</v>
      </c>
      <c r="B107" s="22">
        <v>6</v>
      </c>
      <c r="C107" s="14">
        <v>7</v>
      </c>
      <c r="D107" s="18">
        <v>13</v>
      </c>
    </row>
    <row r="108" spans="1:4" ht="18" customHeight="1" x14ac:dyDescent="0.15">
      <c r="A108" s="5" t="s">
        <v>35</v>
      </c>
      <c r="B108" s="22">
        <v>30</v>
      </c>
      <c r="C108" s="14">
        <v>51</v>
      </c>
      <c r="D108" s="18">
        <v>81</v>
      </c>
    </row>
    <row r="109" spans="1:4" ht="18" customHeight="1" x14ac:dyDescent="0.15">
      <c r="A109" s="5">
        <v>85</v>
      </c>
      <c r="B109" s="22">
        <v>5</v>
      </c>
      <c r="C109" s="14">
        <v>9</v>
      </c>
      <c r="D109" s="18">
        <v>14</v>
      </c>
    </row>
    <row r="110" spans="1:4" ht="18" customHeight="1" x14ac:dyDescent="0.15">
      <c r="A110" s="5">
        <v>86</v>
      </c>
      <c r="B110" s="22">
        <v>6</v>
      </c>
      <c r="C110" s="14">
        <v>6</v>
      </c>
      <c r="D110" s="18">
        <v>12</v>
      </c>
    </row>
    <row r="111" spans="1:4" ht="18" customHeight="1" x14ac:dyDescent="0.15">
      <c r="A111" s="5">
        <v>87</v>
      </c>
      <c r="B111" s="22">
        <v>3</v>
      </c>
      <c r="C111" s="14">
        <v>2</v>
      </c>
      <c r="D111" s="18">
        <v>5</v>
      </c>
    </row>
    <row r="112" spans="1:4" ht="18" customHeight="1" x14ac:dyDescent="0.15">
      <c r="A112" s="5">
        <v>88</v>
      </c>
      <c r="B112" s="22">
        <v>2</v>
      </c>
      <c r="C112" s="14">
        <v>2</v>
      </c>
      <c r="D112" s="18">
        <v>4</v>
      </c>
    </row>
    <row r="113" spans="1:4" ht="18" customHeight="1" x14ac:dyDescent="0.15">
      <c r="A113" s="5">
        <v>89</v>
      </c>
      <c r="B113" s="22">
        <v>2</v>
      </c>
      <c r="C113" s="14">
        <v>8</v>
      </c>
      <c r="D113" s="18">
        <v>10</v>
      </c>
    </row>
    <row r="114" spans="1:4" ht="18" customHeight="1" x14ac:dyDescent="0.15">
      <c r="A114" s="5" t="s">
        <v>37</v>
      </c>
      <c r="B114" s="22">
        <v>18</v>
      </c>
      <c r="C114" s="14">
        <v>27</v>
      </c>
      <c r="D114" s="18">
        <v>45</v>
      </c>
    </row>
    <row r="115" spans="1:4" ht="18" customHeight="1" x14ac:dyDescent="0.15">
      <c r="A115" s="5">
        <v>90</v>
      </c>
      <c r="B115" s="22">
        <v>1</v>
      </c>
      <c r="C115" s="14">
        <v>9</v>
      </c>
      <c r="D115" s="18">
        <v>10</v>
      </c>
    </row>
    <row r="116" spans="1:4" ht="18" customHeight="1" x14ac:dyDescent="0.15">
      <c r="A116" s="5">
        <v>91</v>
      </c>
      <c r="B116" s="22">
        <v>1</v>
      </c>
      <c r="C116" s="14">
        <v>3</v>
      </c>
      <c r="D116" s="18">
        <v>4</v>
      </c>
    </row>
    <row r="117" spans="1:4" ht="18" customHeight="1" x14ac:dyDescent="0.15">
      <c r="A117" s="5">
        <v>92</v>
      </c>
      <c r="B117" s="22">
        <v>4</v>
      </c>
      <c r="C117" s="14">
        <v>3</v>
      </c>
      <c r="D117" s="18">
        <v>7</v>
      </c>
    </row>
    <row r="118" spans="1:4" ht="18" customHeight="1" x14ac:dyDescent="0.15">
      <c r="A118" s="5">
        <v>93</v>
      </c>
      <c r="B118" s="22">
        <v>1</v>
      </c>
      <c r="C118" s="14">
        <v>3</v>
      </c>
      <c r="D118" s="18">
        <v>4</v>
      </c>
    </row>
    <row r="119" spans="1:4" ht="18" customHeight="1" x14ac:dyDescent="0.15">
      <c r="A119" s="5">
        <v>94</v>
      </c>
      <c r="B119" s="22">
        <v>1</v>
      </c>
      <c r="C119" s="14">
        <v>2</v>
      </c>
      <c r="D119" s="18">
        <v>3</v>
      </c>
    </row>
    <row r="120" spans="1:4" ht="18" customHeight="1" x14ac:dyDescent="0.15">
      <c r="A120" s="5" t="s">
        <v>39</v>
      </c>
      <c r="B120" s="22">
        <v>8</v>
      </c>
      <c r="C120" s="14">
        <v>20</v>
      </c>
      <c r="D120" s="18">
        <v>28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0</v>
      </c>
      <c r="C123" s="14">
        <v>0</v>
      </c>
      <c r="D123" s="18">
        <v>0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3</v>
      </c>
      <c r="D126" s="18">
        <v>3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1</v>
      </c>
      <c r="C128" s="14">
        <v>2</v>
      </c>
      <c r="D128" s="18">
        <v>3</v>
      </c>
    </row>
    <row r="129" spans="1:4" ht="18" customHeight="1" x14ac:dyDescent="0.15">
      <c r="A129" s="5" t="s">
        <v>44</v>
      </c>
      <c r="B129" s="22">
        <v>1</v>
      </c>
      <c r="C129" s="14">
        <v>3</v>
      </c>
      <c r="D129" s="18">
        <v>4</v>
      </c>
    </row>
    <row r="130" spans="1:4" ht="18" customHeight="1" x14ac:dyDescent="0.15">
      <c r="A130" s="5" t="s">
        <v>46</v>
      </c>
      <c r="B130" s="22">
        <v>197</v>
      </c>
      <c r="C130" s="14">
        <v>257</v>
      </c>
      <c r="D130" s="18">
        <v>454</v>
      </c>
    </row>
    <row r="131" spans="1:4" ht="18" customHeight="1" x14ac:dyDescent="0.15">
      <c r="A131" s="7" t="s">
        <v>45</v>
      </c>
      <c r="B131" s="23">
        <v>762</v>
      </c>
      <c r="C131" s="15">
        <v>771</v>
      </c>
      <c r="D131" s="19">
        <v>153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Sheet1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3</v>
      </c>
      <c r="C5" s="13">
        <v>2</v>
      </c>
      <c r="D5" s="17">
        <v>5</v>
      </c>
    </row>
    <row r="6" spans="1:4" ht="18" customHeight="1" x14ac:dyDescent="0.15">
      <c r="A6" s="5">
        <v>1</v>
      </c>
      <c r="B6" s="22">
        <v>3</v>
      </c>
      <c r="C6" s="14">
        <v>2</v>
      </c>
      <c r="D6" s="18">
        <v>5</v>
      </c>
    </row>
    <row r="7" spans="1:4" ht="18" customHeight="1" x14ac:dyDescent="0.15">
      <c r="A7" s="5">
        <v>2</v>
      </c>
      <c r="B7" s="22">
        <v>4</v>
      </c>
      <c r="C7" s="14">
        <v>0</v>
      </c>
      <c r="D7" s="18">
        <v>4</v>
      </c>
    </row>
    <row r="8" spans="1:4" ht="18" customHeight="1" x14ac:dyDescent="0.15">
      <c r="A8" s="5">
        <v>3</v>
      </c>
      <c r="B8" s="22">
        <v>3</v>
      </c>
      <c r="C8" s="14">
        <v>2</v>
      </c>
      <c r="D8" s="18">
        <v>5</v>
      </c>
    </row>
    <row r="9" spans="1:4" ht="18" customHeight="1" x14ac:dyDescent="0.15">
      <c r="A9" s="5">
        <v>4</v>
      </c>
      <c r="B9" s="22">
        <v>7</v>
      </c>
      <c r="C9" s="14">
        <v>1</v>
      </c>
      <c r="D9" s="18">
        <v>8</v>
      </c>
    </row>
    <row r="10" spans="1:4" ht="18" customHeight="1" x14ac:dyDescent="0.15">
      <c r="A10" s="5" t="s">
        <v>7</v>
      </c>
      <c r="B10" s="22">
        <v>20</v>
      </c>
      <c r="C10" s="14">
        <v>7</v>
      </c>
      <c r="D10" s="18">
        <v>27</v>
      </c>
    </row>
    <row r="11" spans="1:4" ht="18" customHeight="1" x14ac:dyDescent="0.15">
      <c r="A11" s="5">
        <v>5</v>
      </c>
      <c r="B11" s="22">
        <v>4</v>
      </c>
      <c r="C11" s="14">
        <v>1</v>
      </c>
      <c r="D11" s="18">
        <v>5</v>
      </c>
    </row>
    <row r="12" spans="1:4" ht="18" customHeight="1" x14ac:dyDescent="0.15">
      <c r="A12" s="5">
        <v>6</v>
      </c>
      <c r="B12" s="22">
        <v>4</v>
      </c>
      <c r="C12" s="14">
        <v>4</v>
      </c>
      <c r="D12" s="18">
        <v>8</v>
      </c>
    </row>
    <row r="13" spans="1:4" ht="18" customHeight="1" x14ac:dyDescent="0.15">
      <c r="A13" s="5">
        <v>7</v>
      </c>
      <c r="B13" s="22">
        <v>2</v>
      </c>
      <c r="C13" s="14">
        <v>3</v>
      </c>
      <c r="D13" s="18">
        <v>5</v>
      </c>
    </row>
    <row r="14" spans="1:4" ht="18" customHeight="1" x14ac:dyDescent="0.15">
      <c r="A14" s="5">
        <v>8</v>
      </c>
      <c r="B14" s="22">
        <v>5</v>
      </c>
      <c r="C14" s="14">
        <v>3</v>
      </c>
      <c r="D14" s="18">
        <v>8</v>
      </c>
    </row>
    <row r="15" spans="1:4" ht="18" customHeight="1" x14ac:dyDescent="0.15">
      <c r="A15" s="5">
        <v>9</v>
      </c>
      <c r="B15" s="22">
        <v>5</v>
      </c>
      <c r="C15" s="14">
        <v>9</v>
      </c>
      <c r="D15" s="18">
        <v>14</v>
      </c>
    </row>
    <row r="16" spans="1:4" ht="18" customHeight="1" x14ac:dyDescent="0.15">
      <c r="A16" s="5" t="s">
        <v>11</v>
      </c>
      <c r="B16" s="22">
        <v>20</v>
      </c>
      <c r="C16" s="14">
        <v>20</v>
      </c>
      <c r="D16" s="18">
        <v>40</v>
      </c>
    </row>
    <row r="17" spans="1:4" ht="18" customHeight="1" x14ac:dyDescent="0.15">
      <c r="A17" s="5">
        <v>10</v>
      </c>
      <c r="B17" s="22">
        <v>2</v>
      </c>
      <c r="C17" s="14">
        <v>5</v>
      </c>
      <c r="D17" s="18">
        <v>7</v>
      </c>
    </row>
    <row r="18" spans="1:4" ht="18" customHeight="1" x14ac:dyDescent="0.15">
      <c r="A18" s="5">
        <v>11</v>
      </c>
      <c r="B18" s="22">
        <v>6</v>
      </c>
      <c r="C18" s="14">
        <v>5</v>
      </c>
      <c r="D18" s="18">
        <v>11</v>
      </c>
    </row>
    <row r="19" spans="1:4" ht="18" customHeight="1" x14ac:dyDescent="0.15">
      <c r="A19" s="5">
        <v>12</v>
      </c>
      <c r="B19" s="22">
        <v>11</v>
      </c>
      <c r="C19" s="14">
        <v>3</v>
      </c>
      <c r="D19" s="18">
        <v>14</v>
      </c>
    </row>
    <row r="20" spans="1:4" ht="18" customHeight="1" x14ac:dyDescent="0.15">
      <c r="A20" s="5">
        <v>13</v>
      </c>
      <c r="B20" s="22">
        <v>4</v>
      </c>
      <c r="C20" s="14">
        <v>8</v>
      </c>
      <c r="D20" s="18">
        <v>12</v>
      </c>
    </row>
    <row r="21" spans="1:4" ht="18" customHeight="1" x14ac:dyDescent="0.15">
      <c r="A21" s="5">
        <v>14</v>
      </c>
      <c r="B21" s="22">
        <v>7</v>
      </c>
      <c r="C21" s="14">
        <v>7</v>
      </c>
      <c r="D21" s="18">
        <v>14</v>
      </c>
    </row>
    <row r="22" spans="1:4" ht="18" customHeight="1" x14ac:dyDescent="0.15">
      <c r="A22" s="5" t="s">
        <v>12</v>
      </c>
      <c r="B22" s="22">
        <v>30</v>
      </c>
      <c r="C22" s="14">
        <v>28</v>
      </c>
      <c r="D22" s="18">
        <v>58</v>
      </c>
    </row>
    <row r="23" spans="1:4" ht="18" customHeight="1" x14ac:dyDescent="0.15">
      <c r="A23" s="5" t="s">
        <v>6</v>
      </c>
      <c r="B23" s="22">
        <v>70</v>
      </c>
      <c r="C23" s="14">
        <v>55</v>
      </c>
      <c r="D23" s="18">
        <v>125</v>
      </c>
    </row>
    <row r="24" spans="1:4" ht="18" customHeight="1" x14ac:dyDescent="0.15">
      <c r="A24" s="5">
        <v>15</v>
      </c>
      <c r="B24" s="22">
        <v>6</v>
      </c>
      <c r="C24" s="14">
        <v>4</v>
      </c>
      <c r="D24" s="18">
        <v>10</v>
      </c>
    </row>
    <row r="25" spans="1:4" ht="18" customHeight="1" x14ac:dyDescent="0.15">
      <c r="A25" s="5">
        <v>16</v>
      </c>
      <c r="B25" s="22">
        <v>2</v>
      </c>
      <c r="C25" s="14">
        <v>14</v>
      </c>
      <c r="D25" s="18">
        <v>16</v>
      </c>
    </row>
    <row r="26" spans="1:4" ht="18" customHeight="1" x14ac:dyDescent="0.15">
      <c r="A26" s="5">
        <v>17</v>
      </c>
      <c r="B26" s="22">
        <v>2</v>
      </c>
      <c r="C26" s="14">
        <v>11</v>
      </c>
      <c r="D26" s="18">
        <v>13</v>
      </c>
    </row>
    <row r="27" spans="1:4" ht="18" customHeight="1" x14ac:dyDescent="0.15">
      <c r="A27" s="5">
        <v>18</v>
      </c>
      <c r="B27" s="22">
        <v>3</v>
      </c>
      <c r="C27" s="14">
        <v>6</v>
      </c>
      <c r="D27" s="18">
        <v>9</v>
      </c>
    </row>
    <row r="28" spans="1:4" ht="18" customHeight="1" x14ac:dyDescent="0.15">
      <c r="A28" s="5">
        <v>19</v>
      </c>
      <c r="B28" s="22">
        <v>6</v>
      </c>
      <c r="C28" s="14">
        <v>5</v>
      </c>
      <c r="D28" s="18">
        <v>11</v>
      </c>
    </row>
    <row r="29" spans="1:4" ht="18" customHeight="1" x14ac:dyDescent="0.15">
      <c r="A29" s="5" t="s">
        <v>14</v>
      </c>
      <c r="B29" s="22">
        <v>19</v>
      </c>
      <c r="C29" s="14">
        <v>40</v>
      </c>
      <c r="D29" s="18">
        <v>59</v>
      </c>
    </row>
    <row r="30" spans="1:4" ht="18" customHeight="1" x14ac:dyDescent="0.15">
      <c r="A30" s="5">
        <v>20</v>
      </c>
      <c r="B30" s="22">
        <v>11</v>
      </c>
      <c r="C30" s="14">
        <v>10</v>
      </c>
      <c r="D30" s="18">
        <v>21</v>
      </c>
    </row>
    <row r="31" spans="1:4" ht="18" customHeight="1" x14ac:dyDescent="0.15">
      <c r="A31" s="5">
        <v>21</v>
      </c>
      <c r="B31" s="22">
        <v>7</v>
      </c>
      <c r="C31" s="14">
        <v>10</v>
      </c>
      <c r="D31" s="18">
        <v>17</v>
      </c>
    </row>
    <row r="32" spans="1:4" ht="18" customHeight="1" x14ac:dyDescent="0.15">
      <c r="A32" s="5">
        <v>22</v>
      </c>
      <c r="B32" s="22">
        <v>6</v>
      </c>
      <c r="C32" s="14">
        <v>8</v>
      </c>
      <c r="D32" s="18">
        <v>14</v>
      </c>
    </row>
    <row r="33" spans="1:4" ht="18" customHeight="1" x14ac:dyDescent="0.15">
      <c r="A33" s="5">
        <v>23</v>
      </c>
      <c r="B33" s="22">
        <v>12</v>
      </c>
      <c r="C33" s="14">
        <v>5</v>
      </c>
      <c r="D33" s="18">
        <v>17</v>
      </c>
    </row>
    <row r="34" spans="1:4" ht="18" customHeight="1" x14ac:dyDescent="0.15">
      <c r="A34" s="5">
        <v>24</v>
      </c>
      <c r="B34" s="22">
        <v>7</v>
      </c>
      <c r="C34" s="14">
        <v>10</v>
      </c>
      <c r="D34" s="18">
        <v>17</v>
      </c>
    </row>
    <row r="35" spans="1:4" ht="18" customHeight="1" x14ac:dyDescent="0.15">
      <c r="A35" s="5" t="s">
        <v>9</v>
      </c>
      <c r="B35" s="22">
        <v>43</v>
      </c>
      <c r="C35" s="14">
        <v>43</v>
      </c>
      <c r="D35" s="18">
        <v>86</v>
      </c>
    </row>
    <row r="36" spans="1:4" ht="18" customHeight="1" x14ac:dyDescent="0.15">
      <c r="A36" s="5">
        <v>25</v>
      </c>
      <c r="B36" s="22">
        <v>12</v>
      </c>
      <c r="C36" s="14">
        <v>8</v>
      </c>
      <c r="D36" s="18">
        <v>20</v>
      </c>
    </row>
    <row r="37" spans="1:4" ht="18" customHeight="1" x14ac:dyDescent="0.15">
      <c r="A37" s="5">
        <v>26</v>
      </c>
      <c r="B37" s="22">
        <v>13</v>
      </c>
      <c r="C37" s="14">
        <v>11</v>
      </c>
      <c r="D37" s="18">
        <v>24</v>
      </c>
    </row>
    <row r="38" spans="1:4" ht="18" customHeight="1" x14ac:dyDescent="0.15">
      <c r="A38" s="5">
        <v>27</v>
      </c>
      <c r="B38" s="22">
        <v>8</v>
      </c>
      <c r="C38" s="14">
        <v>7</v>
      </c>
      <c r="D38" s="18">
        <v>15</v>
      </c>
    </row>
    <row r="39" spans="1:4" ht="18" customHeight="1" x14ac:dyDescent="0.15">
      <c r="A39" s="5">
        <v>28</v>
      </c>
      <c r="B39" s="22">
        <v>9</v>
      </c>
      <c r="C39" s="14">
        <v>7</v>
      </c>
      <c r="D39" s="18">
        <v>16</v>
      </c>
    </row>
    <row r="40" spans="1:4" ht="18" customHeight="1" x14ac:dyDescent="0.15">
      <c r="A40" s="5">
        <v>29</v>
      </c>
      <c r="B40" s="22">
        <v>8</v>
      </c>
      <c r="C40" s="14">
        <v>8</v>
      </c>
      <c r="D40" s="18">
        <v>16</v>
      </c>
    </row>
    <row r="41" spans="1:4" ht="18" customHeight="1" x14ac:dyDescent="0.15">
      <c r="A41" s="5" t="s">
        <v>2</v>
      </c>
      <c r="B41" s="22">
        <v>50</v>
      </c>
      <c r="C41" s="14">
        <v>41</v>
      </c>
      <c r="D41" s="18">
        <v>91</v>
      </c>
    </row>
    <row r="42" spans="1:4" ht="18" customHeight="1" x14ac:dyDescent="0.15">
      <c r="A42" s="5">
        <v>30</v>
      </c>
      <c r="B42" s="22">
        <v>12</v>
      </c>
      <c r="C42" s="14">
        <v>8</v>
      </c>
      <c r="D42" s="18">
        <v>20</v>
      </c>
    </row>
    <row r="43" spans="1:4" ht="18" customHeight="1" x14ac:dyDescent="0.15">
      <c r="A43" s="5">
        <v>31</v>
      </c>
      <c r="B43" s="22">
        <v>9</v>
      </c>
      <c r="C43" s="14">
        <v>4</v>
      </c>
      <c r="D43" s="18">
        <v>13</v>
      </c>
    </row>
    <row r="44" spans="1:4" ht="18" customHeight="1" x14ac:dyDescent="0.15">
      <c r="A44" s="5">
        <v>32</v>
      </c>
      <c r="B44" s="22">
        <v>9</v>
      </c>
      <c r="C44" s="14">
        <v>6</v>
      </c>
      <c r="D44" s="18">
        <v>15</v>
      </c>
    </row>
    <row r="45" spans="1:4" ht="18" customHeight="1" x14ac:dyDescent="0.15">
      <c r="A45" s="5">
        <v>33</v>
      </c>
      <c r="B45" s="22">
        <v>6</v>
      </c>
      <c r="C45" s="14">
        <v>7</v>
      </c>
      <c r="D45" s="18">
        <v>13</v>
      </c>
    </row>
    <row r="46" spans="1:4" ht="18" customHeight="1" x14ac:dyDescent="0.15">
      <c r="A46" s="5">
        <v>34</v>
      </c>
      <c r="B46" s="22">
        <v>6</v>
      </c>
      <c r="C46" s="14">
        <v>11</v>
      </c>
      <c r="D46" s="18">
        <v>17</v>
      </c>
    </row>
    <row r="47" spans="1:4" ht="18" customHeight="1" x14ac:dyDescent="0.15">
      <c r="A47" s="5" t="s">
        <v>15</v>
      </c>
      <c r="B47" s="22">
        <v>42</v>
      </c>
      <c r="C47" s="14">
        <v>36</v>
      </c>
      <c r="D47" s="18">
        <v>78</v>
      </c>
    </row>
    <row r="48" spans="1:4" ht="18" customHeight="1" x14ac:dyDescent="0.15">
      <c r="A48" s="5">
        <v>35</v>
      </c>
      <c r="B48" s="22">
        <v>11</v>
      </c>
      <c r="C48" s="14">
        <v>8</v>
      </c>
      <c r="D48" s="18">
        <v>19</v>
      </c>
    </row>
    <row r="49" spans="1:4" ht="18" customHeight="1" x14ac:dyDescent="0.15">
      <c r="A49" s="5">
        <v>36</v>
      </c>
      <c r="B49" s="22">
        <v>5</v>
      </c>
      <c r="C49" s="14">
        <v>4</v>
      </c>
      <c r="D49" s="18">
        <v>9</v>
      </c>
    </row>
    <row r="50" spans="1:4" ht="18" customHeight="1" x14ac:dyDescent="0.15">
      <c r="A50" s="5">
        <v>37</v>
      </c>
      <c r="B50" s="22">
        <v>7</v>
      </c>
      <c r="C50" s="14">
        <v>0</v>
      </c>
      <c r="D50" s="18">
        <v>7</v>
      </c>
    </row>
    <row r="51" spans="1:4" ht="18" customHeight="1" x14ac:dyDescent="0.15">
      <c r="A51" s="5">
        <v>38</v>
      </c>
      <c r="B51" s="22">
        <v>9</v>
      </c>
      <c r="C51" s="14">
        <v>9</v>
      </c>
      <c r="D51" s="18">
        <v>18</v>
      </c>
    </row>
    <row r="52" spans="1:4" ht="18" customHeight="1" x14ac:dyDescent="0.15">
      <c r="A52" s="5">
        <v>39</v>
      </c>
      <c r="B52" s="22">
        <v>14</v>
      </c>
      <c r="C52" s="14">
        <v>9</v>
      </c>
      <c r="D52" s="18">
        <v>23</v>
      </c>
    </row>
    <row r="53" spans="1:4" ht="18" customHeight="1" x14ac:dyDescent="0.15">
      <c r="A53" s="5" t="s">
        <v>18</v>
      </c>
      <c r="B53" s="22">
        <v>46</v>
      </c>
      <c r="C53" s="14">
        <v>30</v>
      </c>
      <c r="D53" s="18">
        <v>76</v>
      </c>
    </row>
    <row r="54" spans="1:4" ht="18" customHeight="1" x14ac:dyDescent="0.15">
      <c r="A54" s="5">
        <v>40</v>
      </c>
      <c r="B54" s="22">
        <v>7</v>
      </c>
      <c r="C54" s="14">
        <v>8</v>
      </c>
      <c r="D54" s="18">
        <v>15</v>
      </c>
    </row>
    <row r="55" spans="1:4" ht="18" customHeight="1" x14ac:dyDescent="0.15">
      <c r="A55" s="5">
        <v>41</v>
      </c>
      <c r="B55" s="22">
        <v>11</v>
      </c>
      <c r="C55" s="14">
        <v>13</v>
      </c>
      <c r="D55" s="18">
        <v>24</v>
      </c>
    </row>
    <row r="56" spans="1:4" ht="18" customHeight="1" x14ac:dyDescent="0.15">
      <c r="A56" s="5">
        <v>42</v>
      </c>
      <c r="B56" s="22">
        <v>9</v>
      </c>
      <c r="C56" s="14">
        <v>12</v>
      </c>
      <c r="D56" s="18">
        <v>21</v>
      </c>
    </row>
    <row r="57" spans="1:4" ht="18" customHeight="1" x14ac:dyDescent="0.15">
      <c r="A57" s="5">
        <v>43</v>
      </c>
      <c r="B57" s="22">
        <v>7</v>
      </c>
      <c r="C57" s="14">
        <v>7</v>
      </c>
      <c r="D57" s="18">
        <v>14</v>
      </c>
    </row>
    <row r="58" spans="1:4" ht="18" customHeight="1" x14ac:dyDescent="0.15">
      <c r="A58" s="5">
        <v>44</v>
      </c>
      <c r="B58" s="22">
        <v>11</v>
      </c>
      <c r="C58" s="14">
        <v>11</v>
      </c>
      <c r="D58" s="18">
        <v>22</v>
      </c>
    </row>
    <row r="59" spans="1:4" ht="18" customHeight="1" x14ac:dyDescent="0.15">
      <c r="A59" s="5" t="s">
        <v>21</v>
      </c>
      <c r="B59" s="22">
        <v>45</v>
      </c>
      <c r="C59" s="14">
        <v>51</v>
      </c>
      <c r="D59" s="18">
        <v>96</v>
      </c>
    </row>
    <row r="60" spans="1:4" ht="18" customHeight="1" x14ac:dyDescent="0.15">
      <c r="A60" s="5">
        <v>45</v>
      </c>
      <c r="B60" s="22">
        <v>8</v>
      </c>
      <c r="C60" s="14">
        <v>10</v>
      </c>
      <c r="D60" s="18">
        <v>18</v>
      </c>
    </row>
    <row r="61" spans="1:4" ht="18" customHeight="1" x14ac:dyDescent="0.15">
      <c r="A61" s="5">
        <v>46</v>
      </c>
      <c r="B61" s="22">
        <v>16</v>
      </c>
      <c r="C61" s="14">
        <v>17</v>
      </c>
      <c r="D61" s="18">
        <v>33</v>
      </c>
    </row>
    <row r="62" spans="1:4" ht="18" customHeight="1" x14ac:dyDescent="0.15">
      <c r="A62" s="5">
        <v>47</v>
      </c>
      <c r="B62" s="22">
        <v>16</v>
      </c>
      <c r="C62" s="14">
        <v>14</v>
      </c>
      <c r="D62" s="18">
        <v>30</v>
      </c>
    </row>
    <row r="63" spans="1:4" ht="18" customHeight="1" x14ac:dyDescent="0.15">
      <c r="A63" s="5">
        <v>48</v>
      </c>
      <c r="B63" s="22">
        <v>17</v>
      </c>
      <c r="C63" s="14">
        <v>16</v>
      </c>
      <c r="D63" s="18">
        <v>33</v>
      </c>
    </row>
    <row r="64" spans="1:4" ht="18" customHeight="1" x14ac:dyDescent="0.15">
      <c r="A64" s="5">
        <v>49</v>
      </c>
      <c r="B64" s="22">
        <v>21</v>
      </c>
      <c r="C64" s="14">
        <v>20</v>
      </c>
      <c r="D64" s="18">
        <v>41</v>
      </c>
    </row>
    <row r="65" spans="1:4" ht="18" customHeight="1" x14ac:dyDescent="0.15">
      <c r="A65" s="5" t="s">
        <v>17</v>
      </c>
      <c r="B65" s="22">
        <v>78</v>
      </c>
      <c r="C65" s="14">
        <v>77</v>
      </c>
      <c r="D65" s="18">
        <v>155</v>
      </c>
    </row>
    <row r="66" spans="1:4" ht="18" customHeight="1" x14ac:dyDescent="0.15">
      <c r="A66" s="5">
        <v>50</v>
      </c>
      <c r="B66" s="22">
        <v>20</v>
      </c>
      <c r="C66" s="14">
        <v>24</v>
      </c>
      <c r="D66" s="18">
        <v>44</v>
      </c>
    </row>
    <row r="67" spans="1:4" ht="18" customHeight="1" x14ac:dyDescent="0.15">
      <c r="A67" s="5">
        <v>51</v>
      </c>
      <c r="B67" s="22">
        <v>14</v>
      </c>
      <c r="C67" s="14">
        <v>13</v>
      </c>
      <c r="D67" s="18">
        <v>27</v>
      </c>
    </row>
    <row r="68" spans="1:4" ht="18" customHeight="1" x14ac:dyDescent="0.15">
      <c r="A68" s="5">
        <v>52</v>
      </c>
      <c r="B68" s="22">
        <v>20</v>
      </c>
      <c r="C68" s="14">
        <v>23</v>
      </c>
      <c r="D68" s="18">
        <v>43</v>
      </c>
    </row>
    <row r="69" spans="1:4" ht="18" customHeight="1" x14ac:dyDescent="0.15">
      <c r="A69" s="5">
        <v>53</v>
      </c>
      <c r="B69" s="22">
        <v>13</v>
      </c>
      <c r="C69" s="14">
        <v>17</v>
      </c>
      <c r="D69" s="18">
        <v>30</v>
      </c>
    </row>
    <row r="70" spans="1:4" ht="18" customHeight="1" x14ac:dyDescent="0.15">
      <c r="A70" s="5">
        <v>54</v>
      </c>
      <c r="B70" s="22">
        <v>18</v>
      </c>
      <c r="C70" s="14">
        <v>18</v>
      </c>
      <c r="D70" s="18">
        <v>36</v>
      </c>
    </row>
    <row r="71" spans="1:4" ht="18" customHeight="1" x14ac:dyDescent="0.15">
      <c r="A71" s="5" t="s">
        <v>22</v>
      </c>
      <c r="B71" s="22">
        <v>85</v>
      </c>
      <c r="C71" s="14">
        <v>95</v>
      </c>
      <c r="D71" s="18">
        <v>180</v>
      </c>
    </row>
    <row r="72" spans="1:4" ht="18" customHeight="1" x14ac:dyDescent="0.15">
      <c r="A72" s="5">
        <v>55</v>
      </c>
      <c r="B72" s="22">
        <v>15</v>
      </c>
      <c r="C72" s="14">
        <v>14</v>
      </c>
      <c r="D72" s="18">
        <v>29</v>
      </c>
    </row>
    <row r="73" spans="1:4" ht="18" customHeight="1" x14ac:dyDescent="0.15">
      <c r="A73" s="5">
        <v>56</v>
      </c>
      <c r="B73" s="22">
        <v>16</v>
      </c>
      <c r="C73" s="14">
        <v>14</v>
      </c>
      <c r="D73" s="18">
        <v>30</v>
      </c>
    </row>
    <row r="74" spans="1:4" ht="18" customHeight="1" x14ac:dyDescent="0.15">
      <c r="A74" s="5">
        <v>57</v>
      </c>
      <c r="B74" s="22">
        <v>17</v>
      </c>
      <c r="C74" s="14">
        <v>12</v>
      </c>
      <c r="D74" s="18">
        <v>29</v>
      </c>
    </row>
    <row r="75" spans="1:4" ht="18" customHeight="1" x14ac:dyDescent="0.15">
      <c r="A75" s="5">
        <v>58</v>
      </c>
      <c r="B75" s="22">
        <v>20</v>
      </c>
      <c r="C75" s="14">
        <v>15</v>
      </c>
      <c r="D75" s="18">
        <v>35</v>
      </c>
    </row>
    <row r="76" spans="1:4" ht="18" customHeight="1" x14ac:dyDescent="0.15">
      <c r="A76" s="5">
        <v>59</v>
      </c>
      <c r="B76" s="22">
        <v>9</v>
      </c>
      <c r="C76" s="14">
        <v>12</v>
      </c>
      <c r="D76" s="18">
        <v>21</v>
      </c>
    </row>
    <row r="77" spans="1:4" ht="18" customHeight="1" x14ac:dyDescent="0.15">
      <c r="A77" s="5" t="s">
        <v>27</v>
      </c>
      <c r="B77" s="22">
        <v>77</v>
      </c>
      <c r="C77" s="14">
        <v>67</v>
      </c>
      <c r="D77" s="18">
        <v>144</v>
      </c>
    </row>
    <row r="78" spans="1:4" ht="18" customHeight="1" x14ac:dyDescent="0.15">
      <c r="A78" s="5">
        <v>60</v>
      </c>
      <c r="B78" s="22">
        <v>8</v>
      </c>
      <c r="C78" s="14">
        <v>19</v>
      </c>
      <c r="D78" s="18">
        <v>27</v>
      </c>
    </row>
    <row r="79" spans="1:4" ht="18" customHeight="1" x14ac:dyDescent="0.15">
      <c r="A79" s="5">
        <v>61</v>
      </c>
      <c r="B79" s="22">
        <v>10</v>
      </c>
      <c r="C79" s="14">
        <v>13</v>
      </c>
      <c r="D79" s="18">
        <v>23</v>
      </c>
    </row>
    <row r="80" spans="1:4" ht="18" customHeight="1" x14ac:dyDescent="0.15">
      <c r="A80" s="5">
        <v>62</v>
      </c>
      <c r="B80" s="22">
        <v>10</v>
      </c>
      <c r="C80" s="14">
        <v>15</v>
      </c>
      <c r="D80" s="18">
        <v>25</v>
      </c>
    </row>
    <row r="81" spans="1:4" ht="18" customHeight="1" x14ac:dyDescent="0.15">
      <c r="A81" s="5">
        <v>63</v>
      </c>
      <c r="B81" s="22">
        <v>8</v>
      </c>
      <c r="C81" s="14">
        <v>14</v>
      </c>
      <c r="D81" s="18">
        <v>22</v>
      </c>
    </row>
    <row r="82" spans="1:4" ht="18" customHeight="1" x14ac:dyDescent="0.15">
      <c r="A82" s="5">
        <v>64</v>
      </c>
      <c r="B82" s="22">
        <v>11</v>
      </c>
      <c r="C82" s="14">
        <v>8</v>
      </c>
      <c r="D82" s="18">
        <v>19</v>
      </c>
    </row>
    <row r="83" spans="1:4" ht="18" customHeight="1" x14ac:dyDescent="0.15">
      <c r="A83" s="5" t="s">
        <v>28</v>
      </c>
      <c r="B83" s="22">
        <v>47</v>
      </c>
      <c r="C83" s="14">
        <v>69</v>
      </c>
      <c r="D83" s="18">
        <v>116</v>
      </c>
    </row>
    <row r="84" spans="1:4" ht="18" customHeight="1" x14ac:dyDescent="0.15">
      <c r="A84" s="5" t="s">
        <v>31</v>
      </c>
      <c r="B84" s="22">
        <v>532</v>
      </c>
      <c r="C84" s="14">
        <v>549</v>
      </c>
      <c r="D84" s="18">
        <v>1081</v>
      </c>
    </row>
    <row r="85" spans="1:4" ht="18" customHeight="1" x14ac:dyDescent="0.15">
      <c r="A85" s="5">
        <v>65</v>
      </c>
      <c r="B85" s="22">
        <v>10</v>
      </c>
      <c r="C85" s="14">
        <v>11</v>
      </c>
      <c r="D85" s="18">
        <v>21</v>
      </c>
    </row>
    <row r="86" spans="1:4" ht="18" customHeight="1" x14ac:dyDescent="0.15">
      <c r="A86" s="5">
        <v>66</v>
      </c>
      <c r="B86" s="22">
        <v>11</v>
      </c>
      <c r="C86" s="14">
        <v>9</v>
      </c>
      <c r="D86" s="18">
        <v>20</v>
      </c>
    </row>
    <row r="87" spans="1:4" ht="18" customHeight="1" x14ac:dyDescent="0.15">
      <c r="A87" s="5">
        <v>67</v>
      </c>
      <c r="B87" s="22">
        <v>8</v>
      </c>
      <c r="C87" s="14">
        <v>13</v>
      </c>
      <c r="D87" s="18">
        <v>21</v>
      </c>
    </row>
    <row r="88" spans="1:4" ht="18" customHeight="1" x14ac:dyDescent="0.15">
      <c r="A88" s="5">
        <v>68</v>
      </c>
      <c r="B88" s="22">
        <v>10</v>
      </c>
      <c r="C88" s="14">
        <v>12</v>
      </c>
      <c r="D88" s="18">
        <v>22</v>
      </c>
    </row>
    <row r="89" spans="1:4" ht="18" customHeight="1" x14ac:dyDescent="0.15">
      <c r="A89" s="5">
        <v>69</v>
      </c>
      <c r="B89" s="22">
        <v>10</v>
      </c>
      <c r="C89" s="14">
        <v>9</v>
      </c>
      <c r="D89" s="18">
        <v>19</v>
      </c>
    </row>
    <row r="90" spans="1:4" ht="18" customHeight="1" x14ac:dyDescent="0.15">
      <c r="A90" s="5" t="s">
        <v>20</v>
      </c>
      <c r="B90" s="22">
        <v>49</v>
      </c>
      <c r="C90" s="14">
        <v>54</v>
      </c>
      <c r="D90" s="18">
        <v>103</v>
      </c>
    </row>
    <row r="91" spans="1:4" ht="18" customHeight="1" x14ac:dyDescent="0.15">
      <c r="A91" s="5">
        <v>70</v>
      </c>
      <c r="B91" s="22">
        <v>12</v>
      </c>
      <c r="C91" s="14">
        <v>12</v>
      </c>
      <c r="D91" s="18">
        <v>24</v>
      </c>
    </row>
    <row r="92" spans="1:4" ht="18" customHeight="1" x14ac:dyDescent="0.15">
      <c r="A92" s="5">
        <v>71</v>
      </c>
      <c r="B92" s="22">
        <v>8</v>
      </c>
      <c r="C92" s="14">
        <v>10</v>
      </c>
      <c r="D92" s="18">
        <v>18</v>
      </c>
    </row>
    <row r="93" spans="1:4" ht="18" customHeight="1" x14ac:dyDescent="0.15">
      <c r="A93" s="5">
        <v>72</v>
      </c>
      <c r="B93" s="22">
        <v>6</v>
      </c>
      <c r="C93" s="14">
        <v>11</v>
      </c>
      <c r="D93" s="18">
        <v>17</v>
      </c>
    </row>
    <row r="94" spans="1:4" ht="18" customHeight="1" x14ac:dyDescent="0.15">
      <c r="A94" s="5">
        <v>73</v>
      </c>
      <c r="B94" s="22">
        <v>11</v>
      </c>
      <c r="C94" s="14">
        <v>12</v>
      </c>
      <c r="D94" s="18">
        <v>23</v>
      </c>
    </row>
    <row r="95" spans="1:4" ht="18" customHeight="1" x14ac:dyDescent="0.15">
      <c r="A95" s="5">
        <v>74</v>
      </c>
      <c r="B95" s="22">
        <v>10</v>
      </c>
      <c r="C95" s="14">
        <v>8</v>
      </c>
      <c r="D95" s="18">
        <v>18</v>
      </c>
    </row>
    <row r="96" spans="1:4" ht="18" customHeight="1" x14ac:dyDescent="0.15">
      <c r="A96" s="5" t="s">
        <v>33</v>
      </c>
      <c r="B96" s="22">
        <v>47</v>
      </c>
      <c r="C96" s="14">
        <v>53</v>
      </c>
      <c r="D96" s="18">
        <v>100</v>
      </c>
    </row>
    <row r="97" spans="1:4" ht="18" customHeight="1" x14ac:dyDescent="0.15">
      <c r="A97" s="5">
        <v>75</v>
      </c>
      <c r="B97" s="22">
        <v>10</v>
      </c>
      <c r="C97" s="14">
        <v>13</v>
      </c>
      <c r="D97" s="18">
        <v>23</v>
      </c>
    </row>
    <row r="98" spans="1:4" ht="18" customHeight="1" x14ac:dyDescent="0.15">
      <c r="A98" s="5">
        <v>76</v>
      </c>
      <c r="B98" s="22">
        <v>12</v>
      </c>
      <c r="C98" s="14">
        <v>15</v>
      </c>
      <c r="D98" s="18">
        <v>27</v>
      </c>
    </row>
    <row r="99" spans="1:4" ht="18" customHeight="1" x14ac:dyDescent="0.15">
      <c r="A99" s="5">
        <v>77</v>
      </c>
      <c r="B99" s="22">
        <v>10</v>
      </c>
      <c r="C99" s="14">
        <v>16</v>
      </c>
      <c r="D99" s="18">
        <v>26</v>
      </c>
    </row>
    <row r="100" spans="1:4" ht="18" customHeight="1" x14ac:dyDescent="0.15">
      <c r="A100" s="5">
        <v>78</v>
      </c>
      <c r="B100" s="22">
        <v>14</v>
      </c>
      <c r="C100" s="14">
        <v>16</v>
      </c>
      <c r="D100" s="18">
        <v>30</v>
      </c>
    </row>
    <row r="101" spans="1:4" ht="18" customHeight="1" x14ac:dyDescent="0.15">
      <c r="A101" s="5">
        <v>79</v>
      </c>
      <c r="B101" s="22">
        <v>9</v>
      </c>
      <c r="C101" s="14">
        <v>11</v>
      </c>
      <c r="D101" s="18">
        <v>20</v>
      </c>
    </row>
    <row r="102" spans="1:4" ht="18" customHeight="1" x14ac:dyDescent="0.15">
      <c r="A102" s="5" t="s">
        <v>0</v>
      </c>
      <c r="B102" s="22">
        <v>55</v>
      </c>
      <c r="C102" s="14">
        <v>71</v>
      </c>
      <c r="D102" s="18">
        <v>126</v>
      </c>
    </row>
    <row r="103" spans="1:4" ht="18" customHeight="1" x14ac:dyDescent="0.15">
      <c r="A103" s="5">
        <v>80</v>
      </c>
      <c r="B103" s="22">
        <v>3</v>
      </c>
      <c r="C103" s="14">
        <v>9</v>
      </c>
      <c r="D103" s="18">
        <v>12</v>
      </c>
    </row>
    <row r="104" spans="1:4" ht="18" customHeight="1" x14ac:dyDescent="0.15">
      <c r="A104" s="5">
        <v>81</v>
      </c>
      <c r="B104" s="22">
        <v>5</v>
      </c>
      <c r="C104" s="14">
        <v>11</v>
      </c>
      <c r="D104" s="18">
        <v>16</v>
      </c>
    </row>
    <row r="105" spans="1:4" ht="18" customHeight="1" x14ac:dyDescent="0.15">
      <c r="A105" s="5">
        <v>82</v>
      </c>
      <c r="B105" s="22">
        <v>5</v>
      </c>
      <c r="C105" s="14">
        <v>11</v>
      </c>
      <c r="D105" s="18">
        <v>16</v>
      </c>
    </row>
    <row r="106" spans="1:4" ht="18" customHeight="1" x14ac:dyDescent="0.15">
      <c r="A106" s="5">
        <v>83</v>
      </c>
      <c r="B106" s="22">
        <v>6</v>
      </c>
      <c r="C106" s="14">
        <v>10</v>
      </c>
      <c r="D106" s="18">
        <v>16</v>
      </c>
    </row>
    <row r="107" spans="1:4" ht="18" customHeight="1" x14ac:dyDescent="0.15">
      <c r="A107" s="5">
        <v>84</v>
      </c>
      <c r="B107" s="22">
        <v>7</v>
      </c>
      <c r="C107" s="14">
        <v>18</v>
      </c>
      <c r="D107" s="18">
        <v>25</v>
      </c>
    </row>
    <row r="108" spans="1:4" ht="18" customHeight="1" x14ac:dyDescent="0.15">
      <c r="A108" s="5" t="s">
        <v>35</v>
      </c>
      <c r="B108" s="22">
        <v>26</v>
      </c>
      <c r="C108" s="14">
        <v>59</v>
      </c>
      <c r="D108" s="18">
        <v>85</v>
      </c>
    </row>
    <row r="109" spans="1:4" ht="18" customHeight="1" x14ac:dyDescent="0.15">
      <c r="A109" s="5">
        <v>85</v>
      </c>
      <c r="B109" s="22">
        <v>6</v>
      </c>
      <c r="C109" s="14">
        <v>15</v>
      </c>
      <c r="D109" s="18">
        <v>21</v>
      </c>
    </row>
    <row r="110" spans="1:4" ht="18" customHeight="1" x14ac:dyDescent="0.15">
      <c r="A110" s="5">
        <v>86</v>
      </c>
      <c r="B110" s="22">
        <v>8</v>
      </c>
      <c r="C110" s="14">
        <v>12</v>
      </c>
      <c r="D110" s="18">
        <v>20</v>
      </c>
    </row>
    <row r="111" spans="1:4" ht="18" customHeight="1" x14ac:dyDescent="0.15">
      <c r="A111" s="5">
        <v>87</v>
      </c>
      <c r="B111" s="22">
        <v>5</v>
      </c>
      <c r="C111" s="14">
        <v>4</v>
      </c>
      <c r="D111" s="18">
        <v>9</v>
      </c>
    </row>
    <row r="112" spans="1:4" ht="18" customHeight="1" x14ac:dyDescent="0.15">
      <c r="A112" s="5">
        <v>88</v>
      </c>
      <c r="B112" s="22">
        <v>4</v>
      </c>
      <c r="C112" s="14">
        <v>5</v>
      </c>
      <c r="D112" s="18">
        <v>9</v>
      </c>
    </row>
    <row r="113" spans="1:4" ht="18" customHeight="1" x14ac:dyDescent="0.15">
      <c r="A113" s="5">
        <v>89</v>
      </c>
      <c r="B113" s="22">
        <v>5</v>
      </c>
      <c r="C113" s="14">
        <v>4</v>
      </c>
      <c r="D113" s="18">
        <v>9</v>
      </c>
    </row>
    <row r="114" spans="1:4" ht="18" customHeight="1" x14ac:dyDescent="0.15">
      <c r="A114" s="5" t="s">
        <v>37</v>
      </c>
      <c r="B114" s="22">
        <v>28</v>
      </c>
      <c r="C114" s="14">
        <v>40</v>
      </c>
      <c r="D114" s="18">
        <v>68</v>
      </c>
    </row>
    <row r="115" spans="1:4" ht="18" customHeight="1" x14ac:dyDescent="0.15">
      <c r="A115" s="5">
        <v>90</v>
      </c>
      <c r="B115" s="22">
        <v>2</v>
      </c>
      <c r="C115" s="14">
        <v>7</v>
      </c>
      <c r="D115" s="18">
        <v>9</v>
      </c>
    </row>
    <row r="116" spans="1:4" ht="18" customHeight="1" x14ac:dyDescent="0.15">
      <c r="A116" s="5">
        <v>91</v>
      </c>
      <c r="B116" s="22">
        <v>3</v>
      </c>
      <c r="C116" s="14">
        <v>4</v>
      </c>
      <c r="D116" s="18">
        <v>7</v>
      </c>
    </row>
    <row r="117" spans="1:4" ht="18" customHeight="1" x14ac:dyDescent="0.15">
      <c r="A117" s="5">
        <v>92</v>
      </c>
      <c r="B117" s="22">
        <v>3</v>
      </c>
      <c r="C117" s="14">
        <v>8</v>
      </c>
      <c r="D117" s="18">
        <v>11</v>
      </c>
    </row>
    <row r="118" spans="1:4" ht="18" customHeight="1" x14ac:dyDescent="0.15">
      <c r="A118" s="5">
        <v>93</v>
      </c>
      <c r="B118" s="22">
        <v>0</v>
      </c>
      <c r="C118" s="14">
        <v>4</v>
      </c>
      <c r="D118" s="18">
        <v>4</v>
      </c>
    </row>
    <row r="119" spans="1:4" ht="18" customHeight="1" x14ac:dyDescent="0.15">
      <c r="A119" s="5">
        <v>94</v>
      </c>
      <c r="B119" s="22">
        <v>0</v>
      </c>
      <c r="C119" s="14">
        <v>5</v>
      </c>
      <c r="D119" s="18">
        <v>5</v>
      </c>
    </row>
    <row r="120" spans="1:4" ht="18" customHeight="1" x14ac:dyDescent="0.15">
      <c r="A120" s="5" t="s">
        <v>39</v>
      </c>
      <c r="B120" s="22">
        <v>8</v>
      </c>
      <c r="C120" s="14">
        <v>28</v>
      </c>
      <c r="D120" s="18">
        <v>36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1</v>
      </c>
      <c r="C122" s="14">
        <v>4</v>
      </c>
      <c r="D122" s="18">
        <v>5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4</v>
      </c>
      <c r="D124" s="18">
        <v>4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2</v>
      </c>
      <c r="C126" s="14">
        <v>12</v>
      </c>
      <c r="D126" s="18">
        <v>14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215</v>
      </c>
      <c r="C130" s="14">
        <v>322</v>
      </c>
      <c r="D130" s="18">
        <v>537</v>
      </c>
    </row>
    <row r="131" spans="1:4" ht="18" customHeight="1" x14ac:dyDescent="0.15">
      <c r="A131" s="7" t="s">
        <v>45</v>
      </c>
      <c r="B131" s="23">
        <v>817</v>
      </c>
      <c r="C131" s="15">
        <v>926</v>
      </c>
      <c r="D131" s="19">
        <v>174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000-000000000000}">
  <sheetPr codeName="Sheet6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26</v>
      </c>
      <c r="C5" s="13">
        <v>26</v>
      </c>
      <c r="D5" s="17">
        <v>52</v>
      </c>
    </row>
    <row r="6" spans="1:4" ht="18" customHeight="1" x14ac:dyDescent="0.15">
      <c r="A6" s="5">
        <v>1</v>
      </c>
      <c r="B6" s="22">
        <v>33</v>
      </c>
      <c r="C6" s="14">
        <v>21</v>
      </c>
      <c r="D6" s="18">
        <v>54</v>
      </c>
    </row>
    <row r="7" spans="1:4" ht="18" customHeight="1" x14ac:dyDescent="0.15">
      <c r="A7" s="5">
        <v>2</v>
      </c>
      <c r="B7" s="22">
        <v>22</v>
      </c>
      <c r="C7" s="14">
        <v>23</v>
      </c>
      <c r="D7" s="18">
        <v>45</v>
      </c>
    </row>
    <row r="8" spans="1:4" ht="18" customHeight="1" x14ac:dyDescent="0.15">
      <c r="A8" s="5">
        <v>3</v>
      </c>
      <c r="B8" s="22">
        <v>28</v>
      </c>
      <c r="C8" s="14">
        <v>38</v>
      </c>
      <c r="D8" s="18">
        <v>66</v>
      </c>
    </row>
    <row r="9" spans="1:4" ht="18" customHeight="1" x14ac:dyDescent="0.15">
      <c r="A9" s="5">
        <v>4</v>
      </c>
      <c r="B9" s="22">
        <v>40</v>
      </c>
      <c r="C9" s="14">
        <v>38</v>
      </c>
      <c r="D9" s="18">
        <v>78</v>
      </c>
    </row>
    <row r="10" spans="1:4" ht="18" customHeight="1" x14ac:dyDescent="0.15">
      <c r="A10" s="5" t="s">
        <v>7</v>
      </c>
      <c r="B10" s="22">
        <v>149</v>
      </c>
      <c r="C10" s="14">
        <v>146</v>
      </c>
      <c r="D10" s="18">
        <v>295</v>
      </c>
    </row>
    <row r="11" spans="1:4" ht="18" customHeight="1" x14ac:dyDescent="0.15">
      <c r="A11" s="5">
        <v>5</v>
      </c>
      <c r="B11" s="22">
        <v>38</v>
      </c>
      <c r="C11" s="14">
        <v>32</v>
      </c>
      <c r="D11" s="18">
        <v>70</v>
      </c>
    </row>
    <row r="12" spans="1:4" ht="18" customHeight="1" x14ac:dyDescent="0.15">
      <c r="A12" s="5">
        <v>6</v>
      </c>
      <c r="B12" s="22">
        <v>39</v>
      </c>
      <c r="C12" s="14">
        <v>35</v>
      </c>
      <c r="D12" s="18">
        <v>74</v>
      </c>
    </row>
    <row r="13" spans="1:4" ht="18" customHeight="1" x14ac:dyDescent="0.15">
      <c r="A13" s="5">
        <v>7</v>
      </c>
      <c r="B13" s="22">
        <v>29</v>
      </c>
      <c r="C13" s="14">
        <v>40</v>
      </c>
      <c r="D13" s="18">
        <v>69</v>
      </c>
    </row>
    <row r="14" spans="1:4" ht="18" customHeight="1" x14ac:dyDescent="0.15">
      <c r="A14" s="5">
        <v>8</v>
      </c>
      <c r="B14" s="22">
        <v>34</v>
      </c>
      <c r="C14" s="14">
        <v>30</v>
      </c>
      <c r="D14" s="18">
        <v>64</v>
      </c>
    </row>
    <row r="15" spans="1:4" ht="18" customHeight="1" x14ac:dyDescent="0.15">
      <c r="A15" s="5">
        <v>9</v>
      </c>
      <c r="B15" s="22">
        <v>37</v>
      </c>
      <c r="C15" s="14">
        <v>34</v>
      </c>
      <c r="D15" s="18">
        <v>71</v>
      </c>
    </row>
    <row r="16" spans="1:4" ht="18" customHeight="1" x14ac:dyDescent="0.15">
      <c r="A16" s="5" t="s">
        <v>11</v>
      </c>
      <c r="B16" s="22">
        <v>177</v>
      </c>
      <c r="C16" s="14">
        <v>171</v>
      </c>
      <c r="D16" s="18">
        <v>348</v>
      </c>
    </row>
    <row r="17" spans="1:4" ht="18" customHeight="1" x14ac:dyDescent="0.15">
      <c r="A17" s="5">
        <v>10</v>
      </c>
      <c r="B17" s="22">
        <v>32</v>
      </c>
      <c r="C17" s="14">
        <v>49</v>
      </c>
      <c r="D17" s="18">
        <v>81</v>
      </c>
    </row>
    <row r="18" spans="1:4" ht="18" customHeight="1" x14ac:dyDescent="0.15">
      <c r="A18" s="5">
        <v>11</v>
      </c>
      <c r="B18" s="22">
        <v>42</v>
      </c>
      <c r="C18" s="14">
        <v>34</v>
      </c>
      <c r="D18" s="18">
        <v>76</v>
      </c>
    </row>
    <row r="19" spans="1:4" ht="18" customHeight="1" x14ac:dyDescent="0.15">
      <c r="A19" s="5">
        <v>12</v>
      </c>
      <c r="B19" s="22">
        <v>31</v>
      </c>
      <c r="C19" s="14">
        <v>31</v>
      </c>
      <c r="D19" s="18">
        <v>62</v>
      </c>
    </row>
    <row r="20" spans="1:4" ht="18" customHeight="1" x14ac:dyDescent="0.15">
      <c r="A20" s="5">
        <v>13</v>
      </c>
      <c r="B20" s="22">
        <v>44</v>
      </c>
      <c r="C20" s="14">
        <v>39</v>
      </c>
      <c r="D20" s="18">
        <v>83</v>
      </c>
    </row>
    <row r="21" spans="1:4" ht="18" customHeight="1" x14ac:dyDescent="0.15">
      <c r="A21" s="5">
        <v>14</v>
      </c>
      <c r="B21" s="22">
        <v>43</v>
      </c>
      <c r="C21" s="14">
        <v>36</v>
      </c>
      <c r="D21" s="18">
        <v>79</v>
      </c>
    </row>
    <row r="22" spans="1:4" ht="18" customHeight="1" x14ac:dyDescent="0.15">
      <c r="A22" s="5" t="s">
        <v>12</v>
      </c>
      <c r="B22" s="22">
        <v>192</v>
      </c>
      <c r="C22" s="14">
        <v>189</v>
      </c>
      <c r="D22" s="18">
        <v>381</v>
      </c>
    </row>
    <row r="23" spans="1:4" ht="18" customHeight="1" x14ac:dyDescent="0.15">
      <c r="A23" s="5" t="s">
        <v>6</v>
      </c>
      <c r="B23" s="22">
        <v>518</v>
      </c>
      <c r="C23" s="14">
        <v>506</v>
      </c>
      <c r="D23" s="18">
        <v>1024</v>
      </c>
    </row>
    <row r="24" spans="1:4" ht="18" customHeight="1" x14ac:dyDescent="0.15">
      <c r="A24" s="5">
        <v>15</v>
      </c>
      <c r="B24" s="22">
        <v>45</v>
      </c>
      <c r="C24" s="14">
        <v>39</v>
      </c>
      <c r="D24" s="18">
        <v>84</v>
      </c>
    </row>
    <row r="25" spans="1:4" ht="18" customHeight="1" x14ac:dyDescent="0.15">
      <c r="A25" s="5">
        <v>16</v>
      </c>
      <c r="B25" s="22">
        <v>46</v>
      </c>
      <c r="C25" s="14">
        <v>37</v>
      </c>
      <c r="D25" s="18">
        <v>83</v>
      </c>
    </row>
    <row r="26" spans="1:4" ht="18" customHeight="1" x14ac:dyDescent="0.15">
      <c r="A26" s="5">
        <v>17</v>
      </c>
      <c r="B26" s="22">
        <v>44</v>
      </c>
      <c r="C26" s="14">
        <v>40</v>
      </c>
      <c r="D26" s="18">
        <v>84</v>
      </c>
    </row>
    <row r="27" spans="1:4" ht="18" customHeight="1" x14ac:dyDescent="0.15">
      <c r="A27" s="5">
        <v>18</v>
      </c>
      <c r="B27" s="22">
        <v>45</v>
      </c>
      <c r="C27" s="14">
        <v>33</v>
      </c>
      <c r="D27" s="18">
        <v>78</v>
      </c>
    </row>
    <row r="28" spans="1:4" ht="18" customHeight="1" x14ac:dyDescent="0.15">
      <c r="A28" s="5">
        <v>19</v>
      </c>
      <c r="B28" s="22">
        <v>40</v>
      </c>
      <c r="C28" s="14">
        <v>45</v>
      </c>
      <c r="D28" s="18">
        <v>85</v>
      </c>
    </row>
    <row r="29" spans="1:4" ht="18" customHeight="1" x14ac:dyDescent="0.15">
      <c r="A29" s="5" t="s">
        <v>14</v>
      </c>
      <c r="B29" s="22">
        <v>220</v>
      </c>
      <c r="C29" s="14">
        <v>194</v>
      </c>
      <c r="D29" s="18">
        <v>414</v>
      </c>
    </row>
    <row r="30" spans="1:4" ht="18" customHeight="1" x14ac:dyDescent="0.15">
      <c r="A30" s="5">
        <v>20</v>
      </c>
      <c r="B30" s="22">
        <v>40</v>
      </c>
      <c r="C30" s="14">
        <v>35</v>
      </c>
      <c r="D30" s="18">
        <v>75</v>
      </c>
    </row>
    <row r="31" spans="1:4" ht="18" customHeight="1" x14ac:dyDescent="0.15">
      <c r="A31" s="5">
        <v>21</v>
      </c>
      <c r="B31" s="22">
        <v>55</v>
      </c>
      <c r="C31" s="14">
        <v>37</v>
      </c>
      <c r="D31" s="18">
        <v>92</v>
      </c>
    </row>
    <row r="32" spans="1:4" ht="18" customHeight="1" x14ac:dyDescent="0.15">
      <c r="A32" s="5">
        <v>22</v>
      </c>
      <c r="B32" s="22">
        <v>60</v>
      </c>
      <c r="C32" s="14">
        <v>43</v>
      </c>
      <c r="D32" s="18">
        <v>103</v>
      </c>
    </row>
    <row r="33" spans="1:4" ht="18" customHeight="1" x14ac:dyDescent="0.15">
      <c r="A33" s="5">
        <v>23</v>
      </c>
      <c r="B33" s="22">
        <v>59</v>
      </c>
      <c r="C33" s="14">
        <v>27</v>
      </c>
      <c r="D33" s="18">
        <v>86</v>
      </c>
    </row>
    <row r="34" spans="1:4" ht="18" customHeight="1" x14ac:dyDescent="0.15">
      <c r="A34" s="5">
        <v>24</v>
      </c>
      <c r="B34" s="22">
        <v>72</v>
      </c>
      <c r="C34" s="14">
        <v>57</v>
      </c>
      <c r="D34" s="18">
        <v>129</v>
      </c>
    </row>
    <row r="35" spans="1:4" ht="18" customHeight="1" x14ac:dyDescent="0.15">
      <c r="A35" s="5" t="s">
        <v>9</v>
      </c>
      <c r="B35" s="22">
        <v>286</v>
      </c>
      <c r="C35" s="14">
        <v>199</v>
      </c>
      <c r="D35" s="18">
        <v>485</v>
      </c>
    </row>
    <row r="36" spans="1:4" ht="18" customHeight="1" x14ac:dyDescent="0.15">
      <c r="A36" s="5">
        <v>25</v>
      </c>
      <c r="B36" s="22">
        <v>67</v>
      </c>
      <c r="C36" s="14">
        <v>46</v>
      </c>
      <c r="D36" s="18">
        <v>113</v>
      </c>
    </row>
    <row r="37" spans="1:4" ht="18" customHeight="1" x14ac:dyDescent="0.15">
      <c r="A37" s="5">
        <v>26</v>
      </c>
      <c r="B37" s="22">
        <v>71</v>
      </c>
      <c r="C37" s="14">
        <v>47</v>
      </c>
      <c r="D37" s="18">
        <v>118</v>
      </c>
    </row>
    <row r="38" spans="1:4" ht="18" customHeight="1" x14ac:dyDescent="0.15">
      <c r="A38" s="5">
        <v>27</v>
      </c>
      <c r="B38" s="22">
        <v>48</v>
      </c>
      <c r="C38" s="14">
        <v>46</v>
      </c>
      <c r="D38" s="18">
        <v>94</v>
      </c>
    </row>
    <row r="39" spans="1:4" ht="18" customHeight="1" x14ac:dyDescent="0.15">
      <c r="A39" s="5">
        <v>28</v>
      </c>
      <c r="B39" s="22">
        <v>69</v>
      </c>
      <c r="C39" s="14">
        <v>57</v>
      </c>
      <c r="D39" s="18">
        <v>126</v>
      </c>
    </row>
    <row r="40" spans="1:4" ht="18" customHeight="1" x14ac:dyDescent="0.15">
      <c r="A40" s="5">
        <v>29</v>
      </c>
      <c r="B40" s="22">
        <v>45</v>
      </c>
      <c r="C40" s="14">
        <v>41</v>
      </c>
      <c r="D40" s="18">
        <v>86</v>
      </c>
    </row>
    <row r="41" spans="1:4" ht="18" customHeight="1" x14ac:dyDescent="0.15">
      <c r="A41" s="5" t="s">
        <v>2</v>
      </c>
      <c r="B41" s="22">
        <v>300</v>
      </c>
      <c r="C41" s="14">
        <v>237</v>
      </c>
      <c r="D41" s="18">
        <v>537</v>
      </c>
    </row>
    <row r="42" spans="1:4" ht="18" customHeight="1" x14ac:dyDescent="0.15">
      <c r="A42" s="5">
        <v>30</v>
      </c>
      <c r="B42" s="22">
        <v>56</v>
      </c>
      <c r="C42" s="14">
        <v>51</v>
      </c>
      <c r="D42" s="18">
        <v>107</v>
      </c>
    </row>
    <row r="43" spans="1:4" ht="18" customHeight="1" x14ac:dyDescent="0.15">
      <c r="A43" s="5">
        <v>31</v>
      </c>
      <c r="B43" s="22">
        <v>55</v>
      </c>
      <c r="C43" s="14">
        <v>49</v>
      </c>
      <c r="D43" s="18">
        <v>104</v>
      </c>
    </row>
    <row r="44" spans="1:4" ht="18" customHeight="1" x14ac:dyDescent="0.15">
      <c r="A44" s="5">
        <v>32</v>
      </c>
      <c r="B44" s="22">
        <v>65</v>
      </c>
      <c r="C44" s="14">
        <v>56</v>
      </c>
      <c r="D44" s="18">
        <v>121</v>
      </c>
    </row>
    <row r="45" spans="1:4" ht="18" customHeight="1" x14ac:dyDescent="0.15">
      <c r="A45" s="5">
        <v>33</v>
      </c>
      <c r="B45" s="22">
        <v>52</v>
      </c>
      <c r="C45" s="14">
        <v>40</v>
      </c>
      <c r="D45" s="18">
        <v>92</v>
      </c>
    </row>
    <row r="46" spans="1:4" ht="18" customHeight="1" x14ac:dyDescent="0.15">
      <c r="A46" s="5">
        <v>34</v>
      </c>
      <c r="B46" s="22">
        <v>40</v>
      </c>
      <c r="C46" s="14">
        <v>49</v>
      </c>
      <c r="D46" s="18">
        <v>89</v>
      </c>
    </row>
    <row r="47" spans="1:4" ht="18" customHeight="1" x14ac:dyDescent="0.15">
      <c r="A47" s="5" t="s">
        <v>15</v>
      </c>
      <c r="B47" s="22">
        <v>268</v>
      </c>
      <c r="C47" s="14">
        <v>245</v>
      </c>
      <c r="D47" s="18">
        <v>513</v>
      </c>
    </row>
    <row r="48" spans="1:4" ht="18" customHeight="1" x14ac:dyDescent="0.15">
      <c r="A48" s="5">
        <v>35</v>
      </c>
      <c r="B48" s="22">
        <v>60</v>
      </c>
      <c r="C48" s="14">
        <v>54</v>
      </c>
      <c r="D48" s="18">
        <v>114</v>
      </c>
    </row>
    <row r="49" spans="1:4" ht="18" customHeight="1" x14ac:dyDescent="0.15">
      <c r="A49" s="5">
        <v>36</v>
      </c>
      <c r="B49" s="22">
        <v>63</v>
      </c>
      <c r="C49" s="14">
        <v>54</v>
      </c>
      <c r="D49" s="18">
        <v>117</v>
      </c>
    </row>
    <row r="50" spans="1:4" ht="18" customHeight="1" x14ac:dyDescent="0.15">
      <c r="A50" s="5">
        <v>37</v>
      </c>
      <c r="B50" s="22">
        <v>61</v>
      </c>
      <c r="C50" s="14">
        <v>50</v>
      </c>
      <c r="D50" s="18">
        <v>111</v>
      </c>
    </row>
    <row r="51" spans="1:4" ht="18" customHeight="1" x14ac:dyDescent="0.15">
      <c r="A51" s="5">
        <v>38</v>
      </c>
      <c r="B51" s="22">
        <v>60</v>
      </c>
      <c r="C51" s="14">
        <v>51</v>
      </c>
      <c r="D51" s="18">
        <v>111</v>
      </c>
    </row>
    <row r="52" spans="1:4" ht="18" customHeight="1" x14ac:dyDescent="0.15">
      <c r="A52" s="5">
        <v>39</v>
      </c>
      <c r="B52" s="22">
        <v>61</v>
      </c>
      <c r="C52" s="14">
        <v>47</v>
      </c>
      <c r="D52" s="18">
        <v>108</v>
      </c>
    </row>
    <row r="53" spans="1:4" ht="18" customHeight="1" x14ac:dyDescent="0.15">
      <c r="A53" s="5" t="s">
        <v>18</v>
      </c>
      <c r="B53" s="22">
        <v>305</v>
      </c>
      <c r="C53" s="14">
        <v>256</v>
      </c>
      <c r="D53" s="18">
        <v>561</v>
      </c>
    </row>
    <row r="54" spans="1:4" ht="18" customHeight="1" x14ac:dyDescent="0.15">
      <c r="A54" s="5">
        <v>40</v>
      </c>
      <c r="B54" s="22">
        <v>60</v>
      </c>
      <c r="C54" s="14">
        <v>59</v>
      </c>
      <c r="D54" s="18">
        <v>119</v>
      </c>
    </row>
    <row r="55" spans="1:4" ht="18" customHeight="1" x14ac:dyDescent="0.15">
      <c r="A55" s="5">
        <v>41</v>
      </c>
      <c r="B55" s="22">
        <v>71</v>
      </c>
      <c r="C55" s="14">
        <v>51</v>
      </c>
      <c r="D55" s="18">
        <v>122</v>
      </c>
    </row>
    <row r="56" spans="1:4" ht="18" customHeight="1" x14ac:dyDescent="0.15">
      <c r="A56" s="5">
        <v>42</v>
      </c>
      <c r="B56" s="22">
        <v>62</v>
      </c>
      <c r="C56" s="14">
        <v>66</v>
      </c>
      <c r="D56" s="18">
        <v>128</v>
      </c>
    </row>
    <row r="57" spans="1:4" ht="18" customHeight="1" x14ac:dyDescent="0.15">
      <c r="A57" s="5">
        <v>43</v>
      </c>
      <c r="B57" s="22">
        <v>60</v>
      </c>
      <c r="C57" s="14">
        <v>56</v>
      </c>
      <c r="D57" s="18">
        <v>116</v>
      </c>
    </row>
    <row r="58" spans="1:4" ht="18" customHeight="1" x14ac:dyDescent="0.15">
      <c r="A58" s="5">
        <v>44</v>
      </c>
      <c r="B58" s="22">
        <v>64</v>
      </c>
      <c r="C58" s="14">
        <v>55</v>
      </c>
      <c r="D58" s="18">
        <v>119</v>
      </c>
    </row>
    <row r="59" spans="1:4" ht="18" customHeight="1" x14ac:dyDescent="0.15">
      <c r="A59" s="5" t="s">
        <v>21</v>
      </c>
      <c r="B59" s="22">
        <v>317</v>
      </c>
      <c r="C59" s="14">
        <v>287</v>
      </c>
      <c r="D59" s="18">
        <v>604</v>
      </c>
    </row>
    <row r="60" spans="1:4" ht="18" customHeight="1" x14ac:dyDescent="0.15">
      <c r="A60" s="5">
        <v>45</v>
      </c>
      <c r="B60" s="22">
        <v>61</v>
      </c>
      <c r="C60" s="14">
        <v>57</v>
      </c>
      <c r="D60" s="18">
        <v>118</v>
      </c>
    </row>
    <row r="61" spans="1:4" ht="18" customHeight="1" x14ac:dyDescent="0.15">
      <c r="A61" s="5">
        <v>46</v>
      </c>
      <c r="B61" s="22">
        <v>62</v>
      </c>
      <c r="C61" s="14">
        <v>66</v>
      </c>
      <c r="D61" s="18">
        <v>128</v>
      </c>
    </row>
    <row r="62" spans="1:4" ht="18" customHeight="1" x14ac:dyDescent="0.15">
      <c r="A62" s="5">
        <v>47</v>
      </c>
      <c r="B62" s="22">
        <v>67</v>
      </c>
      <c r="C62" s="14">
        <v>65</v>
      </c>
      <c r="D62" s="18">
        <v>132</v>
      </c>
    </row>
    <row r="63" spans="1:4" ht="18" customHeight="1" x14ac:dyDescent="0.15">
      <c r="A63" s="5">
        <v>48</v>
      </c>
      <c r="B63" s="22">
        <v>65</v>
      </c>
      <c r="C63" s="14">
        <v>77</v>
      </c>
      <c r="D63" s="18">
        <v>142</v>
      </c>
    </row>
    <row r="64" spans="1:4" ht="18" customHeight="1" x14ac:dyDescent="0.15">
      <c r="A64" s="5">
        <v>49</v>
      </c>
      <c r="B64" s="22">
        <v>65</v>
      </c>
      <c r="C64" s="14">
        <v>82</v>
      </c>
      <c r="D64" s="18">
        <v>147</v>
      </c>
    </row>
    <row r="65" spans="1:4" ht="18" customHeight="1" x14ac:dyDescent="0.15">
      <c r="A65" s="5" t="s">
        <v>17</v>
      </c>
      <c r="B65" s="22">
        <v>320</v>
      </c>
      <c r="C65" s="14">
        <v>347</v>
      </c>
      <c r="D65" s="18">
        <v>667</v>
      </c>
    </row>
    <row r="66" spans="1:4" ht="18" customHeight="1" x14ac:dyDescent="0.15">
      <c r="A66" s="5">
        <v>50</v>
      </c>
      <c r="B66" s="22">
        <v>70</v>
      </c>
      <c r="C66" s="14">
        <v>72</v>
      </c>
      <c r="D66" s="18">
        <v>142</v>
      </c>
    </row>
    <row r="67" spans="1:4" ht="18" customHeight="1" x14ac:dyDescent="0.15">
      <c r="A67" s="5">
        <v>51</v>
      </c>
      <c r="B67" s="22">
        <v>93</v>
      </c>
      <c r="C67" s="14">
        <v>86</v>
      </c>
      <c r="D67" s="18">
        <v>179</v>
      </c>
    </row>
    <row r="68" spans="1:4" ht="18" customHeight="1" x14ac:dyDescent="0.15">
      <c r="A68" s="5">
        <v>52</v>
      </c>
      <c r="B68" s="22">
        <v>86</v>
      </c>
      <c r="C68" s="14">
        <v>101</v>
      </c>
      <c r="D68" s="18">
        <v>187</v>
      </c>
    </row>
    <row r="69" spans="1:4" ht="18" customHeight="1" x14ac:dyDescent="0.15">
      <c r="A69" s="5">
        <v>53</v>
      </c>
      <c r="B69" s="22">
        <v>83</v>
      </c>
      <c r="C69" s="14">
        <v>74</v>
      </c>
      <c r="D69" s="18">
        <v>157</v>
      </c>
    </row>
    <row r="70" spans="1:4" ht="18" customHeight="1" x14ac:dyDescent="0.15">
      <c r="A70" s="5">
        <v>54</v>
      </c>
      <c r="B70" s="22">
        <v>90</v>
      </c>
      <c r="C70" s="14">
        <v>72</v>
      </c>
      <c r="D70" s="18">
        <v>162</v>
      </c>
    </row>
    <row r="71" spans="1:4" ht="18" customHeight="1" x14ac:dyDescent="0.15">
      <c r="A71" s="5" t="s">
        <v>22</v>
      </c>
      <c r="B71" s="22">
        <v>422</v>
      </c>
      <c r="C71" s="14">
        <v>405</v>
      </c>
      <c r="D71" s="18">
        <v>827</v>
      </c>
    </row>
    <row r="72" spans="1:4" ht="18" customHeight="1" x14ac:dyDescent="0.15">
      <c r="A72" s="5">
        <v>55</v>
      </c>
      <c r="B72" s="22">
        <v>78</v>
      </c>
      <c r="C72" s="14">
        <v>83</v>
      </c>
      <c r="D72" s="18">
        <v>161</v>
      </c>
    </row>
    <row r="73" spans="1:4" ht="18" customHeight="1" x14ac:dyDescent="0.15">
      <c r="A73" s="5">
        <v>56</v>
      </c>
      <c r="B73" s="22">
        <v>103</v>
      </c>
      <c r="C73" s="14">
        <v>98</v>
      </c>
      <c r="D73" s="18">
        <v>201</v>
      </c>
    </row>
    <row r="74" spans="1:4" ht="18" customHeight="1" x14ac:dyDescent="0.15">
      <c r="A74" s="5">
        <v>57</v>
      </c>
      <c r="B74" s="22">
        <v>83</v>
      </c>
      <c r="C74" s="14">
        <v>88</v>
      </c>
      <c r="D74" s="18">
        <v>171</v>
      </c>
    </row>
    <row r="75" spans="1:4" ht="18" customHeight="1" x14ac:dyDescent="0.15">
      <c r="A75" s="5">
        <v>58</v>
      </c>
      <c r="B75" s="22">
        <v>66</v>
      </c>
      <c r="C75" s="14">
        <v>72</v>
      </c>
      <c r="D75" s="18">
        <v>138</v>
      </c>
    </row>
    <row r="76" spans="1:4" ht="18" customHeight="1" x14ac:dyDescent="0.15">
      <c r="A76" s="5">
        <v>59</v>
      </c>
      <c r="B76" s="22">
        <v>65</v>
      </c>
      <c r="C76" s="14">
        <v>64</v>
      </c>
      <c r="D76" s="18">
        <v>129</v>
      </c>
    </row>
    <row r="77" spans="1:4" ht="18" customHeight="1" x14ac:dyDescent="0.15">
      <c r="A77" s="5" t="s">
        <v>27</v>
      </c>
      <c r="B77" s="22">
        <v>395</v>
      </c>
      <c r="C77" s="14">
        <v>405</v>
      </c>
      <c r="D77" s="18">
        <v>800</v>
      </c>
    </row>
    <row r="78" spans="1:4" ht="18" customHeight="1" x14ac:dyDescent="0.15">
      <c r="A78" s="5">
        <v>60</v>
      </c>
      <c r="B78" s="22">
        <v>70</v>
      </c>
      <c r="C78" s="14">
        <v>71</v>
      </c>
      <c r="D78" s="18">
        <v>141</v>
      </c>
    </row>
    <row r="79" spans="1:4" ht="18" customHeight="1" x14ac:dyDescent="0.15">
      <c r="A79" s="5">
        <v>61</v>
      </c>
      <c r="B79" s="22">
        <v>50</v>
      </c>
      <c r="C79" s="14">
        <v>70</v>
      </c>
      <c r="D79" s="18">
        <v>120</v>
      </c>
    </row>
    <row r="80" spans="1:4" ht="18" customHeight="1" x14ac:dyDescent="0.15">
      <c r="A80" s="5">
        <v>62</v>
      </c>
      <c r="B80" s="22">
        <v>59</v>
      </c>
      <c r="C80" s="14">
        <v>49</v>
      </c>
      <c r="D80" s="18">
        <v>108</v>
      </c>
    </row>
    <row r="81" spans="1:4" ht="18" customHeight="1" x14ac:dyDescent="0.15">
      <c r="A81" s="5">
        <v>63</v>
      </c>
      <c r="B81" s="22">
        <v>54</v>
      </c>
      <c r="C81" s="14">
        <v>58</v>
      </c>
      <c r="D81" s="18">
        <v>112</v>
      </c>
    </row>
    <row r="82" spans="1:4" ht="18" customHeight="1" x14ac:dyDescent="0.15">
      <c r="A82" s="5">
        <v>64</v>
      </c>
      <c r="B82" s="22">
        <v>48</v>
      </c>
      <c r="C82" s="14">
        <v>62</v>
      </c>
      <c r="D82" s="18">
        <v>110</v>
      </c>
    </row>
    <row r="83" spans="1:4" ht="18" customHeight="1" x14ac:dyDescent="0.15">
      <c r="A83" s="5" t="s">
        <v>28</v>
      </c>
      <c r="B83" s="22">
        <v>281</v>
      </c>
      <c r="C83" s="14">
        <v>310</v>
      </c>
      <c r="D83" s="18">
        <v>591</v>
      </c>
    </row>
    <row r="84" spans="1:4" ht="18" customHeight="1" x14ac:dyDescent="0.15">
      <c r="A84" s="5" t="s">
        <v>31</v>
      </c>
      <c r="B84" s="22">
        <v>3114</v>
      </c>
      <c r="C84" s="14">
        <v>2885</v>
      </c>
      <c r="D84" s="18">
        <v>5999</v>
      </c>
    </row>
    <row r="85" spans="1:4" ht="18" customHeight="1" x14ac:dyDescent="0.15">
      <c r="A85" s="5">
        <v>65</v>
      </c>
      <c r="B85" s="22">
        <v>44</v>
      </c>
      <c r="C85" s="14">
        <v>49</v>
      </c>
      <c r="D85" s="18">
        <v>93</v>
      </c>
    </row>
    <row r="86" spans="1:4" ht="18" customHeight="1" x14ac:dyDescent="0.15">
      <c r="A86" s="5">
        <v>66</v>
      </c>
      <c r="B86" s="22">
        <v>50</v>
      </c>
      <c r="C86" s="14">
        <v>59</v>
      </c>
      <c r="D86" s="18">
        <v>109</v>
      </c>
    </row>
    <row r="87" spans="1:4" ht="18" customHeight="1" x14ac:dyDescent="0.15">
      <c r="A87" s="5">
        <v>67</v>
      </c>
      <c r="B87" s="22">
        <v>47</v>
      </c>
      <c r="C87" s="14">
        <v>36</v>
      </c>
      <c r="D87" s="18">
        <v>83</v>
      </c>
    </row>
    <row r="88" spans="1:4" ht="18" customHeight="1" x14ac:dyDescent="0.15">
      <c r="A88" s="5">
        <v>68</v>
      </c>
      <c r="B88" s="22">
        <v>36</v>
      </c>
      <c r="C88" s="14">
        <v>38</v>
      </c>
      <c r="D88" s="18">
        <v>74</v>
      </c>
    </row>
    <row r="89" spans="1:4" ht="18" customHeight="1" x14ac:dyDescent="0.15">
      <c r="A89" s="5">
        <v>69</v>
      </c>
      <c r="B89" s="22">
        <v>26</v>
      </c>
      <c r="C89" s="14">
        <v>36</v>
      </c>
      <c r="D89" s="18">
        <v>62</v>
      </c>
    </row>
    <row r="90" spans="1:4" ht="18" customHeight="1" x14ac:dyDescent="0.15">
      <c r="A90" s="5" t="s">
        <v>20</v>
      </c>
      <c r="B90" s="22">
        <v>203</v>
      </c>
      <c r="C90" s="14">
        <v>218</v>
      </c>
      <c r="D90" s="18">
        <v>421</v>
      </c>
    </row>
    <row r="91" spans="1:4" ht="18" customHeight="1" x14ac:dyDescent="0.15">
      <c r="A91" s="5">
        <v>70</v>
      </c>
      <c r="B91" s="22">
        <v>30</v>
      </c>
      <c r="C91" s="14">
        <v>32</v>
      </c>
      <c r="D91" s="18">
        <v>62</v>
      </c>
    </row>
    <row r="92" spans="1:4" ht="18" customHeight="1" x14ac:dyDescent="0.15">
      <c r="A92" s="5">
        <v>71</v>
      </c>
      <c r="B92" s="22">
        <v>42</v>
      </c>
      <c r="C92" s="14">
        <v>34</v>
      </c>
      <c r="D92" s="18">
        <v>76</v>
      </c>
    </row>
    <row r="93" spans="1:4" ht="18" customHeight="1" x14ac:dyDescent="0.15">
      <c r="A93" s="5">
        <v>72</v>
      </c>
      <c r="B93" s="22">
        <v>33</v>
      </c>
      <c r="C93" s="14">
        <v>41</v>
      </c>
      <c r="D93" s="18">
        <v>74</v>
      </c>
    </row>
    <row r="94" spans="1:4" ht="18" customHeight="1" x14ac:dyDescent="0.15">
      <c r="A94" s="5">
        <v>73</v>
      </c>
      <c r="B94" s="22">
        <v>30</v>
      </c>
      <c r="C94" s="14">
        <v>42</v>
      </c>
      <c r="D94" s="18">
        <v>72</v>
      </c>
    </row>
    <row r="95" spans="1:4" ht="18" customHeight="1" x14ac:dyDescent="0.15">
      <c r="A95" s="5">
        <v>74</v>
      </c>
      <c r="B95" s="22">
        <v>24</v>
      </c>
      <c r="C95" s="14">
        <v>33</v>
      </c>
      <c r="D95" s="18">
        <v>57</v>
      </c>
    </row>
    <row r="96" spans="1:4" ht="18" customHeight="1" x14ac:dyDescent="0.15">
      <c r="A96" s="5" t="s">
        <v>33</v>
      </c>
      <c r="B96" s="22">
        <v>159</v>
      </c>
      <c r="C96" s="14">
        <v>182</v>
      </c>
      <c r="D96" s="18">
        <v>341</v>
      </c>
    </row>
    <row r="97" spans="1:4" ht="18" customHeight="1" x14ac:dyDescent="0.15">
      <c r="A97" s="5">
        <v>75</v>
      </c>
      <c r="B97" s="22">
        <v>39</v>
      </c>
      <c r="C97" s="14">
        <v>36</v>
      </c>
      <c r="D97" s="18">
        <v>75</v>
      </c>
    </row>
    <row r="98" spans="1:4" ht="18" customHeight="1" x14ac:dyDescent="0.15">
      <c r="A98" s="5">
        <v>76</v>
      </c>
      <c r="B98" s="22">
        <v>40</v>
      </c>
      <c r="C98" s="14">
        <v>42</v>
      </c>
      <c r="D98" s="18">
        <v>82</v>
      </c>
    </row>
    <row r="99" spans="1:4" ht="18" customHeight="1" x14ac:dyDescent="0.15">
      <c r="A99" s="5">
        <v>77</v>
      </c>
      <c r="B99" s="22">
        <v>34</v>
      </c>
      <c r="C99" s="14">
        <v>63</v>
      </c>
      <c r="D99" s="18">
        <v>97</v>
      </c>
    </row>
    <row r="100" spans="1:4" ht="18" customHeight="1" x14ac:dyDescent="0.15">
      <c r="A100" s="5">
        <v>78</v>
      </c>
      <c r="B100" s="22">
        <v>38</v>
      </c>
      <c r="C100" s="14">
        <v>54</v>
      </c>
      <c r="D100" s="18">
        <v>92</v>
      </c>
    </row>
    <row r="101" spans="1:4" ht="18" customHeight="1" x14ac:dyDescent="0.15">
      <c r="A101" s="5">
        <v>79</v>
      </c>
      <c r="B101" s="22">
        <v>28</v>
      </c>
      <c r="C101" s="14">
        <v>34</v>
      </c>
      <c r="D101" s="18">
        <v>62</v>
      </c>
    </row>
    <row r="102" spans="1:4" ht="18" customHeight="1" x14ac:dyDescent="0.15">
      <c r="A102" s="5" t="s">
        <v>0</v>
      </c>
      <c r="B102" s="22">
        <v>179</v>
      </c>
      <c r="C102" s="14">
        <v>229</v>
      </c>
      <c r="D102" s="18">
        <v>408</v>
      </c>
    </row>
    <row r="103" spans="1:4" ht="18" customHeight="1" x14ac:dyDescent="0.15">
      <c r="A103" s="5">
        <v>80</v>
      </c>
      <c r="B103" s="22">
        <v>13</v>
      </c>
      <c r="C103" s="14">
        <v>24</v>
      </c>
      <c r="D103" s="18">
        <v>37</v>
      </c>
    </row>
    <row r="104" spans="1:4" ht="18" customHeight="1" x14ac:dyDescent="0.15">
      <c r="A104" s="5">
        <v>81</v>
      </c>
      <c r="B104" s="22">
        <v>27</v>
      </c>
      <c r="C104" s="14">
        <v>34</v>
      </c>
      <c r="D104" s="18">
        <v>61</v>
      </c>
    </row>
    <row r="105" spans="1:4" ht="18" customHeight="1" x14ac:dyDescent="0.15">
      <c r="A105" s="5">
        <v>82</v>
      </c>
      <c r="B105" s="22">
        <v>22</v>
      </c>
      <c r="C105" s="14">
        <v>40</v>
      </c>
      <c r="D105" s="18">
        <v>62</v>
      </c>
    </row>
    <row r="106" spans="1:4" ht="18" customHeight="1" x14ac:dyDescent="0.15">
      <c r="A106" s="5">
        <v>83</v>
      </c>
      <c r="B106" s="22">
        <v>19</v>
      </c>
      <c r="C106" s="14">
        <v>41</v>
      </c>
      <c r="D106" s="18">
        <v>60</v>
      </c>
    </row>
    <row r="107" spans="1:4" ht="18" customHeight="1" x14ac:dyDescent="0.15">
      <c r="A107" s="5">
        <v>84</v>
      </c>
      <c r="B107" s="22">
        <v>20</v>
      </c>
      <c r="C107" s="14">
        <v>47</v>
      </c>
      <c r="D107" s="18">
        <v>67</v>
      </c>
    </row>
    <row r="108" spans="1:4" ht="18" customHeight="1" x14ac:dyDescent="0.15">
      <c r="A108" s="5" t="s">
        <v>35</v>
      </c>
      <c r="B108" s="22">
        <v>101</v>
      </c>
      <c r="C108" s="14">
        <v>186</v>
      </c>
      <c r="D108" s="18">
        <v>287</v>
      </c>
    </row>
    <row r="109" spans="1:4" ht="18" customHeight="1" x14ac:dyDescent="0.15">
      <c r="A109" s="5">
        <v>85</v>
      </c>
      <c r="B109" s="22">
        <v>21</v>
      </c>
      <c r="C109" s="14">
        <v>27</v>
      </c>
      <c r="D109" s="18">
        <v>48</v>
      </c>
    </row>
    <row r="110" spans="1:4" ht="18" customHeight="1" x14ac:dyDescent="0.15">
      <c r="A110" s="5">
        <v>86</v>
      </c>
      <c r="B110" s="22">
        <v>15</v>
      </c>
      <c r="C110" s="14">
        <v>22</v>
      </c>
      <c r="D110" s="18">
        <v>37</v>
      </c>
    </row>
    <row r="111" spans="1:4" ht="18" customHeight="1" x14ac:dyDescent="0.15">
      <c r="A111" s="5">
        <v>87</v>
      </c>
      <c r="B111" s="22">
        <v>19</v>
      </c>
      <c r="C111" s="14">
        <v>15</v>
      </c>
      <c r="D111" s="18">
        <v>34</v>
      </c>
    </row>
    <row r="112" spans="1:4" ht="18" customHeight="1" x14ac:dyDescent="0.15">
      <c r="A112" s="5">
        <v>88</v>
      </c>
      <c r="B112" s="22">
        <v>18</v>
      </c>
      <c r="C112" s="14">
        <v>19</v>
      </c>
      <c r="D112" s="18">
        <v>37</v>
      </c>
    </row>
    <row r="113" spans="1:4" ht="18" customHeight="1" x14ac:dyDescent="0.15">
      <c r="A113" s="5">
        <v>89</v>
      </c>
      <c r="B113" s="22">
        <v>11</v>
      </c>
      <c r="C113" s="14">
        <v>20</v>
      </c>
      <c r="D113" s="18">
        <v>31</v>
      </c>
    </row>
    <row r="114" spans="1:4" ht="18" customHeight="1" x14ac:dyDescent="0.15">
      <c r="A114" s="5" t="s">
        <v>37</v>
      </c>
      <c r="B114" s="22">
        <v>84</v>
      </c>
      <c r="C114" s="14">
        <v>103</v>
      </c>
      <c r="D114" s="18">
        <v>187</v>
      </c>
    </row>
    <row r="115" spans="1:4" ht="18" customHeight="1" x14ac:dyDescent="0.15">
      <c r="A115" s="5">
        <v>90</v>
      </c>
      <c r="B115" s="22">
        <v>9</v>
      </c>
      <c r="C115" s="14">
        <v>27</v>
      </c>
      <c r="D115" s="18">
        <v>36</v>
      </c>
    </row>
    <row r="116" spans="1:4" ht="18" customHeight="1" x14ac:dyDescent="0.15">
      <c r="A116" s="5">
        <v>91</v>
      </c>
      <c r="B116" s="22">
        <v>5</v>
      </c>
      <c r="C116" s="14">
        <v>19</v>
      </c>
      <c r="D116" s="18">
        <v>24</v>
      </c>
    </row>
    <row r="117" spans="1:4" ht="18" customHeight="1" x14ac:dyDescent="0.15">
      <c r="A117" s="5">
        <v>92</v>
      </c>
      <c r="B117" s="22">
        <v>5</v>
      </c>
      <c r="C117" s="14">
        <v>7</v>
      </c>
      <c r="D117" s="18">
        <v>12</v>
      </c>
    </row>
    <row r="118" spans="1:4" ht="18" customHeight="1" x14ac:dyDescent="0.15">
      <c r="A118" s="5">
        <v>93</v>
      </c>
      <c r="B118" s="22">
        <v>10</v>
      </c>
      <c r="C118" s="14">
        <v>16</v>
      </c>
      <c r="D118" s="18">
        <v>26</v>
      </c>
    </row>
    <row r="119" spans="1:4" ht="18" customHeight="1" x14ac:dyDescent="0.15">
      <c r="A119" s="5">
        <v>94</v>
      </c>
      <c r="B119" s="22">
        <v>1</v>
      </c>
      <c r="C119" s="14">
        <v>12</v>
      </c>
      <c r="D119" s="18">
        <v>13</v>
      </c>
    </row>
    <row r="120" spans="1:4" ht="18" customHeight="1" x14ac:dyDescent="0.15">
      <c r="A120" s="5" t="s">
        <v>39</v>
      </c>
      <c r="B120" s="22">
        <v>30</v>
      </c>
      <c r="C120" s="14">
        <v>81</v>
      </c>
      <c r="D120" s="18">
        <v>111</v>
      </c>
    </row>
    <row r="121" spans="1:4" ht="18" customHeight="1" x14ac:dyDescent="0.15">
      <c r="A121" s="5">
        <v>95</v>
      </c>
      <c r="B121" s="22">
        <v>1</v>
      </c>
      <c r="C121" s="14">
        <v>10</v>
      </c>
      <c r="D121" s="18">
        <v>11</v>
      </c>
    </row>
    <row r="122" spans="1:4" ht="18" customHeight="1" x14ac:dyDescent="0.15">
      <c r="A122" s="5">
        <v>96</v>
      </c>
      <c r="B122" s="22">
        <v>1</v>
      </c>
      <c r="C122" s="14">
        <v>9</v>
      </c>
      <c r="D122" s="18">
        <v>10</v>
      </c>
    </row>
    <row r="123" spans="1:4" ht="18" customHeight="1" x14ac:dyDescent="0.15">
      <c r="A123" s="5">
        <v>97</v>
      </c>
      <c r="B123" s="22">
        <v>1</v>
      </c>
      <c r="C123" s="14">
        <v>2</v>
      </c>
      <c r="D123" s="18">
        <v>3</v>
      </c>
    </row>
    <row r="124" spans="1:4" ht="18" customHeight="1" x14ac:dyDescent="0.15">
      <c r="A124" s="5">
        <v>98</v>
      </c>
      <c r="B124" s="22">
        <v>1</v>
      </c>
      <c r="C124" s="14">
        <v>3</v>
      </c>
      <c r="D124" s="18">
        <v>4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4</v>
      </c>
      <c r="C126" s="14">
        <v>24</v>
      </c>
      <c r="D126" s="18">
        <v>28</v>
      </c>
    </row>
    <row r="127" spans="1:4" ht="18" customHeight="1" x14ac:dyDescent="0.15">
      <c r="A127" s="5">
        <v>100</v>
      </c>
      <c r="B127" s="22">
        <v>1</v>
      </c>
      <c r="C127" s="14">
        <v>0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1</v>
      </c>
      <c r="C129" s="14">
        <v>3</v>
      </c>
      <c r="D129" s="18">
        <v>4</v>
      </c>
    </row>
    <row r="130" spans="1:4" ht="18" customHeight="1" x14ac:dyDescent="0.15">
      <c r="A130" s="5" t="s">
        <v>46</v>
      </c>
      <c r="B130" s="22">
        <v>761</v>
      </c>
      <c r="C130" s="14">
        <v>1026</v>
      </c>
      <c r="D130" s="18">
        <v>1787</v>
      </c>
    </row>
    <row r="131" spans="1:4" ht="18" customHeight="1" x14ac:dyDescent="0.15">
      <c r="A131" s="7" t="s">
        <v>45</v>
      </c>
      <c r="B131" s="23">
        <v>4393</v>
      </c>
      <c r="C131" s="15">
        <v>4417</v>
      </c>
      <c r="D131" s="19">
        <v>881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100-000000000000}">
  <sheetPr codeName="Sheet6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7" t="s">
        <v>119</v>
      </c>
      <c r="C3" s="47"/>
      <c r="D3" s="47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43</v>
      </c>
      <c r="C5" s="13">
        <v>45</v>
      </c>
      <c r="D5" s="17">
        <v>88</v>
      </c>
    </row>
    <row r="6" spans="1:4" ht="18" customHeight="1" x14ac:dyDescent="0.15">
      <c r="A6" s="5">
        <v>1</v>
      </c>
      <c r="B6" s="22">
        <v>42</v>
      </c>
      <c r="C6" s="14">
        <v>37</v>
      </c>
      <c r="D6" s="18">
        <v>79</v>
      </c>
    </row>
    <row r="7" spans="1:4" ht="18" customHeight="1" x14ac:dyDescent="0.15">
      <c r="A7" s="5">
        <v>2</v>
      </c>
      <c r="B7" s="22">
        <v>34</v>
      </c>
      <c r="C7" s="14">
        <v>28</v>
      </c>
      <c r="D7" s="18">
        <v>62</v>
      </c>
    </row>
    <row r="8" spans="1:4" ht="18" customHeight="1" x14ac:dyDescent="0.15">
      <c r="A8" s="5">
        <v>3</v>
      </c>
      <c r="B8" s="22">
        <v>40</v>
      </c>
      <c r="C8" s="14">
        <v>33</v>
      </c>
      <c r="D8" s="18">
        <v>73</v>
      </c>
    </row>
    <row r="9" spans="1:4" ht="18" customHeight="1" x14ac:dyDescent="0.15">
      <c r="A9" s="5">
        <v>4</v>
      </c>
      <c r="B9" s="22">
        <v>34</v>
      </c>
      <c r="C9" s="14">
        <v>45</v>
      </c>
      <c r="D9" s="18">
        <v>79</v>
      </c>
    </row>
    <row r="10" spans="1:4" ht="18" customHeight="1" x14ac:dyDescent="0.15">
      <c r="A10" s="5" t="s">
        <v>7</v>
      </c>
      <c r="B10" s="22">
        <v>193</v>
      </c>
      <c r="C10" s="14">
        <v>188</v>
      </c>
      <c r="D10" s="18">
        <v>381</v>
      </c>
    </row>
    <row r="11" spans="1:4" ht="18" customHeight="1" x14ac:dyDescent="0.15">
      <c r="A11" s="5">
        <v>5</v>
      </c>
      <c r="B11" s="22">
        <v>31</v>
      </c>
      <c r="C11" s="14">
        <v>52</v>
      </c>
      <c r="D11" s="18">
        <v>83</v>
      </c>
    </row>
    <row r="12" spans="1:4" ht="18" customHeight="1" x14ac:dyDescent="0.15">
      <c r="A12" s="5">
        <v>6</v>
      </c>
      <c r="B12" s="22">
        <v>45</v>
      </c>
      <c r="C12" s="14">
        <v>38</v>
      </c>
      <c r="D12" s="18">
        <v>83</v>
      </c>
    </row>
    <row r="13" spans="1:4" ht="18" customHeight="1" x14ac:dyDescent="0.15">
      <c r="A13" s="5">
        <v>7</v>
      </c>
      <c r="B13" s="22">
        <v>52</v>
      </c>
      <c r="C13" s="14">
        <v>42</v>
      </c>
      <c r="D13" s="18">
        <v>94</v>
      </c>
    </row>
    <row r="14" spans="1:4" ht="18" customHeight="1" x14ac:dyDescent="0.15">
      <c r="A14" s="5">
        <v>8</v>
      </c>
      <c r="B14" s="22">
        <v>46</v>
      </c>
      <c r="C14" s="14">
        <v>42</v>
      </c>
      <c r="D14" s="18">
        <v>88</v>
      </c>
    </row>
    <row r="15" spans="1:4" ht="18" customHeight="1" x14ac:dyDescent="0.15">
      <c r="A15" s="5">
        <v>9</v>
      </c>
      <c r="B15" s="22">
        <v>60</v>
      </c>
      <c r="C15" s="14">
        <v>50</v>
      </c>
      <c r="D15" s="18">
        <v>110</v>
      </c>
    </row>
    <row r="16" spans="1:4" ht="18" customHeight="1" x14ac:dyDescent="0.15">
      <c r="A16" s="5" t="s">
        <v>11</v>
      </c>
      <c r="B16" s="22">
        <v>234</v>
      </c>
      <c r="C16" s="14">
        <v>224</v>
      </c>
      <c r="D16" s="18">
        <v>458</v>
      </c>
    </row>
    <row r="17" spans="1:4" ht="18" customHeight="1" x14ac:dyDescent="0.15">
      <c r="A17" s="5">
        <v>10</v>
      </c>
      <c r="B17" s="22">
        <v>56</v>
      </c>
      <c r="C17" s="14">
        <v>52</v>
      </c>
      <c r="D17" s="18">
        <v>108</v>
      </c>
    </row>
    <row r="18" spans="1:4" ht="18" customHeight="1" x14ac:dyDescent="0.15">
      <c r="A18" s="5">
        <v>11</v>
      </c>
      <c r="B18" s="22">
        <v>53</v>
      </c>
      <c r="C18" s="14">
        <v>48</v>
      </c>
      <c r="D18" s="18">
        <v>101</v>
      </c>
    </row>
    <row r="19" spans="1:4" ht="18" customHeight="1" x14ac:dyDescent="0.15">
      <c r="A19" s="5">
        <v>12</v>
      </c>
      <c r="B19" s="22">
        <v>56</v>
      </c>
      <c r="C19" s="14">
        <v>52</v>
      </c>
      <c r="D19" s="18">
        <v>108</v>
      </c>
    </row>
    <row r="20" spans="1:4" ht="18" customHeight="1" x14ac:dyDescent="0.15">
      <c r="A20" s="5">
        <v>13</v>
      </c>
      <c r="B20" s="22">
        <v>52</v>
      </c>
      <c r="C20" s="14">
        <v>51</v>
      </c>
      <c r="D20" s="18">
        <v>103</v>
      </c>
    </row>
    <row r="21" spans="1:4" ht="18" customHeight="1" x14ac:dyDescent="0.15">
      <c r="A21" s="5">
        <v>14</v>
      </c>
      <c r="B21" s="22">
        <v>58</v>
      </c>
      <c r="C21" s="14">
        <v>53</v>
      </c>
      <c r="D21" s="18">
        <v>111</v>
      </c>
    </row>
    <row r="22" spans="1:4" ht="18" customHeight="1" x14ac:dyDescent="0.15">
      <c r="A22" s="5" t="s">
        <v>12</v>
      </c>
      <c r="B22" s="22">
        <v>275</v>
      </c>
      <c r="C22" s="14">
        <v>256</v>
      </c>
      <c r="D22" s="18">
        <v>531</v>
      </c>
    </row>
    <row r="23" spans="1:4" ht="18" customHeight="1" x14ac:dyDescent="0.15">
      <c r="A23" s="5" t="s">
        <v>6</v>
      </c>
      <c r="B23" s="22">
        <v>702</v>
      </c>
      <c r="C23" s="14">
        <v>668</v>
      </c>
      <c r="D23" s="18">
        <v>1370</v>
      </c>
    </row>
    <row r="24" spans="1:4" ht="18" customHeight="1" x14ac:dyDescent="0.15">
      <c r="A24" s="5">
        <v>15</v>
      </c>
      <c r="B24" s="22">
        <v>52</v>
      </c>
      <c r="C24" s="14">
        <v>41</v>
      </c>
      <c r="D24" s="18">
        <v>93</v>
      </c>
    </row>
    <row r="25" spans="1:4" ht="18" customHeight="1" x14ac:dyDescent="0.15">
      <c r="A25" s="5">
        <v>16</v>
      </c>
      <c r="B25" s="22">
        <v>54</v>
      </c>
      <c r="C25" s="14">
        <v>52</v>
      </c>
      <c r="D25" s="18">
        <v>106</v>
      </c>
    </row>
    <row r="26" spans="1:4" ht="18" customHeight="1" x14ac:dyDescent="0.15">
      <c r="A26" s="5">
        <v>17</v>
      </c>
      <c r="B26" s="22">
        <v>59</v>
      </c>
      <c r="C26" s="14">
        <v>52</v>
      </c>
      <c r="D26" s="18">
        <v>111</v>
      </c>
    </row>
    <row r="27" spans="1:4" ht="18" customHeight="1" x14ac:dyDescent="0.15">
      <c r="A27" s="5">
        <v>18</v>
      </c>
      <c r="B27" s="22">
        <v>61</v>
      </c>
      <c r="C27" s="14">
        <v>52</v>
      </c>
      <c r="D27" s="18">
        <v>113</v>
      </c>
    </row>
    <row r="28" spans="1:4" ht="18" customHeight="1" x14ac:dyDescent="0.15">
      <c r="A28" s="5">
        <v>19</v>
      </c>
      <c r="B28" s="22">
        <v>55</v>
      </c>
      <c r="C28" s="14">
        <v>44</v>
      </c>
      <c r="D28" s="18">
        <v>99</v>
      </c>
    </row>
    <row r="29" spans="1:4" ht="18" customHeight="1" x14ac:dyDescent="0.15">
      <c r="A29" s="5" t="s">
        <v>14</v>
      </c>
      <c r="B29" s="22">
        <v>281</v>
      </c>
      <c r="C29" s="14">
        <v>241</v>
      </c>
      <c r="D29" s="18">
        <v>522</v>
      </c>
    </row>
    <row r="30" spans="1:4" ht="18" customHeight="1" x14ac:dyDescent="0.15">
      <c r="A30" s="5">
        <v>20</v>
      </c>
      <c r="B30" s="22">
        <v>65</v>
      </c>
      <c r="C30" s="14">
        <v>54</v>
      </c>
      <c r="D30" s="18">
        <v>119</v>
      </c>
    </row>
    <row r="31" spans="1:4" ht="18" customHeight="1" x14ac:dyDescent="0.15">
      <c r="A31" s="5">
        <v>21</v>
      </c>
      <c r="B31" s="22">
        <v>67</v>
      </c>
      <c r="C31" s="14">
        <v>66</v>
      </c>
      <c r="D31" s="18">
        <v>133</v>
      </c>
    </row>
    <row r="32" spans="1:4" ht="18" customHeight="1" x14ac:dyDescent="0.15">
      <c r="A32" s="5">
        <v>22</v>
      </c>
      <c r="B32" s="22">
        <v>83</v>
      </c>
      <c r="C32" s="14">
        <v>67</v>
      </c>
      <c r="D32" s="18">
        <v>150</v>
      </c>
    </row>
    <row r="33" spans="1:4" ht="18" customHeight="1" x14ac:dyDescent="0.15">
      <c r="A33" s="5">
        <v>23</v>
      </c>
      <c r="B33" s="22">
        <v>62</v>
      </c>
      <c r="C33" s="14">
        <v>59</v>
      </c>
      <c r="D33" s="18">
        <v>121</v>
      </c>
    </row>
    <row r="34" spans="1:4" ht="18" customHeight="1" x14ac:dyDescent="0.15">
      <c r="A34" s="5">
        <v>24</v>
      </c>
      <c r="B34" s="22">
        <v>89</v>
      </c>
      <c r="C34" s="14">
        <v>71</v>
      </c>
      <c r="D34" s="18">
        <v>160</v>
      </c>
    </row>
    <row r="35" spans="1:4" ht="18" customHeight="1" x14ac:dyDescent="0.15">
      <c r="A35" s="5" t="s">
        <v>9</v>
      </c>
      <c r="B35" s="22">
        <v>366</v>
      </c>
      <c r="C35" s="14">
        <v>317</v>
      </c>
      <c r="D35" s="18">
        <v>683</v>
      </c>
    </row>
    <row r="36" spans="1:4" ht="18" customHeight="1" x14ac:dyDescent="0.15">
      <c r="A36" s="5">
        <v>25</v>
      </c>
      <c r="B36" s="22">
        <v>92</v>
      </c>
      <c r="C36" s="14">
        <v>76</v>
      </c>
      <c r="D36" s="18">
        <v>168</v>
      </c>
    </row>
    <row r="37" spans="1:4" ht="18" customHeight="1" x14ac:dyDescent="0.15">
      <c r="A37" s="5">
        <v>26</v>
      </c>
      <c r="B37" s="22">
        <v>93</v>
      </c>
      <c r="C37" s="14">
        <v>84</v>
      </c>
      <c r="D37" s="18">
        <v>177</v>
      </c>
    </row>
    <row r="38" spans="1:4" ht="18" customHeight="1" x14ac:dyDescent="0.15">
      <c r="A38" s="5">
        <v>27</v>
      </c>
      <c r="B38" s="22">
        <v>94</v>
      </c>
      <c r="C38" s="14">
        <v>83</v>
      </c>
      <c r="D38" s="18">
        <v>177</v>
      </c>
    </row>
    <row r="39" spans="1:4" ht="18" customHeight="1" x14ac:dyDescent="0.15">
      <c r="A39" s="5">
        <v>28</v>
      </c>
      <c r="B39" s="22">
        <v>101</v>
      </c>
      <c r="C39" s="14">
        <v>81</v>
      </c>
      <c r="D39" s="18">
        <v>182</v>
      </c>
    </row>
    <row r="40" spans="1:4" ht="18" customHeight="1" x14ac:dyDescent="0.15">
      <c r="A40" s="5">
        <v>29</v>
      </c>
      <c r="B40" s="22">
        <v>94</v>
      </c>
      <c r="C40" s="14">
        <v>91</v>
      </c>
      <c r="D40" s="18">
        <v>185</v>
      </c>
    </row>
    <row r="41" spans="1:4" ht="18" customHeight="1" x14ac:dyDescent="0.15">
      <c r="A41" s="5" t="s">
        <v>2</v>
      </c>
      <c r="B41" s="22">
        <v>474</v>
      </c>
      <c r="C41" s="14">
        <v>415</v>
      </c>
      <c r="D41" s="18">
        <v>889</v>
      </c>
    </row>
    <row r="42" spans="1:4" ht="18" customHeight="1" x14ac:dyDescent="0.15">
      <c r="A42" s="5">
        <v>30</v>
      </c>
      <c r="B42" s="22">
        <v>88</v>
      </c>
      <c r="C42" s="14">
        <v>78</v>
      </c>
      <c r="D42" s="18">
        <v>166</v>
      </c>
    </row>
    <row r="43" spans="1:4" ht="18" customHeight="1" x14ac:dyDescent="0.15">
      <c r="A43" s="5">
        <v>31</v>
      </c>
      <c r="B43" s="22">
        <v>83</v>
      </c>
      <c r="C43" s="14">
        <v>66</v>
      </c>
      <c r="D43" s="18">
        <v>149</v>
      </c>
    </row>
    <row r="44" spans="1:4" ht="18" customHeight="1" x14ac:dyDescent="0.15">
      <c r="A44" s="5">
        <v>32</v>
      </c>
      <c r="B44" s="22">
        <v>68</v>
      </c>
      <c r="C44" s="14">
        <v>69</v>
      </c>
      <c r="D44" s="18">
        <v>137</v>
      </c>
    </row>
    <row r="45" spans="1:4" ht="18" customHeight="1" x14ac:dyDescent="0.15">
      <c r="A45" s="5">
        <v>33</v>
      </c>
      <c r="B45" s="22">
        <v>79</v>
      </c>
      <c r="C45" s="14">
        <v>59</v>
      </c>
      <c r="D45" s="18">
        <v>138</v>
      </c>
    </row>
    <row r="46" spans="1:4" ht="18" customHeight="1" x14ac:dyDescent="0.15">
      <c r="A46" s="5">
        <v>34</v>
      </c>
      <c r="B46" s="22">
        <v>78</v>
      </c>
      <c r="C46" s="14">
        <v>64</v>
      </c>
      <c r="D46" s="18">
        <v>142</v>
      </c>
    </row>
    <row r="47" spans="1:4" ht="18" customHeight="1" x14ac:dyDescent="0.15">
      <c r="A47" s="5" t="s">
        <v>15</v>
      </c>
      <c r="B47" s="22">
        <v>396</v>
      </c>
      <c r="C47" s="14">
        <v>336</v>
      </c>
      <c r="D47" s="18">
        <v>732</v>
      </c>
    </row>
    <row r="48" spans="1:4" ht="18" customHeight="1" x14ac:dyDescent="0.15">
      <c r="A48" s="5">
        <v>35</v>
      </c>
      <c r="B48" s="22">
        <v>90</v>
      </c>
      <c r="C48" s="14">
        <v>52</v>
      </c>
      <c r="D48" s="18">
        <v>142</v>
      </c>
    </row>
    <row r="49" spans="1:4" ht="18" customHeight="1" x14ac:dyDescent="0.15">
      <c r="A49" s="5">
        <v>36</v>
      </c>
      <c r="B49" s="22">
        <v>61</v>
      </c>
      <c r="C49" s="14">
        <v>48</v>
      </c>
      <c r="D49" s="18">
        <v>109</v>
      </c>
    </row>
    <row r="50" spans="1:4" ht="18" customHeight="1" x14ac:dyDescent="0.15">
      <c r="A50" s="5">
        <v>37</v>
      </c>
      <c r="B50" s="22">
        <v>73</v>
      </c>
      <c r="C50" s="14">
        <v>53</v>
      </c>
      <c r="D50" s="18">
        <v>126</v>
      </c>
    </row>
    <row r="51" spans="1:4" ht="18" customHeight="1" x14ac:dyDescent="0.15">
      <c r="A51" s="5">
        <v>38</v>
      </c>
      <c r="B51" s="22">
        <v>74</v>
      </c>
      <c r="C51" s="14">
        <v>59</v>
      </c>
      <c r="D51" s="18">
        <v>133</v>
      </c>
    </row>
    <row r="52" spans="1:4" ht="18" customHeight="1" x14ac:dyDescent="0.15">
      <c r="A52" s="5">
        <v>39</v>
      </c>
      <c r="B52" s="22">
        <v>75</v>
      </c>
      <c r="C52" s="14">
        <v>91</v>
      </c>
      <c r="D52" s="18">
        <v>166</v>
      </c>
    </row>
    <row r="53" spans="1:4" ht="18" customHeight="1" x14ac:dyDescent="0.15">
      <c r="A53" s="5" t="s">
        <v>18</v>
      </c>
      <c r="B53" s="22">
        <v>373</v>
      </c>
      <c r="C53" s="14">
        <v>303</v>
      </c>
      <c r="D53" s="18">
        <v>676</v>
      </c>
    </row>
    <row r="54" spans="1:4" ht="18" customHeight="1" x14ac:dyDescent="0.15">
      <c r="A54" s="5">
        <v>40</v>
      </c>
      <c r="B54" s="22">
        <v>79</v>
      </c>
      <c r="C54" s="14">
        <v>72</v>
      </c>
      <c r="D54" s="18">
        <v>151</v>
      </c>
    </row>
    <row r="55" spans="1:4" ht="18" customHeight="1" x14ac:dyDescent="0.15">
      <c r="A55" s="5">
        <v>41</v>
      </c>
      <c r="B55" s="22">
        <v>90</v>
      </c>
      <c r="C55" s="14">
        <v>78</v>
      </c>
      <c r="D55" s="18">
        <v>168</v>
      </c>
    </row>
    <row r="56" spans="1:4" ht="18" customHeight="1" x14ac:dyDescent="0.15">
      <c r="A56" s="5">
        <v>42</v>
      </c>
      <c r="B56" s="22">
        <v>72</v>
      </c>
      <c r="C56" s="14">
        <v>76</v>
      </c>
      <c r="D56" s="18">
        <v>148</v>
      </c>
    </row>
    <row r="57" spans="1:4" ht="18" customHeight="1" x14ac:dyDescent="0.15">
      <c r="A57" s="5">
        <v>43</v>
      </c>
      <c r="B57" s="22">
        <v>73</v>
      </c>
      <c r="C57" s="14">
        <v>63</v>
      </c>
      <c r="D57" s="18">
        <v>136</v>
      </c>
    </row>
    <row r="58" spans="1:4" ht="18" customHeight="1" x14ac:dyDescent="0.15">
      <c r="A58" s="5">
        <v>44</v>
      </c>
      <c r="B58" s="22">
        <v>85</v>
      </c>
      <c r="C58" s="14">
        <v>79</v>
      </c>
      <c r="D58" s="18">
        <v>164</v>
      </c>
    </row>
    <row r="59" spans="1:4" ht="18" customHeight="1" x14ac:dyDescent="0.15">
      <c r="A59" s="5" t="s">
        <v>21</v>
      </c>
      <c r="B59" s="22">
        <v>399</v>
      </c>
      <c r="C59" s="14">
        <v>368</v>
      </c>
      <c r="D59" s="18">
        <v>767</v>
      </c>
    </row>
    <row r="60" spans="1:4" ht="18" customHeight="1" x14ac:dyDescent="0.15">
      <c r="A60" s="5">
        <v>45</v>
      </c>
      <c r="B60" s="22">
        <v>73</v>
      </c>
      <c r="C60" s="14">
        <v>65</v>
      </c>
      <c r="D60" s="18">
        <v>138</v>
      </c>
    </row>
    <row r="61" spans="1:4" ht="18" customHeight="1" x14ac:dyDescent="0.15">
      <c r="A61" s="5">
        <v>46</v>
      </c>
      <c r="B61" s="22">
        <v>88</v>
      </c>
      <c r="C61" s="14">
        <v>69</v>
      </c>
      <c r="D61" s="18">
        <v>157</v>
      </c>
    </row>
    <row r="62" spans="1:4" ht="18" customHeight="1" x14ac:dyDescent="0.15">
      <c r="A62" s="5">
        <v>47</v>
      </c>
      <c r="B62" s="22">
        <v>102</v>
      </c>
      <c r="C62" s="14">
        <v>81</v>
      </c>
      <c r="D62" s="18">
        <v>183</v>
      </c>
    </row>
    <row r="63" spans="1:4" ht="18" customHeight="1" x14ac:dyDescent="0.15">
      <c r="A63" s="5">
        <v>48</v>
      </c>
      <c r="B63" s="22">
        <v>114</v>
      </c>
      <c r="C63" s="14">
        <v>99</v>
      </c>
      <c r="D63" s="18">
        <v>213</v>
      </c>
    </row>
    <row r="64" spans="1:4" ht="18" customHeight="1" x14ac:dyDescent="0.15">
      <c r="A64" s="5">
        <v>49</v>
      </c>
      <c r="B64" s="22">
        <v>79</v>
      </c>
      <c r="C64" s="14">
        <v>93</v>
      </c>
      <c r="D64" s="18">
        <v>172</v>
      </c>
    </row>
    <row r="65" spans="1:4" ht="18" customHeight="1" x14ac:dyDescent="0.15">
      <c r="A65" s="5" t="s">
        <v>17</v>
      </c>
      <c r="B65" s="22">
        <v>456</v>
      </c>
      <c r="C65" s="14">
        <v>407</v>
      </c>
      <c r="D65" s="18">
        <v>863</v>
      </c>
    </row>
    <row r="66" spans="1:4" ht="18" customHeight="1" x14ac:dyDescent="0.15">
      <c r="A66" s="5">
        <v>50</v>
      </c>
      <c r="B66" s="22">
        <v>111</v>
      </c>
      <c r="C66" s="14">
        <v>126</v>
      </c>
      <c r="D66" s="18">
        <v>237</v>
      </c>
    </row>
    <row r="67" spans="1:4" ht="18" customHeight="1" x14ac:dyDescent="0.15">
      <c r="A67" s="5">
        <v>51</v>
      </c>
      <c r="B67" s="22">
        <v>114</v>
      </c>
      <c r="C67" s="14">
        <v>106</v>
      </c>
      <c r="D67" s="18">
        <v>220</v>
      </c>
    </row>
    <row r="68" spans="1:4" ht="18" customHeight="1" x14ac:dyDescent="0.15">
      <c r="A68" s="5">
        <v>52</v>
      </c>
      <c r="B68" s="22">
        <v>111</v>
      </c>
      <c r="C68" s="14">
        <v>111</v>
      </c>
      <c r="D68" s="18">
        <v>222</v>
      </c>
    </row>
    <row r="69" spans="1:4" ht="18" customHeight="1" x14ac:dyDescent="0.15">
      <c r="A69" s="5">
        <v>53</v>
      </c>
      <c r="B69" s="22">
        <v>102</v>
      </c>
      <c r="C69" s="14">
        <v>90</v>
      </c>
      <c r="D69" s="18">
        <v>192</v>
      </c>
    </row>
    <row r="70" spans="1:4" ht="18" customHeight="1" x14ac:dyDescent="0.15">
      <c r="A70" s="5">
        <v>54</v>
      </c>
      <c r="B70" s="22">
        <v>124</v>
      </c>
      <c r="C70" s="14">
        <v>98</v>
      </c>
      <c r="D70" s="18">
        <v>222</v>
      </c>
    </row>
    <row r="71" spans="1:4" ht="18" customHeight="1" x14ac:dyDescent="0.15">
      <c r="A71" s="5" t="s">
        <v>22</v>
      </c>
      <c r="B71" s="22">
        <v>562</v>
      </c>
      <c r="C71" s="14">
        <v>531</v>
      </c>
      <c r="D71" s="18">
        <v>1093</v>
      </c>
    </row>
    <row r="72" spans="1:4" ht="18" customHeight="1" x14ac:dyDescent="0.15">
      <c r="A72" s="5">
        <v>55</v>
      </c>
      <c r="B72" s="22">
        <v>101</v>
      </c>
      <c r="C72" s="14">
        <v>121</v>
      </c>
      <c r="D72" s="18">
        <v>222</v>
      </c>
    </row>
    <row r="73" spans="1:4" ht="18" customHeight="1" x14ac:dyDescent="0.15">
      <c r="A73" s="5">
        <v>56</v>
      </c>
      <c r="B73" s="22">
        <v>105</v>
      </c>
      <c r="C73" s="14">
        <v>108</v>
      </c>
      <c r="D73" s="18">
        <v>213</v>
      </c>
    </row>
    <row r="74" spans="1:4" ht="18" customHeight="1" x14ac:dyDescent="0.15">
      <c r="A74" s="5">
        <v>57</v>
      </c>
      <c r="B74" s="22">
        <v>88</v>
      </c>
      <c r="C74" s="14">
        <v>92</v>
      </c>
      <c r="D74" s="18">
        <v>180</v>
      </c>
    </row>
    <row r="75" spans="1:4" ht="18" customHeight="1" x14ac:dyDescent="0.15">
      <c r="A75" s="5">
        <v>58</v>
      </c>
      <c r="B75" s="22">
        <v>75</v>
      </c>
      <c r="C75" s="14">
        <v>99</v>
      </c>
      <c r="D75" s="18">
        <v>174</v>
      </c>
    </row>
    <row r="76" spans="1:4" ht="18" customHeight="1" x14ac:dyDescent="0.15">
      <c r="A76" s="5">
        <v>59</v>
      </c>
      <c r="B76" s="22">
        <v>72</v>
      </c>
      <c r="C76" s="14">
        <v>60</v>
      </c>
      <c r="D76" s="18">
        <v>132</v>
      </c>
    </row>
    <row r="77" spans="1:4" ht="18" customHeight="1" x14ac:dyDescent="0.15">
      <c r="A77" s="5" t="s">
        <v>27</v>
      </c>
      <c r="B77" s="22">
        <v>441</v>
      </c>
      <c r="C77" s="14">
        <v>480</v>
      </c>
      <c r="D77" s="18">
        <v>921</v>
      </c>
    </row>
    <row r="78" spans="1:4" ht="18" customHeight="1" x14ac:dyDescent="0.15">
      <c r="A78" s="5">
        <v>60</v>
      </c>
      <c r="B78" s="22">
        <v>93</v>
      </c>
      <c r="C78" s="14">
        <v>72</v>
      </c>
      <c r="D78" s="18">
        <v>165</v>
      </c>
    </row>
    <row r="79" spans="1:4" ht="18" customHeight="1" x14ac:dyDescent="0.15">
      <c r="A79" s="5">
        <v>61</v>
      </c>
      <c r="B79" s="22">
        <v>71</v>
      </c>
      <c r="C79" s="14">
        <v>65</v>
      </c>
      <c r="D79" s="18">
        <v>136</v>
      </c>
    </row>
    <row r="80" spans="1:4" ht="18" customHeight="1" x14ac:dyDescent="0.15">
      <c r="A80" s="5">
        <v>62</v>
      </c>
      <c r="B80" s="22">
        <v>76</v>
      </c>
      <c r="C80" s="14">
        <v>72</v>
      </c>
      <c r="D80" s="18">
        <v>148</v>
      </c>
    </row>
    <row r="81" spans="1:4" ht="18" customHeight="1" x14ac:dyDescent="0.15">
      <c r="A81" s="5">
        <v>63</v>
      </c>
      <c r="B81" s="22">
        <v>67</v>
      </c>
      <c r="C81" s="14">
        <v>61</v>
      </c>
      <c r="D81" s="18">
        <v>128</v>
      </c>
    </row>
    <row r="82" spans="1:4" ht="18" customHeight="1" x14ac:dyDescent="0.15">
      <c r="A82" s="5">
        <v>64</v>
      </c>
      <c r="B82" s="22">
        <v>58</v>
      </c>
      <c r="C82" s="14">
        <v>71</v>
      </c>
      <c r="D82" s="18">
        <v>129</v>
      </c>
    </row>
    <row r="83" spans="1:4" ht="18" customHeight="1" x14ac:dyDescent="0.15">
      <c r="A83" s="5" t="s">
        <v>28</v>
      </c>
      <c r="B83" s="22">
        <v>365</v>
      </c>
      <c r="C83" s="14">
        <v>341</v>
      </c>
      <c r="D83" s="18">
        <v>706</v>
      </c>
    </row>
    <row r="84" spans="1:4" ht="18" customHeight="1" x14ac:dyDescent="0.15">
      <c r="A84" s="5" t="s">
        <v>31</v>
      </c>
      <c r="B84" s="22">
        <v>4113</v>
      </c>
      <c r="C84" s="14">
        <v>3739</v>
      </c>
      <c r="D84" s="18">
        <v>7852</v>
      </c>
    </row>
    <row r="85" spans="1:4" ht="18" customHeight="1" x14ac:dyDescent="0.15">
      <c r="A85" s="5">
        <v>65</v>
      </c>
      <c r="B85" s="22">
        <v>76</v>
      </c>
      <c r="C85" s="14">
        <v>77</v>
      </c>
      <c r="D85" s="18">
        <v>153</v>
      </c>
    </row>
    <row r="86" spans="1:4" ht="18" customHeight="1" x14ac:dyDescent="0.15">
      <c r="A86" s="5">
        <v>66</v>
      </c>
      <c r="B86" s="22">
        <v>56</v>
      </c>
      <c r="C86" s="14">
        <v>65</v>
      </c>
      <c r="D86" s="18">
        <v>121</v>
      </c>
    </row>
    <row r="87" spans="1:4" ht="18" customHeight="1" x14ac:dyDescent="0.15">
      <c r="A87" s="5">
        <v>67</v>
      </c>
      <c r="B87" s="22">
        <v>63</v>
      </c>
      <c r="C87" s="14">
        <v>69</v>
      </c>
      <c r="D87" s="18">
        <v>132</v>
      </c>
    </row>
    <row r="88" spans="1:4" ht="18" customHeight="1" x14ac:dyDescent="0.15">
      <c r="A88" s="5">
        <v>68</v>
      </c>
      <c r="B88" s="22">
        <v>75</v>
      </c>
      <c r="C88" s="14">
        <v>62</v>
      </c>
      <c r="D88" s="18">
        <v>137</v>
      </c>
    </row>
    <row r="89" spans="1:4" ht="18" customHeight="1" x14ac:dyDescent="0.15">
      <c r="A89" s="5">
        <v>69</v>
      </c>
      <c r="B89" s="22">
        <v>61</v>
      </c>
      <c r="C89" s="14">
        <v>63</v>
      </c>
      <c r="D89" s="18">
        <v>124</v>
      </c>
    </row>
    <row r="90" spans="1:4" ht="18" customHeight="1" x14ac:dyDescent="0.15">
      <c r="A90" s="5" t="s">
        <v>20</v>
      </c>
      <c r="B90" s="22">
        <v>331</v>
      </c>
      <c r="C90" s="14">
        <v>336</v>
      </c>
      <c r="D90" s="18">
        <v>667</v>
      </c>
    </row>
    <row r="91" spans="1:4" ht="18" customHeight="1" x14ac:dyDescent="0.15">
      <c r="A91" s="5">
        <v>70</v>
      </c>
      <c r="B91" s="22">
        <v>62</v>
      </c>
      <c r="C91" s="14">
        <v>64</v>
      </c>
      <c r="D91" s="18">
        <v>126</v>
      </c>
    </row>
    <row r="92" spans="1:4" ht="18" customHeight="1" x14ac:dyDescent="0.15">
      <c r="A92" s="5">
        <v>71</v>
      </c>
      <c r="B92" s="22">
        <v>65</v>
      </c>
      <c r="C92" s="14">
        <v>77</v>
      </c>
      <c r="D92" s="18">
        <v>142</v>
      </c>
    </row>
    <row r="93" spans="1:4" ht="18" customHeight="1" x14ac:dyDescent="0.15">
      <c r="A93" s="5">
        <v>72</v>
      </c>
      <c r="B93" s="22">
        <v>75</v>
      </c>
      <c r="C93" s="14">
        <v>76</v>
      </c>
      <c r="D93" s="18">
        <v>151</v>
      </c>
    </row>
    <row r="94" spans="1:4" ht="18" customHeight="1" x14ac:dyDescent="0.15">
      <c r="A94" s="5">
        <v>73</v>
      </c>
      <c r="B94" s="22">
        <v>74</v>
      </c>
      <c r="C94" s="14">
        <v>67</v>
      </c>
      <c r="D94" s="18">
        <v>141</v>
      </c>
    </row>
    <row r="95" spans="1:4" ht="18" customHeight="1" x14ac:dyDescent="0.15">
      <c r="A95" s="5">
        <v>74</v>
      </c>
      <c r="B95" s="22">
        <v>70</v>
      </c>
      <c r="C95" s="14">
        <v>79</v>
      </c>
      <c r="D95" s="18">
        <v>149</v>
      </c>
    </row>
    <row r="96" spans="1:4" ht="18" customHeight="1" x14ac:dyDescent="0.15">
      <c r="A96" s="5" t="s">
        <v>33</v>
      </c>
      <c r="B96" s="22">
        <v>346</v>
      </c>
      <c r="C96" s="14">
        <v>363</v>
      </c>
      <c r="D96" s="18">
        <v>709</v>
      </c>
    </row>
    <row r="97" spans="1:4" ht="18" customHeight="1" x14ac:dyDescent="0.15">
      <c r="A97" s="5">
        <v>75</v>
      </c>
      <c r="B97" s="22">
        <v>68</v>
      </c>
      <c r="C97" s="14">
        <v>85</v>
      </c>
      <c r="D97" s="18">
        <v>153</v>
      </c>
    </row>
    <row r="98" spans="1:4" ht="18" customHeight="1" x14ac:dyDescent="0.15">
      <c r="A98" s="5">
        <v>76</v>
      </c>
      <c r="B98" s="22">
        <v>95</v>
      </c>
      <c r="C98" s="14">
        <v>87</v>
      </c>
      <c r="D98" s="18">
        <v>182</v>
      </c>
    </row>
    <row r="99" spans="1:4" ht="18" customHeight="1" x14ac:dyDescent="0.15">
      <c r="A99" s="5">
        <v>77</v>
      </c>
      <c r="B99" s="22">
        <v>67</v>
      </c>
      <c r="C99" s="14">
        <v>90</v>
      </c>
      <c r="D99" s="18">
        <v>157</v>
      </c>
    </row>
    <row r="100" spans="1:4" ht="18" customHeight="1" x14ac:dyDescent="0.15">
      <c r="A100" s="5">
        <v>78</v>
      </c>
      <c r="B100" s="22">
        <v>82</v>
      </c>
      <c r="C100" s="14">
        <v>126</v>
      </c>
      <c r="D100" s="18">
        <v>208</v>
      </c>
    </row>
    <row r="101" spans="1:4" ht="18" customHeight="1" x14ac:dyDescent="0.15">
      <c r="A101" s="5">
        <v>79</v>
      </c>
      <c r="B101" s="22">
        <v>70</v>
      </c>
      <c r="C101" s="14">
        <v>92</v>
      </c>
      <c r="D101" s="18">
        <v>162</v>
      </c>
    </row>
    <row r="102" spans="1:4" ht="18" customHeight="1" x14ac:dyDescent="0.15">
      <c r="A102" s="5" t="s">
        <v>0</v>
      </c>
      <c r="B102" s="22">
        <v>382</v>
      </c>
      <c r="C102" s="14">
        <v>480</v>
      </c>
      <c r="D102" s="18">
        <v>862</v>
      </c>
    </row>
    <row r="103" spans="1:4" ht="18" customHeight="1" x14ac:dyDescent="0.15">
      <c r="A103" s="5">
        <v>80</v>
      </c>
      <c r="B103" s="22">
        <v>34</v>
      </c>
      <c r="C103" s="14">
        <v>44</v>
      </c>
      <c r="D103" s="18">
        <v>78</v>
      </c>
    </row>
    <row r="104" spans="1:4" ht="18" customHeight="1" x14ac:dyDescent="0.15">
      <c r="A104" s="5">
        <v>81</v>
      </c>
      <c r="B104" s="22">
        <v>46</v>
      </c>
      <c r="C104" s="14">
        <v>73</v>
      </c>
      <c r="D104" s="18">
        <v>119</v>
      </c>
    </row>
    <row r="105" spans="1:4" ht="18" customHeight="1" x14ac:dyDescent="0.15">
      <c r="A105" s="5">
        <v>82</v>
      </c>
      <c r="B105" s="22">
        <v>45</v>
      </c>
      <c r="C105" s="14">
        <v>66</v>
      </c>
      <c r="D105" s="18">
        <v>111</v>
      </c>
    </row>
    <row r="106" spans="1:4" ht="18" customHeight="1" x14ac:dyDescent="0.15">
      <c r="A106" s="5">
        <v>83</v>
      </c>
      <c r="B106" s="22">
        <v>58</v>
      </c>
      <c r="C106" s="14">
        <v>58</v>
      </c>
      <c r="D106" s="18">
        <v>116</v>
      </c>
    </row>
    <row r="107" spans="1:4" ht="18" customHeight="1" x14ac:dyDescent="0.15">
      <c r="A107" s="5">
        <v>84</v>
      </c>
      <c r="B107" s="22">
        <v>49</v>
      </c>
      <c r="C107" s="14">
        <v>62</v>
      </c>
      <c r="D107" s="18">
        <v>111</v>
      </c>
    </row>
    <row r="108" spans="1:4" ht="18" customHeight="1" x14ac:dyDescent="0.15">
      <c r="A108" s="5" t="s">
        <v>35</v>
      </c>
      <c r="B108" s="22">
        <v>232</v>
      </c>
      <c r="C108" s="14">
        <v>303</v>
      </c>
      <c r="D108" s="18">
        <v>535</v>
      </c>
    </row>
    <row r="109" spans="1:4" ht="18" customHeight="1" x14ac:dyDescent="0.15">
      <c r="A109" s="5">
        <v>85</v>
      </c>
      <c r="B109" s="22">
        <v>40</v>
      </c>
      <c r="C109" s="14">
        <v>51</v>
      </c>
      <c r="D109" s="18">
        <v>91</v>
      </c>
    </row>
    <row r="110" spans="1:4" ht="18" customHeight="1" x14ac:dyDescent="0.15">
      <c r="A110" s="5">
        <v>86</v>
      </c>
      <c r="B110" s="22">
        <v>32</v>
      </c>
      <c r="C110" s="14">
        <v>51</v>
      </c>
      <c r="D110" s="18">
        <v>83</v>
      </c>
    </row>
    <row r="111" spans="1:4" ht="18" customHeight="1" x14ac:dyDescent="0.15">
      <c r="A111" s="5">
        <v>87</v>
      </c>
      <c r="B111" s="22">
        <v>25</v>
      </c>
      <c r="C111" s="14">
        <v>41</v>
      </c>
      <c r="D111" s="18">
        <v>66</v>
      </c>
    </row>
    <row r="112" spans="1:4" ht="18" customHeight="1" x14ac:dyDescent="0.15">
      <c r="A112" s="5">
        <v>88</v>
      </c>
      <c r="B112" s="22">
        <v>22</v>
      </c>
      <c r="C112" s="14">
        <v>31</v>
      </c>
      <c r="D112" s="18">
        <v>53</v>
      </c>
    </row>
    <row r="113" spans="1:4" ht="18" customHeight="1" x14ac:dyDescent="0.15">
      <c r="A113" s="5">
        <v>89</v>
      </c>
      <c r="B113" s="22">
        <v>19</v>
      </c>
      <c r="C113" s="14">
        <v>44</v>
      </c>
      <c r="D113" s="18">
        <v>63</v>
      </c>
    </row>
    <row r="114" spans="1:4" ht="18" customHeight="1" x14ac:dyDescent="0.15">
      <c r="A114" s="5" t="s">
        <v>37</v>
      </c>
      <c r="B114" s="22">
        <v>138</v>
      </c>
      <c r="C114" s="14">
        <v>218</v>
      </c>
      <c r="D114" s="18">
        <v>356</v>
      </c>
    </row>
    <row r="115" spans="1:4" ht="18" customHeight="1" x14ac:dyDescent="0.15">
      <c r="A115" s="5">
        <v>90</v>
      </c>
      <c r="B115" s="22">
        <v>13</v>
      </c>
      <c r="C115" s="14">
        <v>39</v>
      </c>
      <c r="D115" s="18">
        <v>52</v>
      </c>
    </row>
    <row r="116" spans="1:4" ht="18" customHeight="1" x14ac:dyDescent="0.15">
      <c r="A116" s="5">
        <v>91</v>
      </c>
      <c r="B116" s="22">
        <v>12</v>
      </c>
      <c r="C116" s="14">
        <v>26</v>
      </c>
      <c r="D116" s="18">
        <v>38</v>
      </c>
    </row>
    <row r="117" spans="1:4" ht="18" customHeight="1" x14ac:dyDescent="0.15">
      <c r="A117" s="5">
        <v>92</v>
      </c>
      <c r="B117" s="22">
        <v>8</v>
      </c>
      <c r="C117" s="14">
        <v>17</v>
      </c>
      <c r="D117" s="18">
        <v>25</v>
      </c>
    </row>
    <row r="118" spans="1:4" ht="18" customHeight="1" x14ac:dyDescent="0.15">
      <c r="A118" s="5">
        <v>93</v>
      </c>
      <c r="B118" s="22">
        <v>4</v>
      </c>
      <c r="C118" s="14">
        <v>23</v>
      </c>
      <c r="D118" s="18">
        <v>27</v>
      </c>
    </row>
    <row r="119" spans="1:4" ht="18" customHeight="1" x14ac:dyDescent="0.15">
      <c r="A119" s="5">
        <v>94</v>
      </c>
      <c r="B119" s="22">
        <v>2</v>
      </c>
      <c r="C119" s="14">
        <v>19</v>
      </c>
      <c r="D119" s="18">
        <v>21</v>
      </c>
    </row>
    <row r="120" spans="1:4" ht="18" customHeight="1" x14ac:dyDescent="0.15">
      <c r="A120" s="5" t="s">
        <v>39</v>
      </c>
      <c r="B120" s="22">
        <v>39</v>
      </c>
      <c r="C120" s="14">
        <v>124</v>
      </c>
      <c r="D120" s="18">
        <v>163</v>
      </c>
    </row>
    <row r="121" spans="1:4" ht="18" customHeight="1" x14ac:dyDescent="0.15">
      <c r="A121" s="5">
        <v>95</v>
      </c>
      <c r="B121" s="22">
        <v>4</v>
      </c>
      <c r="C121" s="14">
        <v>8</v>
      </c>
      <c r="D121" s="18">
        <v>12</v>
      </c>
    </row>
    <row r="122" spans="1:4" ht="18" customHeight="1" x14ac:dyDescent="0.15">
      <c r="A122" s="5">
        <v>96</v>
      </c>
      <c r="B122" s="22">
        <v>4</v>
      </c>
      <c r="C122" s="14">
        <v>7</v>
      </c>
      <c r="D122" s="18">
        <v>11</v>
      </c>
    </row>
    <row r="123" spans="1:4" ht="18" customHeight="1" x14ac:dyDescent="0.15">
      <c r="A123" s="5">
        <v>97</v>
      </c>
      <c r="B123" s="22">
        <v>0</v>
      </c>
      <c r="C123" s="14">
        <v>10</v>
      </c>
      <c r="D123" s="18">
        <v>10</v>
      </c>
    </row>
    <row r="124" spans="1:4" ht="18" customHeight="1" x14ac:dyDescent="0.15">
      <c r="A124" s="5">
        <v>98</v>
      </c>
      <c r="B124" s="22">
        <v>2</v>
      </c>
      <c r="C124" s="14">
        <v>5</v>
      </c>
      <c r="D124" s="18">
        <v>7</v>
      </c>
    </row>
    <row r="125" spans="1:4" ht="18" customHeight="1" x14ac:dyDescent="0.15">
      <c r="A125" s="5">
        <v>99</v>
      </c>
      <c r="B125" s="22">
        <v>0</v>
      </c>
      <c r="C125" s="14">
        <v>8</v>
      </c>
      <c r="D125" s="18">
        <v>8</v>
      </c>
    </row>
    <row r="126" spans="1:4" ht="18" customHeight="1" x14ac:dyDescent="0.15">
      <c r="A126" s="5" t="s">
        <v>40</v>
      </c>
      <c r="B126" s="22">
        <v>10</v>
      </c>
      <c r="C126" s="14">
        <v>38</v>
      </c>
      <c r="D126" s="18">
        <v>48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1478</v>
      </c>
      <c r="C130" s="14">
        <v>1867</v>
      </c>
      <c r="D130" s="18">
        <v>3345</v>
      </c>
    </row>
    <row r="131" spans="1:4" ht="18" customHeight="1" x14ac:dyDescent="0.15">
      <c r="A131" s="7" t="s">
        <v>45</v>
      </c>
      <c r="B131" s="23">
        <v>6293</v>
      </c>
      <c r="C131" s="15">
        <v>6274</v>
      </c>
      <c r="D131" s="19">
        <v>1256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200-000000000000}">
  <sheetPr codeName="Sheet6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931</v>
      </c>
      <c r="C5" s="29">
        <v>921</v>
      </c>
      <c r="D5" s="31">
        <v>1852</v>
      </c>
    </row>
    <row r="6" spans="1:4" ht="18" customHeight="1" x14ac:dyDescent="0.15">
      <c r="A6" s="5">
        <v>1</v>
      </c>
      <c r="B6" s="27">
        <v>950</v>
      </c>
      <c r="C6" s="14">
        <v>931</v>
      </c>
      <c r="D6" s="18">
        <v>1881</v>
      </c>
    </row>
    <row r="7" spans="1:4" ht="18" customHeight="1" x14ac:dyDescent="0.15">
      <c r="A7" s="5">
        <v>2</v>
      </c>
      <c r="B7" s="27">
        <v>1003</v>
      </c>
      <c r="C7" s="14">
        <v>943</v>
      </c>
      <c r="D7" s="18">
        <v>1946</v>
      </c>
    </row>
    <row r="8" spans="1:4" ht="18" customHeight="1" x14ac:dyDescent="0.15">
      <c r="A8" s="5">
        <v>3</v>
      </c>
      <c r="B8" s="27">
        <v>1033</v>
      </c>
      <c r="C8" s="14">
        <v>1026</v>
      </c>
      <c r="D8" s="18">
        <v>2059</v>
      </c>
    </row>
    <row r="9" spans="1:4" ht="18" customHeight="1" x14ac:dyDescent="0.15">
      <c r="A9" s="5">
        <v>4</v>
      </c>
      <c r="B9" s="28">
        <v>1093</v>
      </c>
      <c r="C9" s="30">
        <v>1011</v>
      </c>
      <c r="D9" s="32">
        <v>2104</v>
      </c>
    </row>
    <row r="10" spans="1:4" ht="18" customHeight="1" x14ac:dyDescent="0.15">
      <c r="A10" s="5" t="s">
        <v>7</v>
      </c>
      <c r="B10" s="22">
        <v>5010</v>
      </c>
      <c r="C10" s="14">
        <v>4832</v>
      </c>
      <c r="D10" s="18">
        <v>9842</v>
      </c>
    </row>
    <row r="11" spans="1:4" ht="18" customHeight="1" x14ac:dyDescent="0.15">
      <c r="A11" s="5">
        <v>5</v>
      </c>
      <c r="B11" s="27">
        <v>1112</v>
      </c>
      <c r="C11" s="14">
        <v>1046</v>
      </c>
      <c r="D11" s="18">
        <v>2158</v>
      </c>
    </row>
    <row r="12" spans="1:4" ht="18" customHeight="1" x14ac:dyDescent="0.15">
      <c r="A12" s="5">
        <v>6</v>
      </c>
      <c r="B12" s="27">
        <v>1141</v>
      </c>
      <c r="C12" s="14">
        <v>1086</v>
      </c>
      <c r="D12" s="18">
        <v>2227</v>
      </c>
    </row>
    <row r="13" spans="1:4" ht="18" customHeight="1" x14ac:dyDescent="0.15">
      <c r="A13" s="5">
        <v>7</v>
      </c>
      <c r="B13" s="27">
        <v>1166</v>
      </c>
      <c r="C13" s="14">
        <v>1135</v>
      </c>
      <c r="D13" s="18">
        <v>2301</v>
      </c>
    </row>
    <row r="14" spans="1:4" ht="18" customHeight="1" x14ac:dyDescent="0.15">
      <c r="A14" s="5">
        <v>8</v>
      </c>
      <c r="B14" s="27">
        <v>1173</v>
      </c>
      <c r="C14" s="14">
        <v>1141</v>
      </c>
      <c r="D14" s="18">
        <v>2314</v>
      </c>
    </row>
    <row r="15" spans="1:4" ht="18" customHeight="1" x14ac:dyDescent="0.15">
      <c r="A15" s="5">
        <v>9</v>
      </c>
      <c r="B15" s="27">
        <v>1266</v>
      </c>
      <c r="C15" s="14">
        <v>1218</v>
      </c>
      <c r="D15" s="18">
        <v>2484</v>
      </c>
    </row>
    <row r="16" spans="1:4" ht="18" customHeight="1" x14ac:dyDescent="0.15">
      <c r="A16" s="5" t="s">
        <v>11</v>
      </c>
      <c r="B16" s="22">
        <v>5858</v>
      </c>
      <c r="C16" s="14">
        <v>5626</v>
      </c>
      <c r="D16" s="18">
        <v>11484</v>
      </c>
    </row>
    <row r="17" spans="1:4" ht="18" customHeight="1" x14ac:dyDescent="0.15">
      <c r="A17" s="5">
        <v>10</v>
      </c>
      <c r="B17" s="22">
        <v>1240</v>
      </c>
      <c r="C17" s="14">
        <v>1218</v>
      </c>
      <c r="D17" s="18">
        <v>2458</v>
      </c>
    </row>
    <row r="18" spans="1:4" ht="18" customHeight="1" x14ac:dyDescent="0.15">
      <c r="A18" s="5">
        <v>11</v>
      </c>
      <c r="B18" s="22">
        <v>1261</v>
      </c>
      <c r="C18" s="14">
        <v>1251</v>
      </c>
      <c r="D18" s="18">
        <v>2512</v>
      </c>
    </row>
    <row r="19" spans="1:4" ht="18" customHeight="1" x14ac:dyDescent="0.15">
      <c r="A19" s="5">
        <v>12</v>
      </c>
      <c r="B19" s="22">
        <v>1280</v>
      </c>
      <c r="C19" s="14">
        <v>1251</v>
      </c>
      <c r="D19" s="18">
        <v>2531</v>
      </c>
    </row>
    <row r="20" spans="1:4" ht="18" customHeight="1" x14ac:dyDescent="0.15">
      <c r="A20" s="5">
        <v>13</v>
      </c>
      <c r="B20" s="22">
        <v>1312</v>
      </c>
      <c r="C20" s="14">
        <v>1211</v>
      </c>
      <c r="D20" s="18">
        <v>2523</v>
      </c>
    </row>
    <row r="21" spans="1:4" ht="18" customHeight="1" x14ac:dyDescent="0.15">
      <c r="A21" s="5">
        <v>14</v>
      </c>
      <c r="B21" s="22">
        <v>1281</v>
      </c>
      <c r="C21" s="14">
        <v>1312</v>
      </c>
      <c r="D21" s="18">
        <v>2593</v>
      </c>
    </row>
    <row r="22" spans="1:4" ht="18" customHeight="1" x14ac:dyDescent="0.15">
      <c r="A22" s="5" t="s">
        <v>12</v>
      </c>
      <c r="B22" s="22">
        <v>6374</v>
      </c>
      <c r="C22" s="14">
        <v>6243</v>
      </c>
      <c r="D22" s="18">
        <v>12617</v>
      </c>
    </row>
    <row r="23" spans="1:4" ht="18" customHeight="1" x14ac:dyDescent="0.15">
      <c r="A23" s="5" t="s">
        <v>6</v>
      </c>
      <c r="B23" s="22">
        <v>17242</v>
      </c>
      <c r="C23" s="14">
        <v>16701</v>
      </c>
      <c r="D23" s="18">
        <v>33943</v>
      </c>
    </row>
    <row r="24" spans="1:4" ht="18" customHeight="1" x14ac:dyDescent="0.15">
      <c r="A24" s="5">
        <v>15</v>
      </c>
      <c r="B24" s="22">
        <v>1387</v>
      </c>
      <c r="C24" s="14">
        <v>1191</v>
      </c>
      <c r="D24" s="18">
        <v>2578</v>
      </c>
    </row>
    <row r="25" spans="1:4" ht="18" customHeight="1" x14ac:dyDescent="0.15">
      <c r="A25" s="5">
        <v>16</v>
      </c>
      <c r="B25" s="22">
        <v>1343</v>
      </c>
      <c r="C25" s="14">
        <v>1307</v>
      </c>
      <c r="D25" s="18">
        <v>2650</v>
      </c>
    </row>
    <row r="26" spans="1:4" ht="18" customHeight="1" x14ac:dyDescent="0.15">
      <c r="A26" s="5">
        <v>17</v>
      </c>
      <c r="B26" s="22">
        <v>1370</v>
      </c>
      <c r="C26" s="14">
        <v>1281</v>
      </c>
      <c r="D26" s="18">
        <v>2651</v>
      </c>
    </row>
    <row r="27" spans="1:4" ht="18" customHeight="1" x14ac:dyDescent="0.15">
      <c r="A27" s="5">
        <v>18</v>
      </c>
      <c r="B27" s="22">
        <v>1337</v>
      </c>
      <c r="C27" s="14">
        <v>1350</v>
      </c>
      <c r="D27" s="18">
        <v>2687</v>
      </c>
    </row>
    <row r="28" spans="1:4" ht="18" customHeight="1" x14ac:dyDescent="0.15">
      <c r="A28" s="5">
        <v>19</v>
      </c>
      <c r="B28" s="22">
        <v>1476</v>
      </c>
      <c r="C28" s="14">
        <v>1361</v>
      </c>
      <c r="D28" s="18">
        <v>2837</v>
      </c>
    </row>
    <row r="29" spans="1:4" ht="18" customHeight="1" x14ac:dyDescent="0.15">
      <c r="A29" s="5" t="s">
        <v>14</v>
      </c>
      <c r="B29" s="22">
        <v>6913</v>
      </c>
      <c r="C29" s="14">
        <v>6490</v>
      </c>
      <c r="D29" s="18">
        <v>13403</v>
      </c>
    </row>
    <row r="30" spans="1:4" ht="18" customHeight="1" x14ac:dyDescent="0.15">
      <c r="A30" s="5">
        <v>20</v>
      </c>
      <c r="B30" s="22">
        <v>1509</v>
      </c>
      <c r="C30" s="14">
        <v>1376</v>
      </c>
      <c r="D30" s="18">
        <v>2885</v>
      </c>
    </row>
    <row r="31" spans="1:4" ht="18" customHeight="1" x14ac:dyDescent="0.15">
      <c r="A31" s="5">
        <v>21</v>
      </c>
      <c r="B31" s="22">
        <v>1596</v>
      </c>
      <c r="C31" s="14">
        <v>1467</v>
      </c>
      <c r="D31" s="18">
        <v>3063</v>
      </c>
    </row>
    <row r="32" spans="1:4" ht="18" customHeight="1" x14ac:dyDescent="0.15">
      <c r="A32" s="5">
        <v>22</v>
      </c>
      <c r="B32" s="22">
        <v>1620</v>
      </c>
      <c r="C32" s="14">
        <v>1442</v>
      </c>
      <c r="D32" s="18">
        <v>3062</v>
      </c>
    </row>
    <row r="33" spans="1:4" ht="18" customHeight="1" x14ac:dyDescent="0.15">
      <c r="A33" s="5">
        <v>23</v>
      </c>
      <c r="B33" s="22">
        <v>1704</v>
      </c>
      <c r="C33" s="14">
        <v>1436</v>
      </c>
      <c r="D33" s="18">
        <v>3140</v>
      </c>
    </row>
    <row r="34" spans="1:4" ht="18" customHeight="1" x14ac:dyDescent="0.15">
      <c r="A34" s="5">
        <v>24</v>
      </c>
      <c r="B34" s="22">
        <v>1782</v>
      </c>
      <c r="C34" s="14">
        <v>1490</v>
      </c>
      <c r="D34" s="18">
        <v>3272</v>
      </c>
    </row>
    <row r="35" spans="1:4" ht="18" customHeight="1" x14ac:dyDescent="0.15">
      <c r="A35" s="5" t="s">
        <v>9</v>
      </c>
      <c r="B35" s="22">
        <v>8211</v>
      </c>
      <c r="C35" s="14">
        <v>7211</v>
      </c>
      <c r="D35" s="18">
        <v>15422</v>
      </c>
    </row>
    <row r="36" spans="1:4" ht="18" customHeight="1" x14ac:dyDescent="0.15">
      <c r="A36" s="5">
        <v>25</v>
      </c>
      <c r="B36" s="22">
        <v>1740</v>
      </c>
      <c r="C36" s="14">
        <v>1505</v>
      </c>
      <c r="D36" s="18">
        <v>3245</v>
      </c>
    </row>
    <row r="37" spans="1:4" ht="18" customHeight="1" x14ac:dyDescent="0.15">
      <c r="A37" s="5">
        <v>26</v>
      </c>
      <c r="B37" s="22">
        <v>1745</v>
      </c>
      <c r="C37" s="14">
        <v>1534</v>
      </c>
      <c r="D37" s="18">
        <v>3279</v>
      </c>
    </row>
    <row r="38" spans="1:4" ht="18" customHeight="1" x14ac:dyDescent="0.15">
      <c r="A38" s="5">
        <v>27</v>
      </c>
      <c r="B38" s="22">
        <v>1633</v>
      </c>
      <c r="C38" s="14">
        <v>1464</v>
      </c>
      <c r="D38" s="18">
        <v>3097</v>
      </c>
    </row>
    <row r="39" spans="1:4" ht="18" customHeight="1" x14ac:dyDescent="0.15">
      <c r="A39" s="5">
        <v>28</v>
      </c>
      <c r="B39" s="22">
        <v>1773</v>
      </c>
      <c r="C39" s="14">
        <v>1530</v>
      </c>
      <c r="D39" s="18">
        <v>3303</v>
      </c>
    </row>
    <row r="40" spans="1:4" ht="18" customHeight="1" x14ac:dyDescent="0.15">
      <c r="A40" s="5">
        <v>29</v>
      </c>
      <c r="B40" s="22">
        <v>1726</v>
      </c>
      <c r="C40" s="14">
        <v>1607</v>
      </c>
      <c r="D40" s="18">
        <v>3333</v>
      </c>
    </row>
    <row r="41" spans="1:4" ht="18" customHeight="1" x14ac:dyDescent="0.15">
      <c r="A41" s="5" t="s">
        <v>2</v>
      </c>
      <c r="B41" s="22">
        <v>8617</v>
      </c>
      <c r="C41" s="14">
        <v>7640</v>
      </c>
      <c r="D41" s="18">
        <v>16257</v>
      </c>
    </row>
    <row r="42" spans="1:4" ht="18" customHeight="1" x14ac:dyDescent="0.15">
      <c r="A42" s="5">
        <v>30</v>
      </c>
      <c r="B42" s="22">
        <v>1732</v>
      </c>
      <c r="C42" s="14">
        <v>1467</v>
      </c>
      <c r="D42" s="18">
        <v>3199</v>
      </c>
    </row>
    <row r="43" spans="1:4" ht="18" customHeight="1" x14ac:dyDescent="0.15">
      <c r="A43" s="5">
        <v>31</v>
      </c>
      <c r="B43" s="22">
        <v>1781</v>
      </c>
      <c r="C43" s="14">
        <v>1547</v>
      </c>
      <c r="D43" s="18">
        <v>3328</v>
      </c>
    </row>
    <row r="44" spans="1:4" ht="18" customHeight="1" x14ac:dyDescent="0.15">
      <c r="A44" s="5">
        <v>32</v>
      </c>
      <c r="B44" s="22">
        <v>1680</v>
      </c>
      <c r="C44" s="14">
        <v>1459</v>
      </c>
      <c r="D44" s="18">
        <v>3139</v>
      </c>
    </row>
    <row r="45" spans="1:4" ht="18" customHeight="1" x14ac:dyDescent="0.15">
      <c r="A45" s="5">
        <v>33</v>
      </c>
      <c r="B45" s="22">
        <v>1553</v>
      </c>
      <c r="C45" s="14">
        <v>1473</v>
      </c>
      <c r="D45" s="18">
        <v>3026</v>
      </c>
    </row>
    <row r="46" spans="1:4" ht="18" customHeight="1" x14ac:dyDescent="0.15">
      <c r="A46" s="5">
        <v>34</v>
      </c>
      <c r="B46" s="22">
        <v>1600</v>
      </c>
      <c r="C46" s="14">
        <v>1484</v>
      </c>
      <c r="D46" s="18">
        <v>3084</v>
      </c>
    </row>
    <row r="47" spans="1:4" ht="18" customHeight="1" x14ac:dyDescent="0.15">
      <c r="A47" s="5" t="s">
        <v>15</v>
      </c>
      <c r="B47" s="22">
        <v>8346</v>
      </c>
      <c r="C47" s="14">
        <v>7430</v>
      </c>
      <c r="D47" s="18">
        <v>15776</v>
      </c>
    </row>
    <row r="48" spans="1:4" ht="18" customHeight="1" x14ac:dyDescent="0.15">
      <c r="A48" s="5">
        <v>35</v>
      </c>
      <c r="B48" s="22">
        <v>1689</v>
      </c>
      <c r="C48" s="14">
        <v>1467</v>
      </c>
      <c r="D48" s="18">
        <v>3156</v>
      </c>
    </row>
    <row r="49" spans="1:4" ht="18" customHeight="1" x14ac:dyDescent="0.15">
      <c r="A49" s="5">
        <v>36</v>
      </c>
      <c r="B49" s="22">
        <v>1634</v>
      </c>
      <c r="C49" s="14">
        <v>1465</v>
      </c>
      <c r="D49" s="18">
        <v>3099</v>
      </c>
    </row>
    <row r="50" spans="1:4" ht="18" customHeight="1" x14ac:dyDescent="0.15">
      <c r="A50" s="5">
        <v>37</v>
      </c>
      <c r="B50" s="22">
        <v>1722</v>
      </c>
      <c r="C50" s="14">
        <v>1513</v>
      </c>
      <c r="D50" s="18">
        <v>3235</v>
      </c>
    </row>
    <row r="51" spans="1:4" ht="18" customHeight="1" x14ac:dyDescent="0.15">
      <c r="A51" s="5">
        <v>38</v>
      </c>
      <c r="B51" s="22">
        <v>1681</v>
      </c>
      <c r="C51" s="14">
        <v>1541</v>
      </c>
      <c r="D51" s="18">
        <v>3222</v>
      </c>
    </row>
    <row r="52" spans="1:4" ht="18" customHeight="1" x14ac:dyDescent="0.15">
      <c r="A52" s="5">
        <v>39</v>
      </c>
      <c r="B52" s="22">
        <v>1775</v>
      </c>
      <c r="C52" s="14">
        <v>1676</v>
      </c>
      <c r="D52" s="18">
        <v>3451</v>
      </c>
    </row>
    <row r="53" spans="1:4" ht="18" customHeight="1" x14ac:dyDescent="0.15">
      <c r="A53" s="5" t="s">
        <v>18</v>
      </c>
      <c r="B53" s="22">
        <v>8501</v>
      </c>
      <c r="C53" s="14">
        <v>7662</v>
      </c>
      <c r="D53" s="18">
        <v>16163</v>
      </c>
    </row>
    <row r="54" spans="1:4" ht="18" customHeight="1" x14ac:dyDescent="0.15">
      <c r="A54" s="5">
        <v>40</v>
      </c>
      <c r="B54" s="22">
        <v>1874</v>
      </c>
      <c r="C54" s="14">
        <v>1741</v>
      </c>
      <c r="D54" s="18">
        <v>3615</v>
      </c>
    </row>
    <row r="55" spans="1:4" ht="18" customHeight="1" x14ac:dyDescent="0.15">
      <c r="A55" s="5">
        <v>41</v>
      </c>
      <c r="B55" s="22">
        <v>1913</v>
      </c>
      <c r="C55" s="14">
        <v>1765</v>
      </c>
      <c r="D55" s="18">
        <v>3678</v>
      </c>
    </row>
    <row r="56" spans="1:4" ht="18" customHeight="1" x14ac:dyDescent="0.15">
      <c r="A56" s="5">
        <v>42</v>
      </c>
      <c r="B56" s="22">
        <v>1842</v>
      </c>
      <c r="C56" s="14">
        <v>1714</v>
      </c>
      <c r="D56" s="18">
        <v>3556</v>
      </c>
    </row>
    <row r="57" spans="1:4" ht="18" customHeight="1" x14ac:dyDescent="0.15">
      <c r="A57" s="5">
        <v>43</v>
      </c>
      <c r="B57" s="22">
        <v>1943</v>
      </c>
      <c r="C57" s="14">
        <v>1714</v>
      </c>
      <c r="D57" s="18">
        <v>3657</v>
      </c>
    </row>
    <row r="58" spans="1:4" ht="18" customHeight="1" x14ac:dyDescent="0.15">
      <c r="A58" s="5">
        <v>44</v>
      </c>
      <c r="B58" s="22">
        <v>1928</v>
      </c>
      <c r="C58" s="14">
        <v>1910</v>
      </c>
      <c r="D58" s="18">
        <v>3838</v>
      </c>
    </row>
    <row r="59" spans="1:4" ht="18" customHeight="1" x14ac:dyDescent="0.15">
      <c r="A59" s="5" t="s">
        <v>21</v>
      </c>
      <c r="B59" s="22">
        <v>9500</v>
      </c>
      <c r="C59" s="14">
        <v>8844</v>
      </c>
      <c r="D59" s="18">
        <v>18344</v>
      </c>
    </row>
    <row r="60" spans="1:4" ht="18" customHeight="1" x14ac:dyDescent="0.15">
      <c r="A60" s="5">
        <v>45</v>
      </c>
      <c r="B60" s="22">
        <v>1928</v>
      </c>
      <c r="C60" s="14">
        <v>1814</v>
      </c>
      <c r="D60" s="18">
        <v>3742</v>
      </c>
    </row>
    <row r="61" spans="1:4" ht="18" customHeight="1" x14ac:dyDescent="0.15">
      <c r="A61" s="5">
        <v>46</v>
      </c>
      <c r="B61" s="22">
        <v>2040</v>
      </c>
      <c r="C61" s="14">
        <v>1925</v>
      </c>
      <c r="D61" s="18">
        <v>3965</v>
      </c>
    </row>
    <row r="62" spans="1:4" ht="18" customHeight="1" x14ac:dyDescent="0.15">
      <c r="A62" s="5">
        <v>47</v>
      </c>
      <c r="B62" s="22">
        <v>2181</v>
      </c>
      <c r="C62" s="14">
        <v>2078</v>
      </c>
      <c r="D62" s="18">
        <v>4259</v>
      </c>
    </row>
    <row r="63" spans="1:4" ht="18" customHeight="1" x14ac:dyDescent="0.15">
      <c r="A63" s="5">
        <v>48</v>
      </c>
      <c r="B63" s="22">
        <v>2299</v>
      </c>
      <c r="C63" s="14">
        <v>2101</v>
      </c>
      <c r="D63" s="18">
        <v>4400</v>
      </c>
    </row>
    <row r="64" spans="1:4" ht="18" customHeight="1" x14ac:dyDescent="0.15">
      <c r="A64" s="5">
        <v>49</v>
      </c>
      <c r="B64" s="22">
        <v>2358</v>
      </c>
      <c r="C64" s="14">
        <v>2197</v>
      </c>
      <c r="D64" s="18">
        <v>4555</v>
      </c>
    </row>
    <row r="65" spans="1:4" ht="18" customHeight="1" x14ac:dyDescent="0.15">
      <c r="A65" s="5" t="s">
        <v>17</v>
      </c>
      <c r="B65" s="22">
        <v>10806</v>
      </c>
      <c r="C65" s="14">
        <v>10115</v>
      </c>
      <c r="D65" s="18">
        <v>20921</v>
      </c>
    </row>
    <row r="66" spans="1:4" ht="18" customHeight="1" x14ac:dyDescent="0.15">
      <c r="A66" s="5">
        <v>50</v>
      </c>
      <c r="B66" s="22">
        <v>2518</v>
      </c>
      <c r="C66" s="14">
        <v>2372</v>
      </c>
      <c r="D66" s="18">
        <v>4890</v>
      </c>
    </row>
    <row r="67" spans="1:4" ht="18" customHeight="1" x14ac:dyDescent="0.15">
      <c r="A67" s="5">
        <v>51</v>
      </c>
      <c r="B67" s="22">
        <v>2662</v>
      </c>
      <c r="C67" s="14">
        <v>2553</v>
      </c>
      <c r="D67" s="18">
        <v>5215</v>
      </c>
    </row>
    <row r="68" spans="1:4" ht="18" customHeight="1" x14ac:dyDescent="0.15">
      <c r="A68" s="5">
        <v>52</v>
      </c>
      <c r="B68" s="22">
        <v>2729</v>
      </c>
      <c r="C68" s="14">
        <v>2734</v>
      </c>
      <c r="D68" s="18">
        <v>5463</v>
      </c>
    </row>
    <row r="69" spans="1:4" ht="18" customHeight="1" x14ac:dyDescent="0.15">
      <c r="A69" s="5">
        <v>53</v>
      </c>
      <c r="B69" s="22">
        <v>2741</v>
      </c>
      <c r="C69" s="14">
        <v>2631</v>
      </c>
      <c r="D69" s="18">
        <v>5372</v>
      </c>
    </row>
    <row r="70" spans="1:4" ht="18" customHeight="1" x14ac:dyDescent="0.15">
      <c r="A70" s="5">
        <v>54</v>
      </c>
      <c r="B70" s="22">
        <v>2645</v>
      </c>
      <c r="C70" s="14">
        <v>2521</v>
      </c>
      <c r="D70" s="18">
        <v>5166</v>
      </c>
    </row>
    <row r="71" spans="1:4" ht="18" customHeight="1" x14ac:dyDescent="0.15">
      <c r="A71" s="5" t="s">
        <v>22</v>
      </c>
      <c r="B71" s="22">
        <v>13295</v>
      </c>
      <c r="C71" s="14">
        <v>12811</v>
      </c>
      <c r="D71" s="18">
        <v>26106</v>
      </c>
    </row>
    <row r="72" spans="1:4" ht="18" customHeight="1" x14ac:dyDescent="0.15">
      <c r="A72" s="5">
        <v>55</v>
      </c>
      <c r="B72" s="22">
        <v>2521</v>
      </c>
      <c r="C72" s="14">
        <v>2402</v>
      </c>
      <c r="D72" s="18">
        <v>4923</v>
      </c>
    </row>
    <row r="73" spans="1:4" ht="18" customHeight="1" x14ac:dyDescent="0.15">
      <c r="A73" s="5">
        <v>56</v>
      </c>
      <c r="B73" s="22">
        <v>2402</v>
      </c>
      <c r="C73" s="14">
        <v>2256</v>
      </c>
      <c r="D73" s="18">
        <v>4658</v>
      </c>
    </row>
    <row r="74" spans="1:4" ht="18" customHeight="1" x14ac:dyDescent="0.15">
      <c r="A74" s="5">
        <v>57</v>
      </c>
      <c r="B74" s="22">
        <v>2359</v>
      </c>
      <c r="C74" s="14">
        <v>2275</v>
      </c>
      <c r="D74" s="18">
        <v>4634</v>
      </c>
    </row>
    <row r="75" spans="1:4" ht="18" customHeight="1" x14ac:dyDescent="0.15">
      <c r="A75" s="5">
        <v>58</v>
      </c>
      <c r="B75" s="22">
        <v>2271</v>
      </c>
      <c r="C75" s="14">
        <v>2176</v>
      </c>
      <c r="D75" s="18">
        <v>4447</v>
      </c>
    </row>
    <row r="76" spans="1:4" ht="18" customHeight="1" x14ac:dyDescent="0.15">
      <c r="A76" s="5">
        <v>59</v>
      </c>
      <c r="B76" s="22">
        <v>1845</v>
      </c>
      <c r="C76" s="14">
        <v>1870</v>
      </c>
      <c r="D76" s="18">
        <v>3715</v>
      </c>
    </row>
    <row r="77" spans="1:4" ht="18" customHeight="1" x14ac:dyDescent="0.15">
      <c r="A77" s="5" t="s">
        <v>27</v>
      </c>
      <c r="B77" s="22">
        <v>11398</v>
      </c>
      <c r="C77" s="14">
        <v>10979</v>
      </c>
      <c r="D77" s="18">
        <v>22377</v>
      </c>
    </row>
    <row r="78" spans="1:4" ht="18" customHeight="1" x14ac:dyDescent="0.15">
      <c r="A78" s="5">
        <v>60</v>
      </c>
      <c r="B78" s="22">
        <v>1955</v>
      </c>
      <c r="C78" s="14">
        <v>2018</v>
      </c>
      <c r="D78" s="18">
        <v>3973</v>
      </c>
    </row>
    <row r="79" spans="1:4" ht="18" customHeight="1" x14ac:dyDescent="0.15">
      <c r="A79" s="5">
        <v>61</v>
      </c>
      <c r="B79" s="22">
        <v>1966</v>
      </c>
      <c r="C79" s="14">
        <v>2013</v>
      </c>
      <c r="D79" s="18">
        <v>3979</v>
      </c>
    </row>
    <row r="80" spans="1:4" ht="18" customHeight="1" x14ac:dyDescent="0.15">
      <c r="A80" s="5">
        <v>62</v>
      </c>
      <c r="B80" s="22">
        <v>1896</v>
      </c>
      <c r="C80" s="14">
        <v>1895</v>
      </c>
      <c r="D80" s="18">
        <v>3791</v>
      </c>
    </row>
    <row r="81" spans="1:4" ht="18" customHeight="1" x14ac:dyDescent="0.15">
      <c r="A81" s="5">
        <v>63</v>
      </c>
      <c r="B81" s="22">
        <v>1828</v>
      </c>
      <c r="C81" s="14">
        <v>1874</v>
      </c>
      <c r="D81" s="18">
        <v>3702</v>
      </c>
    </row>
    <row r="82" spans="1:4" ht="18" customHeight="1" x14ac:dyDescent="0.15">
      <c r="A82" s="5">
        <v>64</v>
      </c>
      <c r="B82" s="22">
        <v>1727</v>
      </c>
      <c r="C82" s="14">
        <v>1775</v>
      </c>
      <c r="D82" s="18">
        <v>3502</v>
      </c>
    </row>
    <row r="83" spans="1:4" ht="18" customHeight="1" x14ac:dyDescent="0.15">
      <c r="A83" s="5" t="s">
        <v>28</v>
      </c>
      <c r="B83" s="22">
        <v>9372</v>
      </c>
      <c r="C83" s="14">
        <v>9575</v>
      </c>
      <c r="D83" s="18">
        <v>18947</v>
      </c>
    </row>
    <row r="84" spans="1:4" ht="18" customHeight="1" x14ac:dyDescent="0.15">
      <c r="A84" s="5" t="s">
        <v>31</v>
      </c>
      <c r="B84" s="22">
        <v>94959</v>
      </c>
      <c r="C84" s="14">
        <v>88757</v>
      </c>
      <c r="D84" s="18">
        <v>183716</v>
      </c>
    </row>
    <row r="85" spans="1:4" ht="18" customHeight="1" x14ac:dyDescent="0.15">
      <c r="A85" s="5">
        <v>65</v>
      </c>
      <c r="B85" s="22">
        <v>1703</v>
      </c>
      <c r="C85" s="14">
        <v>1853</v>
      </c>
      <c r="D85" s="18">
        <v>3556</v>
      </c>
    </row>
    <row r="86" spans="1:4" ht="18" customHeight="1" x14ac:dyDescent="0.15">
      <c r="A86" s="5">
        <v>66</v>
      </c>
      <c r="B86" s="22">
        <v>1688</v>
      </c>
      <c r="C86" s="14">
        <v>1792</v>
      </c>
      <c r="D86" s="18">
        <v>3480</v>
      </c>
    </row>
    <row r="87" spans="1:4" ht="18" customHeight="1" x14ac:dyDescent="0.15">
      <c r="A87" s="5">
        <v>67</v>
      </c>
      <c r="B87" s="22">
        <v>1666</v>
      </c>
      <c r="C87" s="14">
        <v>1873</v>
      </c>
      <c r="D87" s="18">
        <v>3539</v>
      </c>
    </row>
    <row r="88" spans="1:4" ht="18" customHeight="1" x14ac:dyDescent="0.15">
      <c r="A88" s="5">
        <v>68</v>
      </c>
      <c r="B88" s="22">
        <v>1618</v>
      </c>
      <c r="C88" s="14">
        <v>1676</v>
      </c>
      <c r="D88" s="18">
        <v>3294</v>
      </c>
    </row>
    <row r="89" spans="1:4" ht="18" customHeight="1" x14ac:dyDescent="0.15">
      <c r="A89" s="5">
        <v>69</v>
      </c>
      <c r="B89" s="22">
        <v>1555</v>
      </c>
      <c r="C89" s="14">
        <v>1744</v>
      </c>
      <c r="D89" s="18">
        <v>3299</v>
      </c>
    </row>
    <row r="90" spans="1:4" ht="18" customHeight="1" x14ac:dyDescent="0.15">
      <c r="A90" s="5" t="s">
        <v>20</v>
      </c>
      <c r="B90" s="22">
        <v>8230</v>
      </c>
      <c r="C90" s="14">
        <v>8938</v>
      </c>
      <c r="D90" s="18">
        <v>17168</v>
      </c>
    </row>
    <row r="91" spans="1:4" ht="18" customHeight="1" x14ac:dyDescent="0.15">
      <c r="A91" s="5">
        <v>70</v>
      </c>
      <c r="B91" s="22">
        <v>1695</v>
      </c>
      <c r="C91" s="14">
        <v>1887</v>
      </c>
      <c r="D91" s="18">
        <v>3582</v>
      </c>
    </row>
    <row r="92" spans="1:4" ht="18" customHeight="1" x14ac:dyDescent="0.15">
      <c r="A92" s="5">
        <v>71</v>
      </c>
      <c r="B92" s="22">
        <v>1679</v>
      </c>
      <c r="C92" s="14">
        <v>1895</v>
      </c>
      <c r="D92" s="18">
        <v>3574</v>
      </c>
    </row>
    <row r="93" spans="1:4" ht="18" customHeight="1" x14ac:dyDescent="0.15">
      <c r="A93" s="5">
        <v>72</v>
      </c>
      <c r="B93" s="22">
        <v>1746</v>
      </c>
      <c r="C93" s="14">
        <v>2004</v>
      </c>
      <c r="D93" s="18">
        <v>3750</v>
      </c>
    </row>
    <row r="94" spans="1:4" ht="18" customHeight="1" x14ac:dyDescent="0.15">
      <c r="A94" s="5">
        <v>73</v>
      </c>
      <c r="B94" s="22">
        <v>1855</v>
      </c>
      <c r="C94" s="14">
        <v>2042</v>
      </c>
      <c r="D94" s="18">
        <v>3897</v>
      </c>
    </row>
    <row r="95" spans="1:4" ht="18" customHeight="1" x14ac:dyDescent="0.15">
      <c r="A95" s="5">
        <v>74</v>
      </c>
      <c r="B95" s="22">
        <v>1755</v>
      </c>
      <c r="C95" s="14">
        <v>2100</v>
      </c>
      <c r="D95" s="18">
        <v>3855</v>
      </c>
    </row>
    <row r="96" spans="1:4" ht="18" customHeight="1" x14ac:dyDescent="0.15">
      <c r="A96" s="5" t="s">
        <v>33</v>
      </c>
      <c r="B96" s="22">
        <v>8730</v>
      </c>
      <c r="C96" s="14">
        <v>9928</v>
      </c>
      <c r="D96" s="18">
        <v>18658</v>
      </c>
    </row>
    <row r="97" spans="1:4" ht="18" customHeight="1" x14ac:dyDescent="0.15">
      <c r="A97" s="5">
        <v>75</v>
      </c>
      <c r="B97" s="22">
        <v>1914</v>
      </c>
      <c r="C97" s="14">
        <v>2357</v>
      </c>
      <c r="D97" s="18">
        <v>4271</v>
      </c>
    </row>
    <row r="98" spans="1:4" ht="18" customHeight="1" x14ac:dyDescent="0.15">
      <c r="A98" s="5">
        <v>76</v>
      </c>
      <c r="B98" s="22">
        <v>2194</v>
      </c>
      <c r="C98" s="14">
        <v>2695</v>
      </c>
      <c r="D98" s="18">
        <v>4889</v>
      </c>
    </row>
    <row r="99" spans="1:4" ht="18" customHeight="1" x14ac:dyDescent="0.15">
      <c r="A99" s="5">
        <v>77</v>
      </c>
      <c r="B99" s="22">
        <v>2292</v>
      </c>
      <c r="C99" s="14">
        <v>2827</v>
      </c>
      <c r="D99" s="18">
        <v>5119</v>
      </c>
    </row>
    <row r="100" spans="1:4" ht="18" customHeight="1" x14ac:dyDescent="0.15">
      <c r="A100" s="5">
        <v>78</v>
      </c>
      <c r="B100" s="22">
        <v>2230</v>
      </c>
      <c r="C100" s="14">
        <v>2946</v>
      </c>
      <c r="D100" s="18">
        <v>5176</v>
      </c>
    </row>
    <row r="101" spans="1:4" ht="18" customHeight="1" x14ac:dyDescent="0.15">
      <c r="A101" s="5">
        <v>79</v>
      </c>
      <c r="B101" s="22">
        <v>1729</v>
      </c>
      <c r="C101" s="14">
        <v>2258</v>
      </c>
      <c r="D101" s="18">
        <v>3987</v>
      </c>
    </row>
    <row r="102" spans="1:4" ht="18" customHeight="1" x14ac:dyDescent="0.15">
      <c r="A102" s="5" t="s">
        <v>0</v>
      </c>
      <c r="B102" s="22">
        <v>10359</v>
      </c>
      <c r="C102" s="14">
        <v>13083</v>
      </c>
      <c r="D102" s="18">
        <v>23442</v>
      </c>
    </row>
    <row r="103" spans="1:4" ht="18" customHeight="1" x14ac:dyDescent="0.15">
      <c r="A103" s="5">
        <v>80</v>
      </c>
      <c r="B103" s="22">
        <v>1116</v>
      </c>
      <c r="C103" s="14">
        <v>1501</v>
      </c>
      <c r="D103" s="18">
        <v>2617</v>
      </c>
    </row>
    <row r="104" spans="1:4" ht="18" customHeight="1" x14ac:dyDescent="0.15">
      <c r="A104" s="5">
        <v>81</v>
      </c>
      <c r="B104" s="22">
        <v>1439</v>
      </c>
      <c r="C104" s="14">
        <v>2014</v>
      </c>
      <c r="D104" s="18">
        <v>3453</v>
      </c>
    </row>
    <row r="105" spans="1:4" ht="18" customHeight="1" x14ac:dyDescent="0.15">
      <c r="A105" s="5">
        <v>82</v>
      </c>
      <c r="B105" s="22">
        <v>1403</v>
      </c>
      <c r="C105" s="14">
        <v>2146</v>
      </c>
      <c r="D105" s="18">
        <v>3549</v>
      </c>
    </row>
    <row r="106" spans="1:4" ht="18" customHeight="1" x14ac:dyDescent="0.15">
      <c r="A106" s="5">
        <v>83</v>
      </c>
      <c r="B106" s="22">
        <v>1267</v>
      </c>
      <c r="C106" s="14">
        <v>1879</v>
      </c>
      <c r="D106" s="18">
        <v>3146</v>
      </c>
    </row>
    <row r="107" spans="1:4" ht="18" customHeight="1" x14ac:dyDescent="0.15">
      <c r="A107" s="5">
        <v>84</v>
      </c>
      <c r="B107" s="22">
        <v>1335</v>
      </c>
      <c r="C107" s="14">
        <v>2045</v>
      </c>
      <c r="D107" s="18">
        <v>3380</v>
      </c>
    </row>
    <row r="108" spans="1:4" ht="18" customHeight="1" x14ac:dyDescent="0.15">
      <c r="A108" s="5" t="s">
        <v>35</v>
      </c>
      <c r="B108" s="22">
        <v>6560</v>
      </c>
      <c r="C108" s="14">
        <v>9585</v>
      </c>
      <c r="D108" s="18">
        <v>16145</v>
      </c>
    </row>
    <row r="109" spans="1:4" ht="18" customHeight="1" x14ac:dyDescent="0.15">
      <c r="A109" s="5">
        <v>85</v>
      </c>
      <c r="B109" s="22">
        <v>1070</v>
      </c>
      <c r="C109" s="14">
        <v>1674</v>
      </c>
      <c r="D109" s="18">
        <v>2744</v>
      </c>
    </row>
    <row r="110" spans="1:4" ht="18" customHeight="1" x14ac:dyDescent="0.15">
      <c r="A110" s="5">
        <v>86</v>
      </c>
      <c r="B110" s="22">
        <v>878</v>
      </c>
      <c r="C110" s="14">
        <v>1334</v>
      </c>
      <c r="D110" s="18">
        <v>2212</v>
      </c>
    </row>
    <row r="111" spans="1:4" ht="18" customHeight="1" x14ac:dyDescent="0.15">
      <c r="A111" s="5">
        <v>87</v>
      </c>
      <c r="B111" s="22">
        <v>644</v>
      </c>
      <c r="C111" s="14">
        <v>1150</v>
      </c>
      <c r="D111" s="18">
        <v>1794</v>
      </c>
    </row>
    <row r="112" spans="1:4" ht="18" customHeight="1" x14ac:dyDescent="0.15">
      <c r="A112" s="5">
        <v>88</v>
      </c>
      <c r="B112" s="22">
        <v>658</v>
      </c>
      <c r="C112" s="14">
        <v>1250</v>
      </c>
      <c r="D112" s="18">
        <v>1908</v>
      </c>
    </row>
    <row r="113" spans="1:4" ht="18" customHeight="1" x14ac:dyDescent="0.15">
      <c r="A113" s="5">
        <v>89</v>
      </c>
      <c r="B113" s="22">
        <v>580</v>
      </c>
      <c r="C113" s="14">
        <v>1197</v>
      </c>
      <c r="D113" s="18">
        <v>1777</v>
      </c>
    </row>
    <row r="114" spans="1:4" ht="18" customHeight="1" x14ac:dyDescent="0.15">
      <c r="A114" s="5" t="s">
        <v>37</v>
      </c>
      <c r="B114" s="22">
        <v>3830</v>
      </c>
      <c r="C114" s="14">
        <v>6605</v>
      </c>
      <c r="D114" s="18">
        <v>10435</v>
      </c>
    </row>
    <row r="115" spans="1:4" ht="18" customHeight="1" x14ac:dyDescent="0.15">
      <c r="A115" s="5">
        <v>90</v>
      </c>
      <c r="B115" s="22">
        <v>492</v>
      </c>
      <c r="C115" s="14">
        <v>1178</v>
      </c>
      <c r="D115" s="18">
        <v>1670</v>
      </c>
    </row>
    <row r="116" spans="1:4" ht="18" customHeight="1" x14ac:dyDescent="0.15">
      <c r="A116" s="5">
        <v>91</v>
      </c>
      <c r="B116" s="22">
        <v>344</v>
      </c>
      <c r="C116" s="14">
        <v>838</v>
      </c>
      <c r="D116" s="18">
        <v>1182</v>
      </c>
    </row>
    <row r="117" spans="1:4" ht="18" customHeight="1" x14ac:dyDescent="0.15">
      <c r="A117" s="5">
        <v>92</v>
      </c>
      <c r="B117" s="22">
        <v>313</v>
      </c>
      <c r="C117" s="14">
        <v>824</v>
      </c>
      <c r="D117" s="18">
        <v>1137</v>
      </c>
    </row>
    <row r="118" spans="1:4" ht="18" customHeight="1" x14ac:dyDescent="0.15">
      <c r="A118" s="5">
        <v>93</v>
      </c>
      <c r="B118" s="22">
        <v>215</v>
      </c>
      <c r="C118" s="14">
        <v>845</v>
      </c>
      <c r="D118" s="18">
        <v>1060</v>
      </c>
    </row>
    <row r="119" spans="1:4" ht="18" customHeight="1" x14ac:dyDescent="0.15">
      <c r="A119" s="5">
        <v>94</v>
      </c>
      <c r="B119" s="22">
        <v>169</v>
      </c>
      <c r="C119" s="14">
        <v>548</v>
      </c>
      <c r="D119" s="18">
        <v>717</v>
      </c>
    </row>
    <row r="120" spans="1:4" ht="18" customHeight="1" x14ac:dyDescent="0.15">
      <c r="A120" s="5" t="s">
        <v>39</v>
      </c>
      <c r="B120" s="22">
        <v>1533</v>
      </c>
      <c r="C120" s="14">
        <v>4233</v>
      </c>
      <c r="D120" s="18">
        <v>5766</v>
      </c>
    </row>
    <row r="121" spans="1:4" ht="18" customHeight="1" x14ac:dyDescent="0.15">
      <c r="A121" s="5">
        <v>95</v>
      </c>
      <c r="B121" s="22">
        <v>109</v>
      </c>
      <c r="C121" s="14">
        <v>448</v>
      </c>
      <c r="D121" s="18">
        <v>557</v>
      </c>
    </row>
    <row r="122" spans="1:4" ht="18" customHeight="1" x14ac:dyDescent="0.15">
      <c r="A122" s="5">
        <v>96</v>
      </c>
      <c r="B122" s="22">
        <v>91</v>
      </c>
      <c r="C122" s="14">
        <v>354</v>
      </c>
      <c r="D122" s="18">
        <v>445</v>
      </c>
    </row>
    <row r="123" spans="1:4" ht="18" customHeight="1" x14ac:dyDescent="0.15">
      <c r="A123" s="5">
        <v>97</v>
      </c>
      <c r="B123" s="22">
        <v>54</v>
      </c>
      <c r="C123" s="14">
        <v>268</v>
      </c>
      <c r="D123" s="18">
        <v>322</v>
      </c>
    </row>
    <row r="124" spans="1:4" ht="18" customHeight="1" x14ac:dyDescent="0.15">
      <c r="A124" s="5">
        <v>98</v>
      </c>
      <c r="B124" s="22">
        <v>34</v>
      </c>
      <c r="C124" s="14">
        <v>185</v>
      </c>
      <c r="D124" s="18">
        <v>219</v>
      </c>
    </row>
    <row r="125" spans="1:4" ht="18" customHeight="1" x14ac:dyDescent="0.15">
      <c r="A125" s="5">
        <v>99</v>
      </c>
      <c r="B125" s="22">
        <v>22</v>
      </c>
      <c r="C125" s="14">
        <v>147</v>
      </c>
      <c r="D125" s="18">
        <v>169</v>
      </c>
    </row>
    <row r="126" spans="1:4" ht="18" customHeight="1" x14ac:dyDescent="0.15">
      <c r="A126" s="5" t="s">
        <v>40</v>
      </c>
      <c r="B126" s="22">
        <v>310</v>
      </c>
      <c r="C126" s="14">
        <v>1402</v>
      </c>
      <c r="D126" s="18">
        <v>1712</v>
      </c>
    </row>
    <row r="127" spans="1:4" ht="18" customHeight="1" x14ac:dyDescent="0.15">
      <c r="A127" s="5">
        <v>100</v>
      </c>
      <c r="B127" s="22">
        <v>16</v>
      </c>
      <c r="C127" s="14">
        <v>115</v>
      </c>
      <c r="D127" s="18">
        <v>131</v>
      </c>
    </row>
    <row r="128" spans="1:4" ht="18" customHeight="1" x14ac:dyDescent="0.15">
      <c r="A128" s="6" t="s">
        <v>43</v>
      </c>
      <c r="B128" s="22">
        <v>12</v>
      </c>
      <c r="C128" s="14">
        <v>154</v>
      </c>
      <c r="D128" s="18">
        <v>166</v>
      </c>
    </row>
    <row r="129" spans="1:4" ht="18" customHeight="1" x14ac:dyDescent="0.15">
      <c r="A129" s="5" t="s">
        <v>44</v>
      </c>
      <c r="B129" s="22">
        <v>28</v>
      </c>
      <c r="C129" s="14">
        <v>269</v>
      </c>
      <c r="D129" s="18">
        <v>297</v>
      </c>
    </row>
    <row r="130" spans="1:4" ht="18" customHeight="1" x14ac:dyDescent="0.15">
      <c r="A130" s="5" t="s">
        <v>46</v>
      </c>
      <c r="B130" s="22">
        <v>39580</v>
      </c>
      <c r="C130" s="14">
        <v>54043</v>
      </c>
      <c r="D130" s="18">
        <v>93623</v>
      </c>
    </row>
    <row r="131" spans="1:4" ht="18" customHeight="1" x14ac:dyDescent="0.15">
      <c r="A131" s="7" t="s">
        <v>45</v>
      </c>
      <c r="B131" s="23">
        <v>151781</v>
      </c>
      <c r="C131" s="15">
        <v>159501</v>
      </c>
      <c r="D131" s="19">
        <v>31128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300-000000000000}">
  <sheetPr codeName="Sheet6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1</v>
      </c>
      <c r="C8" s="14">
        <v>0</v>
      </c>
      <c r="D8" s="18">
        <v>1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1</v>
      </c>
      <c r="C10" s="14">
        <v>0</v>
      </c>
      <c r="D10" s="18">
        <v>1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1</v>
      </c>
      <c r="C13" s="14">
        <v>0</v>
      </c>
      <c r="D13" s="18">
        <v>1</v>
      </c>
    </row>
    <row r="14" spans="1:4" ht="18" customHeight="1" x14ac:dyDescent="0.15">
      <c r="A14" s="5">
        <v>8</v>
      </c>
      <c r="B14" s="27">
        <v>2</v>
      </c>
      <c r="C14" s="14">
        <v>0</v>
      </c>
      <c r="D14" s="18">
        <v>2</v>
      </c>
    </row>
    <row r="15" spans="1:4" ht="18" customHeight="1" x14ac:dyDescent="0.15">
      <c r="A15" s="5">
        <v>9</v>
      </c>
      <c r="B15" s="27">
        <v>0</v>
      </c>
      <c r="C15" s="14">
        <v>1</v>
      </c>
      <c r="D15" s="18">
        <v>1</v>
      </c>
    </row>
    <row r="16" spans="1:4" ht="18" customHeight="1" x14ac:dyDescent="0.15">
      <c r="A16" s="5" t="s">
        <v>11</v>
      </c>
      <c r="B16" s="22">
        <v>3</v>
      </c>
      <c r="C16" s="14">
        <v>1</v>
      </c>
      <c r="D16" s="18">
        <v>4</v>
      </c>
    </row>
    <row r="17" spans="1:4" ht="18" customHeight="1" x14ac:dyDescent="0.15">
      <c r="A17" s="5">
        <v>10</v>
      </c>
      <c r="B17" s="22">
        <v>2</v>
      </c>
      <c r="C17" s="14">
        <v>0</v>
      </c>
      <c r="D17" s="18">
        <v>2</v>
      </c>
    </row>
    <row r="18" spans="1:4" ht="18" customHeight="1" x14ac:dyDescent="0.15">
      <c r="A18" s="5">
        <v>11</v>
      </c>
      <c r="B18" s="22">
        <v>3</v>
      </c>
      <c r="C18" s="14">
        <v>1</v>
      </c>
      <c r="D18" s="18">
        <v>4</v>
      </c>
    </row>
    <row r="19" spans="1:4" ht="18" customHeight="1" x14ac:dyDescent="0.15">
      <c r="A19" s="5">
        <v>12</v>
      </c>
      <c r="B19" s="22">
        <v>1</v>
      </c>
      <c r="C19" s="14">
        <v>0</v>
      </c>
      <c r="D19" s="18">
        <v>1</v>
      </c>
    </row>
    <row r="20" spans="1:4" ht="18" customHeight="1" x14ac:dyDescent="0.15">
      <c r="A20" s="5">
        <v>13</v>
      </c>
      <c r="B20" s="22">
        <v>0</v>
      </c>
      <c r="C20" s="14">
        <v>1</v>
      </c>
      <c r="D20" s="18">
        <v>1</v>
      </c>
    </row>
    <row r="21" spans="1:4" ht="18" customHeight="1" x14ac:dyDescent="0.15">
      <c r="A21" s="5">
        <v>14</v>
      </c>
      <c r="B21" s="22">
        <v>1</v>
      </c>
      <c r="C21" s="14">
        <v>1</v>
      </c>
      <c r="D21" s="18">
        <v>2</v>
      </c>
    </row>
    <row r="22" spans="1:4" ht="18" customHeight="1" x14ac:dyDescent="0.15">
      <c r="A22" s="5" t="s">
        <v>12</v>
      </c>
      <c r="B22" s="22">
        <v>7</v>
      </c>
      <c r="C22" s="14">
        <v>3</v>
      </c>
      <c r="D22" s="18">
        <v>10</v>
      </c>
    </row>
    <row r="23" spans="1:4" ht="18" customHeight="1" x14ac:dyDescent="0.15">
      <c r="A23" s="5" t="s">
        <v>6</v>
      </c>
      <c r="B23" s="22">
        <v>11</v>
      </c>
      <c r="C23" s="14">
        <v>4</v>
      </c>
      <c r="D23" s="18">
        <v>15</v>
      </c>
    </row>
    <row r="24" spans="1:4" ht="18" customHeight="1" x14ac:dyDescent="0.15">
      <c r="A24" s="5">
        <v>15</v>
      </c>
      <c r="B24" s="22">
        <v>2</v>
      </c>
      <c r="C24" s="14">
        <v>0</v>
      </c>
      <c r="D24" s="18">
        <v>2</v>
      </c>
    </row>
    <row r="25" spans="1:4" ht="18" customHeight="1" x14ac:dyDescent="0.15">
      <c r="A25" s="5">
        <v>16</v>
      </c>
      <c r="B25" s="22">
        <v>2</v>
      </c>
      <c r="C25" s="14">
        <v>2</v>
      </c>
      <c r="D25" s="18">
        <v>4</v>
      </c>
    </row>
    <row r="26" spans="1:4" ht="18" customHeight="1" x14ac:dyDescent="0.15">
      <c r="A26" s="5">
        <v>17</v>
      </c>
      <c r="B26" s="22">
        <v>0</v>
      </c>
      <c r="C26" s="14">
        <v>0</v>
      </c>
      <c r="D26" s="18">
        <v>0</v>
      </c>
    </row>
    <row r="27" spans="1:4" ht="18" customHeight="1" x14ac:dyDescent="0.15">
      <c r="A27" s="5">
        <v>18</v>
      </c>
      <c r="B27" s="22">
        <v>0</v>
      </c>
      <c r="C27" s="14">
        <v>0</v>
      </c>
      <c r="D27" s="18">
        <v>0</v>
      </c>
    </row>
    <row r="28" spans="1:4" ht="18" customHeight="1" x14ac:dyDescent="0.15">
      <c r="A28" s="5">
        <v>19</v>
      </c>
      <c r="B28" s="22">
        <v>0</v>
      </c>
      <c r="C28" s="14">
        <v>1</v>
      </c>
      <c r="D28" s="18">
        <v>1</v>
      </c>
    </row>
    <row r="29" spans="1:4" ht="18" customHeight="1" x14ac:dyDescent="0.15">
      <c r="A29" s="5" t="s">
        <v>14</v>
      </c>
      <c r="B29" s="22">
        <v>4</v>
      </c>
      <c r="C29" s="14">
        <v>3</v>
      </c>
      <c r="D29" s="18">
        <v>7</v>
      </c>
    </row>
    <row r="30" spans="1:4" ht="18" customHeight="1" x14ac:dyDescent="0.15">
      <c r="A30" s="5">
        <v>20</v>
      </c>
      <c r="B30" s="22">
        <v>0</v>
      </c>
      <c r="C30" s="14">
        <v>0</v>
      </c>
      <c r="D30" s="18">
        <v>0</v>
      </c>
    </row>
    <row r="31" spans="1:4" ht="18" customHeight="1" x14ac:dyDescent="0.15">
      <c r="A31" s="5">
        <v>21</v>
      </c>
      <c r="B31" s="22">
        <v>1</v>
      </c>
      <c r="C31" s="14">
        <v>0</v>
      </c>
      <c r="D31" s="18">
        <v>1</v>
      </c>
    </row>
    <row r="32" spans="1:4" ht="18" customHeight="1" x14ac:dyDescent="0.15">
      <c r="A32" s="5">
        <v>22</v>
      </c>
      <c r="B32" s="22">
        <v>1</v>
      </c>
      <c r="C32" s="14">
        <v>2</v>
      </c>
      <c r="D32" s="18">
        <v>3</v>
      </c>
    </row>
    <row r="33" spans="1:4" ht="18" customHeight="1" x14ac:dyDescent="0.15">
      <c r="A33" s="5">
        <v>23</v>
      </c>
      <c r="B33" s="22">
        <v>0</v>
      </c>
      <c r="C33" s="14">
        <v>0</v>
      </c>
      <c r="D33" s="18">
        <v>0</v>
      </c>
    </row>
    <row r="34" spans="1:4" ht="18" customHeight="1" x14ac:dyDescent="0.15">
      <c r="A34" s="5">
        <v>24</v>
      </c>
      <c r="B34" s="22">
        <v>1</v>
      </c>
      <c r="C34" s="14">
        <v>1</v>
      </c>
      <c r="D34" s="18">
        <v>2</v>
      </c>
    </row>
    <row r="35" spans="1:4" ht="18" customHeight="1" x14ac:dyDescent="0.15">
      <c r="A35" s="5" t="s">
        <v>9</v>
      </c>
      <c r="B35" s="22">
        <v>3</v>
      </c>
      <c r="C35" s="14">
        <v>3</v>
      </c>
      <c r="D35" s="18">
        <v>6</v>
      </c>
    </row>
    <row r="36" spans="1:4" ht="18" customHeight="1" x14ac:dyDescent="0.15">
      <c r="A36" s="5">
        <v>25</v>
      </c>
      <c r="B36" s="22">
        <v>2</v>
      </c>
      <c r="C36" s="14">
        <v>0</v>
      </c>
      <c r="D36" s="18">
        <v>2</v>
      </c>
    </row>
    <row r="37" spans="1:4" ht="18" customHeight="1" x14ac:dyDescent="0.15">
      <c r="A37" s="5">
        <v>26</v>
      </c>
      <c r="B37" s="22">
        <v>0</v>
      </c>
      <c r="C37" s="14">
        <v>2</v>
      </c>
      <c r="D37" s="18">
        <v>2</v>
      </c>
    </row>
    <row r="38" spans="1:4" ht="18" customHeight="1" x14ac:dyDescent="0.15">
      <c r="A38" s="5">
        <v>27</v>
      </c>
      <c r="B38" s="22">
        <v>1</v>
      </c>
      <c r="C38" s="14">
        <v>0</v>
      </c>
      <c r="D38" s="18">
        <v>1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2</v>
      </c>
      <c r="C40" s="14">
        <v>0</v>
      </c>
      <c r="D40" s="18">
        <v>2</v>
      </c>
    </row>
    <row r="41" spans="1:4" ht="18" customHeight="1" x14ac:dyDescent="0.15">
      <c r="A41" s="5" t="s">
        <v>2</v>
      </c>
      <c r="B41" s="22">
        <v>5</v>
      </c>
      <c r="C41" s="14">
        <v>2</v>
      </c>
      <c r="D41" s="18">
        <v>7</v>
      </c>
    </row>
    <row r="42" spans="1:4" ht="18" customHeight="1" x14ac:dyDescent="0.15">
      <c r="A42" s="5">
        <v>30</v>
      </c>
      <c r="B42" s="22">
        <v>0</v>
      </c>
      <c r="C42" s="14">
        <v>0</v>
      </c>
      <c r="D42" s="18">
        <v>0</v>
      </c>
    </row>
    <row r="43" spans="1:4" ht="18" customHeight="1" x14ac:dyDescent="0.15">
      <c r="A43" s="5">
        <v>31</v>
      </c>
      <c r="B43" s="22">
        <v>0</v>
      </c>
      <c r="C43" s="14">
        <v>0</v>
      </c>
      <c r="D43" s="18">
        <v>0</v>
      </c>
    </row>
    <row r="44" spans="1:4" ht="18" customHeight="1" x14ac:dyDescent="0.15">
      <c r="A44" s="5">
        <v>32</v>
      </c>
      <c r="B44" s="22">
        <v>1</v>
      </c>
      <c r="C44" s="14">
        <v>1</v>
      </c>
      <c r="D44" s="18">
        <v>2</v>
      </c>
    </row>
    <row r="45" spans="1:4" ht="18" customHeight="1" x14ac:dyDescent="0.15">
      <c r="A45" s="5">
        <v>33</v>
      </c>
      <c r="B45" s="22">
        <v>1</v>
      </c>
      <c r="C45" s="14">
        <v>0</v>
      </c>
      <c r="D45" s="18">
        <v>1</v>
      </c>
    </row>
    <row r="46" spans="1:4" ht="18" customHeight="1" x14ac:dyDescent="0.15">
      <c r="A46" s="5">
        <v>34</v>
      </c>
      <c r="B46" s="22">
        <v>0</v>
      </c>
      <c r="C46" s="14">
        <v>0</v>
      </c>
      <c r="D46" s="18">
        <v>0</v>
      </c>
    </row>
    <row r="47" spans="1:4" ht="18" customHeight="1" x14ac:dyDescent="0.15">
      <c r="A47" s="5" t="s">
        <v>15</v>
      </c>
      <c r="B47" s="22">
        <v>2</v>
      </c>
      <c r="C47" s="14">
        <v>1</v>
      </c>
      <c r="D47" s="18">
        <v>3</v>
      </c>
    </row>
    <row r="48" spans="1:4" ht="18" customHeight="1" x14ac:dyDescent="0.15">
      <c r="A48" s="5">
        <v>35</v>
      </c>
      <c r="B48" s="22">
        <v>1</v>
      </c>
      <c r="C48" s="14">
        <v>0</v>
      </c>
      <c r="D48" s="18">
        <v>1</v>
      </c>
    </row>
    <row r="49" spans="1:4" ht="18" customHeight="1" x14ac:dyDescent="0.15">
      <c r="A49" s="5">
        <v>36</v>
      </c>
      <c r="B49" s="22">
        <v>1</v>
      </c>
      <c r="C49" s="14">
        <v>0</v>
      </c>
      <c r="D49" s="18">
        <v>1</v>
      </c>
    </row>
    <row r="50" spans="1:4" ht="18" customHeight="1" x14ac:dyDescent="0.15">
      <c r="A50" s="5">
        <v>37</v>
      </c>
      <c r="B50" s="22">
        <v>0</v>
      </c>
      <c r="C50" s="14">
        <v>0</v>
      </c>
      <c r="D50" s="18">
        <v>0</v>
      </c>
    </row>
    <row r="51" spans="1:4" ht="18" customHeight="1" x14ac:dyDescent="0.15">
      <c r="A51" s="5">
        <v>38</v>
      </c>
      <c r="B51" s="22">
        <v>0</v>
      </c>
      <c r="C51" s="14">
        <v>1</v>
      </c>
      <c r="D51" s="18">
        <v>1</v>
      </c>
    </row>
    <row r="52" spans="1:4" ht="18" customHeight="1" x14ac:dyDescent="0.15">
      <c r="A52" s="5">
        <v>39</v>
      </c>
      <c r="B52" s="22">
        <v>0</v>
      </c>
      <c r="C52" s="14">
        <v>1</v>
      </c>
      <c r="D52" s="18">
        <v>1</v>
      </c>
    </row>
    <row r="53" spans="1:4" ht="18" customHeight="1" x14ac:dyDescent="0.15">
      <c r="A53" s="5" t="s">
        <v>18</v>
      </c>
      <c r="B53" s="22">
        <v>2</v>
      </c>
      <c r="C53" s="14">
        <v>2</v>
      </c>
      <c r="D53" s="18">
        <v>4</v>
      </c>
    </row>
    <row r="54" spans="1:4" ht="18" customHeight="1" x14ac:dyDescent="0.15">
      <c r="A54" s="5">
        <v>40</v>
      </c>
      <c r="B54" s="22">
        <v>2</v>
      </c>
      <c r="C54" s="14">
        <v>0</v>
      </c>
      <c r="D54" s="18">
        <v>2</v>
      </c>
    </row>
    <row r="55" spans="1:4" ht="18" customHeight="1" x14ac:dyDescent="0.15">
      <c r="A55" s="5">
        <v>41</v>
      </c>
      <c r="B55" s="22">
        <v>3</v>
      </c>
      <c r="C55" s="14">
        <v>1</v>
      </c>
      <c r="D55" s="18">
        <v>4</v>
      </c>
    </row>
    <row r="56" spans="1:4" ht="18" customHeight="1" x14ac:dyDescent="0.15">
      <c r="A56" s="5">
        <v>42</v>
      </c>
      <c r="B56" s="22">
        <v>1</v>
      </c>
      <c r="C56" s="14">
        <v>0</v>
      </c>
      <c r="D56" s="18">
        <v>1</v>
      </c>
    </row>
    <row r="57" spans="1:4" ht="18" customHeight="1" x14ac:dyDescent="0.15">
      <c r="A57" s="5">
        <v>43</v>
      </c>
      <c r="B57" s="22">
        <v>2</v>
      </c>
      <c r="C57" s="14">
        <v>1</v>
      </c>
      <c r="D57" s="18">
        <v>3</v>
      </c>
    </row>
    <row r="58" spans="1:4" ht="18" customHeight="1" x14ac:dyDescent="0.15">
      <c r="A58" s="5">
        <v>44</v>
      </c>
      <c r="B58" s="22">
        <v>0</v>
      </c>
      <c r="C58" s="14">
        <v>2</v>
      </c>
      <c r="D58" s="18">
        <v>2</v>
      </c>
    </row>
    <row r="59" spans="1:4" ht="18" customHeight="1" x14ac:dyDescent="0.15">
      <c r="A59" s="5" t="s">
        <v>21</v>
      </c>
      <c r="B59" s="22">
        <v>8</v>
      </c>
      <c r="C59" s="14">
        <v>4</v>
      </c>
      <c r="D59" s="18">
        <v>12</v>
      </c>
    </row>
    <row r="60" spans="1:4" ht="18" customHeight="1" x14ac:dyDescent="0.15">
      <c r="A60" s="5">
        <v>45</v>
      </c>
      <c r="B60" s="22">
        <v>1</v>
      </c>
      <c r="C60" s="14">
        <v>1</v>
      </c>
      <c r="D60" s="18">
        <v>2</v>
      </c>
    </row>
    <row r="61" spans="1:4" ht="18" customHeight="1" x14ac:dyDescent="0.15">
      <c r="A61" s="5">
        <v>46</v>
      </c>
      <c r="B61" s="22">
        <v>1</v>
      </c>
      <c r="C61" s="14">
        <v>1</v>
      </c>
      <c r="D61" s="18">
        <v>2</v>
      </c>
    </row>
    <row r="62" spans="1:4" ht="18" customHeight="1" x14ac:dyDescent="0.15">
      <c r="A62" s="5">
        <v>47</v>
      </c>
      <c r="B62" s="22">
        <v>1</v>
      </c>
      <c r="C62" s="14">
        <v>0</v>
      </c>
      <c r="D62" s="18">
        <v>1</v>
      </c>
    </row>
    <row r="63" spans="1:4" ht="18" customHeight="1" x14ac:dyDescent="0.15">
      <c r="A63" s="5">
        <v>48</v>
      </c>
      <c r="B63" s="22">
        <v>3</v>
      </c>
      <c r="C63" s="14">
        <v>3</v>
      </c>
      <c r="D63" s="18">
        <v>6</v>
      </c>
    </row>
    <row r="64" spans="1:4" ht="18" customHeight="1" x14ac:dyDescent="0.15">
      <c r="A64" s="5">
        <v>49</v>
      </c>
      <c r="B64" s="22">
        <v>1</v>
      </c>
      <c r="C64" s="14">
        <v>4</v>
      </c>
      <c r="D64" s="18">
        <v>5</v>
      </c>
    </row>
    <row r="65" spans="1:4" ht="18" customHeight="1" x14ac:dyDescent="0.15">
      <c r="A65" s="5" t="s">
        <v>17</v>
      </c>
      <c r="B65" s="22">
        <v>7</v>
      </c>
      <c r="C65" s="14">
        <v>9</v>
      </c>
      <c r="D65" s="18">
        <v>16</v>
      </c>
    </row>
    <row r="66" spans="1:4" ht="18" customHeight="1" x14ac:dyDescent="0.15">
      <c r="A66" s="5">
        <v>50</v>
      </c>
      <c r="B66" s="22">
        <v>3</v>
      </c>
      <c r="C66" s="14">
        <v>1</v>
      </c>
      <c r="D66" s="18">
        <v>4</v>
      </c>
    </row>
    <row r="67" spans="1:4" ht="18" customHeight="1" x14ac:dyDescent="0.15">
      <c r="A67" s="5">
        <v>51</v>
      </c>
      <c r="B67" s="22">
        <v>3</v>
      </c>
      <c r="C67" s="14">
        <v>0</v>
      </c>
      <c r="D67" s="18">
        <v>3</v>
      </c>
    </row>
    <row r="68" spans="1:4" ht="18" customHeight="1" x14ac:dyDescent="0.15">
      <c r="A68" s="5">
        <v>52</v>
      </c>
      <c r="B68" s="22">
        <v>1</v>
      </c>
      <c r="C68" s="14">
        <v>1</v>
      </c>
      <c r="D68" s="18">
        <v>2</v>
      </c>
    </row>
    <row r="69" spans="1:4" ht="18" customHeight="1" x14ac:dyDescent="0.15">
      <c r="A69" s="5">
        <v>53</v>
      </c>
      <c r="B69" s="22">
        <v>0</v>
      </c>
      <c r="C69" s="14">
        <v>0</v>
      </c>
      <c r="D69" s="18">
        <v>0</v>
      </c>
    </row>
    <row r="70" spans="1:4" ht="18" customHeight="1" x14ac:dyDescent="0.15">
      <c r="A70" s="5">
        <v>54</v>
      </c>
      <c r="B70" s="22">
        <v>2</v>
      </c>
      <c r="C70" s="14">
        <v>0</v>
      </c>
      <c r="D70" s="18">
        <v>2</v>
      </c>
    </row>
    <row r="71" spans="1:4" ht="18" customHeight="1" x14ac:dyDescent="0.15">
      <c r="A71" s="5" t="s">
        <v>22</v>
      </c>
      <c r="B71" s="22">
        <v>9</v>
      </c>
      <c r="C71" s="14">
        <v>2</v>
      </c>
      <c r="D71" s="18">
        <v>11</v>
      </c>
    </row>
    <row r="72" spans="1:4" ht="18" customHeight="1" x14ac:dyDescent="0.15">
      <c r="A72" s="5">
        <v>55</v>
      </c>
      <c r="B72" s="22">
        <v>0</v>
      </c>
      <c r="C72" s="14">
        <v>1</v>
      </c>
      <c r="D72" s="18">
        <v>1</v>
      </c>
    </row>
    <row r="73" spans="1:4" ht="18" customHeight="1" x14ac:dyDescent="0.15">
      <c r="A73" s="5">
        <v>56</v>
      </c>
      <c r="B73" s="22">
        <v>0</v>
      </c>
      <c r="C73" s="14">
        <v>2</v>
      </c>
      <c r="D73" s="18">
        <v>2</v>
      </c>
    </row>
    <row r="74" spans="1:4" ht="18" customHeight="1" x14ac:dyDescent="0.15">
      <c r="A74" s="5">
        <v>57</v>
      </c>
      <c r="B74" s="22">
        <v>4</v>
      </c>
      <c r="C74" s="14">
        <v>2</v>
      </c>
      <c r="D74" s="18">
        <v>6</v>
      </c>
    </row>
    <row r="75" spans="1:4" ht="18" customHeight="1" x14ac:dyDescent="0.15">
      <c r="A75" s="5">
        <v>58</v>
      </c>
      <c r="B75" s="22">
        <v>0</v>
      </c>
      <c r="C75" s="14">
        <v>0</v>
      </c>
      <c r="D75" s="18">
        <v>0</v>
      </c>
    </row>
    <row r="76" spans="1:4" ht="18" customHeight="1" x14ac:dyDescent="0.15">
      <c r="A76" s="5">
        <v>59</v>
      </c>
      <c r="B76" s="22">
        <v>2</v>
      </c>
      <c r="C76" s="14">
        <v>0</v>
      </c>
      <c r="D76" s="18">
        <v>2</v>
      </c>
    </row>
    <row r="77" spans="1:4" ht="18" customHeight="1" x14ac:dyDescent="0.15">
      <c r="A77" s="5" t="s">
        <v>27</v>
      </c>
      <c r="B77" s="22">
        <v>6</v>
      </c>
      <c r="C77" s="14">
        <v>5</v>
      </c>
      <c r="D77" s="18">
        <v>11</v>
      </c>
    </row>
    <row r="78" spans="1:4" ht="18" customHeight="1" x14ac:dyDescent="0.15">
      <c r="A78" s="5">
        <v>60</v>
      </c>
      <c r="B78" s="22">
        <v>2</v>
      </c>
      <c r="C78" s="14">
        <v>1</v>
      </c>
      <c r="D78" s="18">
        <v>3</v>
      </c>
    </row>
    <row r="79" spans="1:4" ht="18" customHeight="1" x14ac:dyDescent="0.15">
      <c r="A79" s="5">
        <v>61</v>
      </c>
      <c r="B79" s="22">
        <v>1</v>
      </c>
      <c r="C79" s="14">
        <v>3</v>
      </c>
      <c r="D79" s="18">
        <v>4</v>
      </c>
    </row>
    <row r="80" spans="1:4" ht="18" customHeight="1" x14ac:dyDescent="0.15">
      <c r="A80" s="5">
        <v>62</v>
      </c>
      <c r="B80" s="22">
        <v>2</v>
      </c>
      <c r="C80" s="14">
        <v>1</v>
      </c>
      <c r="D80" s="18">
        <v>3</v>
      </c>
    </row>
    <row r="81" spans="1:4" ht="18" customHeight="1" x14ac:dyDescent="0.15">
      <c r="A81" s="5">
        <v>63</v>
      </c>
      <c r="B81" s="22">
        <v>4</v>
      </c>
      <c r="C81" s="14">
        <v>2</v>
      </c>
      <c r="D81" s="18">
        <v>6</v>
      </c>
    </row>
    <row r="82" spans="1:4" ht="18" customHeight="1" x14ac:dyDescent="0.15">
      <c r="A82" s="5">
        <v>64</v>
      </c>
      <c r="B82" s="22">
        <v>3</v>
      </c>
      <c r="C82" s="14">
        <v>2</v>
      </c>
      <c r="D82" s="18">
        <v>5</v>
      </c>
    </row>
    <row r="83" spans="1:4" ht="18" customHeight="1" x14ac:dyDescent="0.15">
      <c r="A83" s="5" t="s">
        <v>28</v>
      </c>
      <c r="B83" s="22">
        <v>12</v>
      </c>
      <c r="C83" s="14">
        <v>9</v>
      </c>
      <c r="D83" s="18">
        <v>21</v>
      </c>
    </row>
    <row r="84" spans="1:4" ht="18" customHeight="1" x14ac:dyDescent="0.15">
      <c r="A84" s="5" t="s">
        <v>31</v>
      </c>
      <c r="B84" s="22">
        <v>58</v>
      </c>
      <c r="C84" s="14">
        <v>40</v>
      </c>
      <c r="D84" s="18">
        <v>98</v>
      </c>
    </row>
    <row r="85" spans="1:4" ht="18" customHeight="1" x14ac:dyDescent="0.15">
      <c r="A85" s="5">
        <v>65</v>
      </c>
      <c r="B85" s="22">
        <v>3</v>
      </c>
      <c r="C85" s="14">
        <v>2</v>
      </c>
      <c r="D85" s="18">
        <v>5</v>
      </c>
    </row>
    <row r="86" spans="1:4" ht="18" customHeight="1" x14ac:dyDescent="0.15">
      <c r="A86" s="5">
        <v>66</v>
      </c>
      <c r="B86" s="22">
        <v>0</v>
      </c>
      <c r="C86" s="14">
        <v>0</v>
      </c>
      <c r="D86" s="18">
        <v>0</v>
      </c>
    </row>
    <row r="87" spans="1:4" ht="18" customHeight="1" x14ac:dyDescent="0.15">
      <c r="A87" s="5">
        <v>67</v>
      </c>
      <c r="B87" s="22">
        <v>2</v>
      </c>
      <c r="C87" s="14">
        <v>2</v>
      </c>
      <c r="D87" s="18">
        <v>4</v>
      </c>
    </row>
    <row r="88" spans="1:4" ht="18" customHeight="1" x14ac:dyDescent="0.15">
      <c r="A88" s="5">
        <v>68</v>
      </c>
      <c r="B88" s="22">
        <v>2</v>
      </c>
      <c r="C88" s="14">
        <v>0</v>
      </c>
      <c r="D88" s="18">
        <v>2</v>
      </c>
    </row>
    <row r="89" spans="1:4" ht="18" customHeight="1" x14ac:dyDescent="0.15">
      <c r="A89" s="5">
        <v>69</v>
      </c>
      <c r="B89" s="22">
        <v>0</v>
      </c>
      <c r="C89" s="14">
        <v>1</v>
      </c>
      <c r="D89" s="18">
        <v>1</v>
      </c>
    </row>
    <row r="90" spans="1:4" ht="18" customHeight="1" x14ac:dyDescent="0.15">
      <c r="A90" s="5" t="s">
        <v>20</v>
      </c>
      <c r="B90" s="22">
        <v>7</v>
      </c>
      <c r="C90" s="14">
        <v>5</v>
      </c>
      <c r="D90" s="18">
        <v>12</v>
      </c>
    </row>
    <row r="91" spans="1:4" ht="18" customHeight="1" x14ac:dyDescent="0.15">
      <c r="A91" s="5">
        <v>70</v>
      </c>
      <c r="B91" s="22">
        <v>1</v>
      </c>
      <c r="C91" s="14">
        <v>3</v>
      </c>
      <c r="D91" s="18">
        <v>4</v>
      </c>
    </row>
    <row r="92" spans="1:4" ht="18" customHeight="1" x14ac:dyDescent="0.15">
      <c r="A92" s="5">
        <v>71</v>
      </c>
      <c r="B92" s="22">
        <v>2</v>
      </c>
      <c r="C92" s="14">
        <v>4</v>
      </c>
      <c r="D92" s="18">
        <v>6</v>
      </c>
    </row>
    <row r="93" spans="1:4" ht="18" customHeight="1" x14ac:dyDescent="0.15">
      <c r="A93" s="5">
        <v>72</v>
      </c>
      <c r="B93" s="22">
        <v>4</v>
      </c>
      <c r="C93" s="14">
        <v>2</v>
      </c>
      <c r="D93" s="18">
        <v>6</v>
      </c>
    </row>
    <row r="94" spans="1:4" ht="18" customHeight="1" x14ac:dyDescent="0.15">
      <c r="A94" s="5">
        <v>73</v>
      </c>
      <c r="B94" s="22">
        <v>1</v>
      </c>
      <c r="C94" s="14">
        <v>4</v>
      </c>
      <c r="D94" s="18">
        <v>5</v>
      </c>
    </row>
    <row r="95" spans="1:4" ht="18" customHeight="1" x14ac:dyDescent="0.15">
      <c r="A95" s="5">
        <v>74</v>
      </c>
      <c r="B95" s="22">
        <v>4</v>
      </c>
      <c r="C95" s="14">
        <v>2</v>
      </c>
      <c r="D95" s="18">
        <v>6</v>
      </c>
    </row>
    <row r="96" spans="1:4" ht="18" customHeight="1" x14ac:dyDescent="0.15">
      <c r="A96" s="5" t="s">
        <v>33</v>
      </c>
      <c r="B96" s="22">
        <v>12</v>
      </c>
      <c r="C96" s="14">
        <v>15</v>
      </c>
      <c r="D96" s="18">
        <v>27</v>
      </c>
    </row>
    <row r="97" spans="1:4" ht="18" customHeight="1" x14ac:dyDescent="0.15">
      <c r="A97" s="5">
        <v>75</v>
      </c>
      <c r="B97" s="22">
        <v>3</v>
      </c>
      <c r="C97" s="14">
        <v>3</v>
      </c>
      <c r="D97" s="18">
        <v>6</v>
      </c>
    </row>
    <row r="98" spans="1:4" ht="18" customHeight="1" x14ac:dyDescent="0.15">
      <c r="A98" s="5">
        <v>76</v>
      </c>
      <c r="B98" s="22">
        <v>2</v>
      </c>
      <c r="C98" s="14">
        <v>3</v>
      </c>
      <c r="D98" s="18">
        <v>5</v>
      </c>
    </row>
    <row r="99" spans="1:4" ht="18" customHeight="1" x14ac:dyDescent="0.15">
      <c r="A99" s="5">
        <v>77</v>
      </c>
      <c r="B99" s="22">
        <v>3</v>
      </c>
      <c r="C99" s="14">
        <v>4</v>
      </c>
      <c r="D99" s="18">
        <v>7</v>
      </c>
    </row>
    <row r="100" spans="1:4" ht="18" customHeight="1" x14ac:dyDescent="0.15">
      <c r="A100" s="5">
        <v>78</v>
      </c>
      <c r="B100" s="22">
        <v>5</v>
      </c>
      <c r="C100" s="14">
        <v>5</v>
      </c>
      <c r="D100" s="18">
        <v>10</v>
      </c>
    </row>
    <row r="101" spans="1:4" ht="18" customHeight="1" x14ac:dyDescent="0.15">
      <c r="A101" s="5">
        <v>79</v>
      </c>
      <c r="B101" s="22">
        <v>4</v>
      </c>
      <c r="C101" s="14">
        <v>4</v>
      </c>
      <c r="D101" s="18">
        <v>8</v>
      </c>
    </row>
    <row r="102" spans="1:4" ht="18" customHeight="1" x14ac:dyDescent="0.15">
      <c r="A102" s="5" t="s">
        <v>0</v>
      </c>
      <c r="B102" s="22">
        <v>17</v>
      </c>
      <c r="C102" s="14">
        <v>19</v>
      </c>
      <c r="D102" s="18">
        <v>36</v>
      </c>
    </row>
    <row r="103" spans="1:4" ht="18" customHeight="1" x14ac:dyDescent="0.15">
      <c r="A103" s="5">
        <v>80</v>
      </c>
      <c r="B103" s="22">
        <v>2</v>
      </c>
      <c r="C103" s="14">
        <v>1</v>
      </c>
      <c r="D103" s="18">
        <v>3</v>
      </c>
    </row>
    <row r="104" spans="1:4" ht="18" customHeight="1" x14ac:dyDescent="0.15">
      <c r="A104" s="5">
        <v>81</v>
      </c>
      <c r="B104" s="22">
        <v>2</v>
      </c>
      <c r="C104" s="14">
        <v>3</v>
      </c>
      <c r="D104" s="18">
        <v>5</v>
      </c>
    </row>
    <row r="105" spans="1:4" ht="18" customHeight="1" x14ac:dyDescent="0.15">
      <c r="A105" s="5">
        <v>82</v>
      </c>
      <c r="B105" s="22">
        <v>0</v>
      </c>
      <c r="C105" s="14">
        <v>2</v>
      </c>
      <c r="D105" s="18">
        <v>2</v>
      </c>
    </row>
    <row r="106" spans="1:4" ht="18" customHeight="1" x14ac:dyDescent="0.15">
      <c r="A106" s="5">
        <v>83</v>
      </c>
      <c r="B106" s="22">
        <v>0</v>
      </c>
      <c r="C106" s="14">
        <v>3</v>
      </c>
      <c r="D106" s="18">
        <v>3</v>
      </c>
    </row>
    <row r="107" spans="1:4" ht="18" customHeight="1" x14ac:dyDescent="0.15">
      <c r="A107" s="5">
        <v>84</v>
      </c>
      <c r="B107" s="22">
        <v>1</v>
      </c>
      <c r="C107" s="14">
        <v>1</v>
      </c>
      <c r="D107" s="18">
        <v>2</v>
      </c>
    </row>
    <row r="108" spans="1:4" ht="18" customHeight="1" x14ac:dyDescent="0.15">
      <c r="A108" s="5" t="s">
        <v>35</v>
      </c>
      <c r="B108" s="22">
        <v>5</v>
      </c>
      <c r="C108" s="14">
        <v>10</v>
      </c>
      <c r="D108" s="18">
        <v>15</v>
      </c>
    </row>
    <row r="109" spans="1:4" ht="18" customHeight="1" x14ac:dyDescent="0.15">
      <c r="A109" s="5">
        <v>85</v>
      </c>
      <c r="B109" s="22">
        <v>2</v>
      </c>
      <c r="C109" s="14">
        <v>1</v>
      </c>
      <c r="D109" s="18">
        <v>3</v>
      </c>
    </row>
    <row r="110" spans="1:4" ht="18" customHeight="1" x14ac:dyDescent="0.15">
      <c r="A110" s="5">
        <v>86</v>
      </c>
      <c r="B110" s="22">
        <v>2</v>
      </c>
      <c r="C110" s="14">
        <v>2</v>
      </c>
      <c r="D110" s="18">
        <v>4</v>
      </c>
    </row>
    <row r="111" spans="1:4" ht="18" customHeight="1" x14ac:dyDescent="0.15">
      <c r="A111" s="5">
        <v>87</v>
      </c>
      <c r="B111" s="22">
        <v>0</v>
      </c>
      <c r="C111" s="14">
        <v>0</v>
      </c>
      <c r="D111" s="18">
        <v>0</v>
      </c>
    </row>
    <row r="112" spans="1:4" ht="18" customHeight="1" x14ac:dyDescent="0.15">
      <c r="A112" s="5">
        <v>88</v>
      </c>
      <c r="B112" s="22">
        <v>0</v>
      </c>
      <c r="C112" s="14">
        <v>5</v>
      </c>
      <c r="D112" s="18">
        <v>5</v>
      </c>
    </row>
    <row r="113" spans="1:4" ht="18" customHeight="1" x14ac:dyDescent="0.15">
      <c r="A113" s="5">
        <v>89</v>
      </c>
      <c r="B113" s="22">
        <v>1</v>
      </c>
      <c r="C113" s="14">
        <v>6</v>
      </c>
      <c r="D113" s="18">
        <v>7</v>
      </c>
    </row>
    <row r="114" spans="1:4" ht="18" customHeight="1" x14ac:dyDescent="0.15">
      <c r="A114" s="5" t="s">
        <v>37</v>
      </c>
      <c r="B114" s="22">
        <v>5</v>
      </c>
      <c r="C114" s="14">
        <v>14</v>
      </c>
      <c r="D114" s="18">
        <v>19</v>
      </c>
    </row>
    <row r="115" spans="1:4" ht="18" customHeight="1" x14ac:dyDescent="0.15">
      <c r="A115" s="5">
        <v>90</v>
      </c>
      <c r="B115" s="22">
        <v>1</v>
      </c>
      <c r="C115" s="14">
        <v>3</v>
      </c>
      <c r="D115" s="18">
        <v>4</v>
      </c>
    </row>
    <row r="116" spans="1:4" ht="18" customHeight="1" x14ac:dyDescent="0.15">
      <c r="A116" s="5">
        <v>91</v>
      </c>
      <c r="B116" s="22">
        <v>1</v>
      </c>
      <c r="C116" s="14">
        <v>3</v>
      </c>
      <c r="D116" s="18">
        <v>4</v>
      </c>
    </row>
    <row r="117" spans="1:4" ht="18" customHeight="1" x14ac:dyDescent="0.15">
      <c r="A117" s="5">
        <v>92</v>
      </c>
      <c r="B117" s="22">
        <v>1</v>
      </c>
      <c r="C117" s="14">
        <v>1</v>
      </c>
      <c r="D117" s="18">
        <v>2</v>
      </c>
    </row>
    <row r="118" spans="1:4" ht="18" customHeight="1" x14ac:dyDescent="0.15">
      <c r="A118" s="5">
        <v>93</v>
      </c>
      <c r="B118" s="22">
        <v>0</v>
      </c>
      <c r="C118" s="14">
        <v>1</v>
      </c>
      <c r="D118" s="18">
        <v>1</v>
      </c>
    </row>
    <row r="119" spans="1:4" ht="18" customHeight="1" x14ac:dyDescent="0.15">
      <c r="A119" s="5">
        <v>94</v>
      </c>
      <c r="B119" s="22">
        <v>0</v>
      </c>
      <c r="C119" s="14">
        <v>2</v>
      </c>
      <c r="D119" s="18">
        <v>2</v>
      </c>
    </row>
    <row r="120" spans="1:4" ht="18" customHeight="1" x14ac:dyDescent="0.15">
      <c r="A120" s="5" t="s">
        <v>39</v>
      </c>
      <c r="B120" s="22">
        <v>3</v>
      </c>
      <c r="C120" s="14">
        <v>10</v>
      </c>
      <c r="D120" s="18">
        <v>13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5</v>
      </c>
      <c r="D126" s="18">
        <v>5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49</v>
      </c>
      <c r="C130" s="14">
        <v>78</v>
      </c>
      <c r="D130" s="18">
        <v>127</v>
      </c>
    </row>
    <row r="131" spans="1:4" ht="18" customHeight="1" x14ac:dyDescent="0.15">
      <c r="A131" s="7" t="s">
        <v>45</v>
      </c>
      <c r="B131" s="23">
        <v>118</v>
      </c>
      <c r="C131" s="15">
        <v>122</v>
      </c>
      <c r="D131" s="19">
        <v>24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400-000000000000}">
  <sheetPr codeName="Sheet6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1</v>
      </c>
      <c r="D5" s="31">
        <v>1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2</v>
      </c>
      <c r="C7" s="14">
        <v>0</v>
      </c>
      <c r="D7" s="18">
        <v>2</v>
      </c>
    </row>
    <row r="8" spans="1:4" ht="18" customHeight="1" x14ac:dyDescent="0.15">
      <c r="A8" s="5">
        <v>3</v>
      </c>
      <c r="B8" s="27">
        <v>0</v>
      </c>
      <c r="C8" s="14">
        <v>1</v>
      </c>
      <c r="D8" s="18">
        <v>1</v>
      </c>
    </row>
    <row r="9" spans="1:4" ht="18" customHeight="1" x14ac:dyDescent="0.15">
      <c r="A9" s="5">
        <v>4</v>
      </c>
      <c r="B9" s="28">
        <v>2</v>
      </c>
      <c r="C9" s="30">
        <v>0</v>
      </c>
      <c r="D9" s="32">
        <v>2</v>
      </c>
    </row>
    <row r="10" spans="1:4" ht="18" customHeight="1" x14ac:dyDescent="0.15">
      <c r="A10" s="5" t="s">
        <v>7</v>
      </c>
      <c r="B10" s="22">
        <v>4</v>
      </c>
      <c r="C10" s="14">
        <v>2</v>
      </c>
      <c r="D10" s="18">
        <v>6</v>
      </c>
    </row>
    <row r="11" spans="1:4" ht="18" customHeight="1" x14ac:dyDescent="0.15">
      <c r="A11" s="5">
        <v>5</v>
      </c>
      <c r="B11" s="27">
        <v>1</v>
      </c>
      <c r="C11" s="14">
        <v>1</v>
      </c>
      <c r="D11" s="18">
        <v>2</v>
      </c>
    </row>
    <row r="12" spans="1:4" ht="18" customHeight="1" x14ac:dyDescent="0.15">
      <c r="A12" s="5">
        <v>6</v>
      </c>
      <c r="B12" s="27">
        <v>1</v>
      </c>
      <c r="C12" s="14">
        <v>1</v>
      </c>
      <c r="D12" s="18">
        <v>2</v>
      </c>
    </row>
    <row r="13" spans="1:4" ht="18" customHeight="1" x14ac:dyDescent="0.15">
      <c r="A13" s="5">
        <v>7</v>
      </c>
      <c r="B13" s="27">
        <v>2</v>
      </c>
      <c r="C13" s="14">
        <v>1</v>
      </c>
      <c r="D13" s="18">
        <v>3</v>
      </c>
    </row>
    <row r="14" spans="1:4" ht="18" customHeight="1" x14ac:dyDescent="0.15">
      <c r="A14" s="5">
        <v>8</v>
      </c>
      <c r="B14" s="27">
        <v>0</v>
      </c>
      <c r="C14" s="14">
        <v>1</v>
      </c>
      <c r="D14" s="18">
        <v>1</v>
      </c>
    </row>
    <row r="15" spans="1:4" ht="18" customHeight="1" x14ac:dyDescent="0.15">
      <c r="A15" s="5">
        <v>9</v>
      </c>
      <c r="B15" s="27">
        <v>0</v>
      </c>
      <c r="C15" s="14">
        <v>0</v>
      </c>
      <c r="D15" s="18">
        <v>0</v>
      </c>
    </row>
    <row r="16" spans="1:4" ht="18" customHeight="1" x14ac:dyDescent="0.15">
      <c r="A16" s="5" t="s">
        <v>11</v>
      </c>
      <c r="B16" s="22">
        <v>4</v>
      </c>
      <c r="C16" s="14">
        <v>4</v>
      </c>
      <c r="D16" s="18">
        <v>8</v>
      </c>
    </row>
    <row r="17" spans="1:4" ht="18" customHeight="1" x14ac:dyDescent="0.15">
      <c r="A17" s="5">
        <v>10</v>
      </c>
      <c r="B17" s="22">
        <v>2</v>
      </c>
      <c r="C17" s="14">
        <v>1</v>
      </c>
      <c r="D17" s="18">
        <v>3</v>
      </c>
    </row>
    <row r="18" spans="1:4" ht="18" customHeight="1" x14ac:dyDescent="0.15">
      <c r="A18" s="5">
        <v>11</v>
      </c>
      <c r="B18" s="22">
        <v>0</v>
      </c>
      <c r="C18" s="14">
        <v>0</v>
      </c>
      <c r="D18" s="18">
        <v>0</v>
      </c>
    </row>
    <row r="19" spans="1:4" ht="18" customHeight="1" x14ac:dyDescent="0.15">
      <c r="A19" s="5">
        <v>12</v>
      </c>
      <c r="B19" s="22">
        <v>0</v>
      </c>
      <c r="C19" s="14">
        <v>1</v>
      </c>
      <c r="D19" s="18">
        <v>1</v>
      </c>
    </row>
    <row r="20" spans="1:4" ht="18" customHeight="1" x14ac:dyDescent="0.15">
      <c r="A20" s="5">
        <v>13</v>
      </c>
      <c r="B20" s="22">
        <v>1</v>
      </c>
      <c r="C20" s="14">
        <v>0</v>
      </c>
      <c r="D20" s="18">
        <v>1</v>
      </c>
    </row>
    <row r="21" spans="1:4" ht="18" customHeight="1" x14ac:dyDescent="0.15">
      <c r="A21" s="5">
        <v>14</v>
      </c>
      <c r="B21" s="22">
        <v>0</v>
      </c>
      <c r="C21" s="14">
        <v>1</v>
      </c>
      <c r="D21" s="18">
        <v>1</v>
      </c>
    </row>
    <row r="22" spans="1:4" ht="18" customHeight="1" x14ac:dyDescent="0.15">
      <c r="A22" s="5" t="s">
        <v>12</v>
      </c>
      <c r="B22" s="22">
        <v>3</v>
      </c>
      <c r="C22" s="14">
        <v>3</v>
      </c>
      <c r="D22" s="18">
        <v>6</v>
      </c>
    </row>
    <row r="23" spans="1:4" ht="18" customHeight="1" x14ac:dyDescent="0.15">
      <c r="A23" s="5" t="s">
        <v>6</v>
      </c>
      <c r="B23" s="22">
        <v>11</v>
      </c>
      <c r="C23" s="14">
        <v>9</v>
      </c>
      <c r="D23" s="18">
        <v>20</v>
      </c>
    </row>
    <row r="24" spans="1:4" ht="18" customHeight="1" x14ac:dyDescent="0.15">
      <c r="A24" s="5">
        <v>15</v>
      </c>
      <c r="B24" s="22">
        <v>1</v>
      </c>
      <c r="C24" s="14">
        <v>0</v>
      </c>
      <c r="D24" s="18">
        <v>1</v>
      </c>
    </row>
    <row r="25" spans="1:4" ht="18" customHeight="1" x14ac:dyDescent="0.15">
      <c r="A25" s="5">
        <v>16</v>
      </c>
      <c r="B25" s="22">
        <v>3</v>
      </c>
      <c r="C25" s="14">
        <v>0</v>
      </c>
      <c r="D25" s="18">
        <v>3</v>
      </c>
    </row>
    <row r="26" spans="1:4" ht="18" customHeight="1" x14ac:dyDescent="0.15">
      <c r="A26" s="5">
        <v>17</v>
      </c>
      <c r="B26" s="22">
        <v>0</v>
      </c>
      <c r="C26" s="14">
        <v>1</v>
      </c>
      <c r="D26" s="18">
        <v>1</v>
      </c>
    </row>
    <row r="27" spans="1:4" ht="18" customHeight="1" x14ac:dyDescent="0.15">
      <c r="A27" s="5">
        <v>18</v>
      </c>
      <c r="B27" s="22">
        <v>1</v>
      </c>
      <c r="C27" s="14">
        <v>4</v>
      </c>
      <c r="D27" s="18">
        <v>5</v>
      </c>
    </row>
    <row r="28" spans="1:4" ht="18" customHeight="1" x14ac:dyDescent="0.15">
      <c r="A28" s="5">
        <v>19</v>
      </c>
      <c r="B28" s="22">
        <v>0</v>
      </c>
      <c r="C28" s="14">
        <v>0</v>
      </c>
      <c r="D28" s="18">
        <v>0</v>
      </c>
    </row>
    <row r="29" spans="1:4" ht="18" customHeight="1" x14ac:dyDescent="0.15">
      <c r="A29" s="5" t="s">
        <v>14</v>
      </c>
      <c r="B29" s="22">
        <v>5</v>
      </c>
      <c r="C29" s="14">
        <v>5</v>
      </c>
      <c r="D29" s="18">
        <v>10</v>
      </c>
    </row>
    <row r="30" spans="1:4" ht="18" customHeight="1" x14ac:dyDescent="0.15">
      <c r="A30" s="5">
        <v>20</v>
      </c>
      <c r="B30" s="22">
        <v>1</v>
      </c>
      <c r="C30" s="14">
        <v>0</v>
      </c>
      <c r="D30" s="18">
        <v>1</v>
      </c>
    </row>
    <row r="31" spans="1:4" ht="18" customHeight="1" x14ac:dyDescent="0.15">
      <c r="A31" s="5">
        <v>21</v>
      </c>
      <c r="B31" s="22">
        <v>1</v>
      </c>
      <c r="C31" s="14">
        <v>1</v>
      </c>
      <c r="D31" s="18">
        <v>2</v>
      </c>
    </row>
    <row r="32" spans="1:4" ht="18" customHeight="1" x14ac:dyDescent="0.15">
      <c r="A32" s="5">
        <v>22</v>
      </c>
      <c r="B32" s="22">
        <v>0</v>
      </c>
      <c r="C32" s="14">
        <v>0</v>
      </c>
      <c r="D32" s="18">
        <v>0</v>
      </c>
    </row>
    <row r="33" spans="1:4" ht="18" customHeight="1" x14ac:dyDescent="0.15">
      <c r="A33" s="5">
        <v>23</v>
      </c>
      <c r="B33" s="22">
        <v>0</v>
      </c>
      <c r="C33" s="14">
        <v>1</v>
      </c>
      <c r="D33" s="18">
        <v>1</v>
      </c>
    </row>
    <row r="34" spans="1:4" ht="18" customHeight="1" x14ac:dyDescent="0.15">
      <c r="A34" s="5">
        <v>24</v>
      </c>
      <c r="B34" s="22">
        <v>0</v>
      </c>
      <c r="C34" s="14">
        <v>0</v>
      </c>
      <c r="D34" s="18">
        <v>0</v>
      </c>
    </row>
    <row r="35" spans="1:4" ht="18" customHeight="1" x14ac:dyDescent="0.15">
      <c r="A35" s="5" t="s">
        <v>9</v>
      </c>
      <c r="B35" s="22">
        <v>2</v>
      </c>
      <c r="C35" s="14">
        <v>2</v>
      </c>
      <c r="D35" s="18">
        <v>4</v>
      </c>
    </row>
    <row r="36" spans="1:4" ht="18" customHeight="1" x14ac:dyDescent="0.15">
      <c r="A36" s="5">
        <v>25</v>
      </c>
      <c r="B36" s="22">
        <v>0</v>
      </c>
      <c r="C36" s="14">
        <v>1</v>
      </c>
      <c r="D36" s="18">
        <v>1</v>
      </c>
    </row>
    <row r="37" spans="1:4" ht="18" customHeight="1" x14ac:dyDescent="0.15">
      <c r="A37" s="5">
        <v>26</v>
      </c>
      <c r="B37" s="22">
        <v>1</v>
      </c>
      <c r="C37" s="14">
        <v>0</v>
      </c>
      <c r="D37" s="18">
        <v>1</v>
      </c>
    </row>
    <row r="38" spans="1:4" ht="18" customHeight="1" x14ac:dyDescent="0.15">
      <c r="A38" s="5">
        <v>27</v>
      </c>
      <c r="B38" s="22">
        <v>0</v>
      </c>
      <c r="C38" s="14">
        <v>0</v>
      </c>
      <c r="D38" s="18">
        <v>0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2</v>
      </c>
      <c r="C40" s="14">
        <v>0</v>
      </c>
      <c r="D40" s="18">
        <v>2</v>
      </c>
    </row>
    <row r="41" spans="1:4" ht="18" customHeight="1" x14ac:dyDescent="0.15">
      <c r="A41" s="5" t="s">
        <v>2</v>
      </c>
      <c r="B41" s="22">
        <v>3</v>
      </c>
      <c r="C41" s="14">
        <v>1</v>
      </c>
      <c r="D41" s="18">
        <v>4</v>
      </c>
    </row>
    <row r="42" spans="1:4" ht="18" customHeight="1" x14ac:dyDescent="0.15">
      <c r="A42" s="5">
        <v>30</v>
      </c>
      <c r="B42" s="22">
        <v>4</v>
      </c>
      <c r="C42" s="14">
        <v>0</v>
      </c>
      <c r="D42" s="18">
        <v>4</v>
      </c>
    </row>
    <row r="43" spans="1:4" ht="18" customHeight="1" x14ac:dyDescent="0.15">
      <c r="A43" s="5">
        <v>31</v>
      </c>
      <c r="B43" s="22">
        <v>1</v>
      </c>
      <c r="C43" s="14">
        <v>0</v>
      </c>
      <c r="D43" s="18">
        <v>1</v>
      </c>
    </row>
    <row r="44" spans="1:4" ht="18" customHeight="1" x14ac:dyDescent="0.15">
      <c r="A44" s="5">
        <v>32</v>
      </c>
      <c r="B44" s="22">
        <v>2</v>
      </c>
      <c r="C44" s="14">
        <v>0</v>
      </c>
      <c r="D44" s="18">
        <v>2</v>
      </c>
    </row>
    <row r="45" spans="1:4" ht="18" customHeight="1" x14ac:dyDescent="0.15">
      <c r="A45" s="5">
        <v>33</v>
      </c>
      <c r="B45" s="22">
        <v>0</v>
      </c>
      <c r="C45" s="14">
        <v>0</v>
      </c>
      <c r="D45" s="18">
        <v>0</v>
      </c>
    </row>
    <row r="46" spans="1:4" ht="18" customHeight="1" x14ac:dyDescent="0.15">
      <c r="A46" s="5">
        <v>34</v>
      </c>
      <c r="B46" s="22">
        <v>1</v>
      </c>
      <c r="C46" s="14">
        <v>1</v>
      </c>
      <c r="D46" s="18">
        <v>2</v>
      </c>
    </row>
    <row r="47" spans="1:4" ht="18" customHeight="1" x14ac:dyDescent="0.15">
      <c r="A47" s="5" t="s">
        <v>15</v>
      </c>
      <c r="B47" s="22">
        <v>8</v>
      </c>
      <c r="C47" s="14">
        <v>1</v>
      </c>
      <c r="D47" s="18">
        <v>9</v>
      </c>
    </row>
    <row r="48" spans="1:4" ht="18" customHeight="1" x14ac:dyDescent="0.15">
      <c r="A48" s="5">
        <v>35</v>
      </c>
      <c r="B48" s="22">
        <v>0</v>
      </c>
      <c r="C48" s="14">
        <v>0</v>
      </c>
      <c r="D48" s="18">
        <v>0</v>
      </c>
    </row>
    <row r="49" spans="1:4" ht="18" customHeight="1" x14ac:dyDescent="0.15">
      <c r="A49" s="5">
        <v>36</v>
      </c>
      <c r="B49" s="22">
        <v>0</v>
      </c>
      <c r="C49" s="14">
        <v>2</v>
      </c>
      <c r="D49" s="18">
        <v>2</v>
      </c>
    </row>
    <row r="50" spans="1:4" ht="18" customHeight="1" x14ac:dyDescent="0.15">
      <c r="A50" s="5">
        <v>37</v>
      </c>
      <c r="B50" s="22">
        <v>4</v>
      </c>
      <c r="C50" s="14">
        <v>1</v>
      </c>
      <c r="D50" s="18">
        <v>5</v>
      </c>
    </row>
    <row r="51" spans="1:4" ht="18" customHeight="1" x14ac:dyDescent="0.15">
      <c r="A51" s="5">
        <v>38</v>
      </c>
      <c r="B51" s="22">
        <v>1</v>
      </c>
      <c r="C51" s="14">
        <v>2</v>
      </c>
      <c r="D51" s="18">
        <v>3</v>
      </c>
    </row>
    <row r="52" spans="1:4" ht="18" customHeight="1" x14ac:dyDescent="0.15">
      <c r="A52" s="5">
        <v>39</v>
      </c>
      <c r="B52" s="22">
        <v>3</v>
      </c>
      <c r="C52" s="14">
        <v>2</v>
      </c>
      <c r="D52" s="18">
        <v>5</v>
      </c>
    </row>
    <row r="53" spans="1:4" ht="18" customHeight="1" x14ac:dyDescent="0.15">
      <c r="A53" s="5" t="s">
        <v>18</v>
      </c>
      <c r="B53" s="22">
        <v>8</v>
      </c>
      <c r="C53" s="14">
        <v>7</v>
      </c>
      <c r="D53" s="18">
        <v>15</v>
      </c>
    </row>
    <row r="54" spans="1:4" ht="18" customHeight="1" x14ac:dyDescent="0.15">
      <c r="A54" s="5">
        <v>40</v>
      </c>
      <c r="B54" s="22">
        <v>1</v>
      </c>
      <c r="C54" s="14">
        <v>2</v>
      </c>
      <c r="D54" s="18">
        <v>3</v>
      </c>
    </row>
    <row r="55" spans="1:4" ht="18" customHeight="1" x14ac:dyDescent="0.15">
      <c r="A55" s="5">
        <v>41</v>
      </c>
      <c r="B55" s="22">
        <v>2</v>
      </c>
      <c r="C55" s="14">
        <v>0</v>
      </c>
      <c r="D55" s="18">
        <v>2</v>
      </c>
    </row>
    <row r="56" spans="1:4" ht="18" customHeight="1" x14ac:dyDescent="0.15">
      <c r="A56" s="5">
        <v>42</v>
      </c>
      <c r="B56" s="22">
        <v>0</v>
      </c>
      <c r="C56" s="14">
        <v>3</v>
      </c>
      <c r="D56" s="18">
        <v>3</v>
      </c>
    </row>
    <row r="57" spans="1:4" ht="18" customHeight="1" x14ac:dyDescent="0.15">
      <c r="A57" s="5">
        <v>43</v>
      </c>
      <c r="B57" s="22">
        <v>0</v>
      </c>
      <c r="C57" s="14">
        <v>2</v>
      </c>
      <c r="D57" s="18">
        <v>2</v>
      </c>
    </row>
    <row r="58" spans="1:4" ht="18" customHeight="1" x14ac:dyDescent="0.15">
      <c r="A58" s="5">
        <v>44</v>
      </c>
      <c r="B58" s="22">
        <v>2</v>
      </c>
      <c r="C58" s="14">
        <v>0</v>
      </c>
      <c r="D58" s="18">
        <v>2</v>
      </c>
    </row>
    <row r="59" spans="1:4" ht="18" customHeight="1" x14ac:dyDescent="0.15">
      <c r="A59" s="5" t="s">
        <v>21</v>
      </c>
      <c r="B59" s="22">
        <v>5</v>
      </c>
      <c r="C59" s="14">
        <v>7</v>
      </c>
      <c r="D59" s="18">
        <v>12</v>
      </c>
    </row>
    <row r="60" spans="1:4" ht="18" customHeight="1" x14ac:dyDescent="0.15">
      <c r="A60" s="5">
        <v>45</v>
      </c>
      <c r="B60" s="22">
        <v>1</v>
      </c>
      <c r="C60" s="14">
        <v>0</v>
      </c>
      <c r="D60" s="18">
        <v>1</v>
      </c>
    </row>
    <row r="61" spans="1:4" ht="18" customHeight="1" x14ac:dyDescent="0.15">
      <c r="A61" s="5">
        <v>46</v>
      </c>
      <c r="B61" s="22">
        <v>3</v>
      </c>
      <c r="C61" s="14">
        <v>1</v>
      </c>
      <c r="D61" s="18">
        <v>4</v>
      </c>
    </row>
    <row r="62" spans="1:4" ht="18" customHeight="1" x14ac:dyDescent="0.15">
      <c r="A62" s="5">
        <v>47</v>
      </c>
      <c r="B62" s="22">
        <v>2</v>
      </c>
      <c r="C62" s="14">
        <v>1</v>
      </c>
      <c r="D62" s="18">
        <v>3</v>
      </c>
    </row>
    <row r="63" spans="1:4" ht="18" customHeight="1" x14ac:dyDescent="0.15">
      <c r="A63" s="5">
        <v>48</v>
      </c>
      <c r="B63" s="22">
        <v>0</v>
      </c>
      <c r="C63" s="14">
        <v>1</v>
      </c>
      <c r="D63" s="18">
        <v>1</v>
      </c>
    </row>
    <row r="64" spans="1:4" ht="18" customHeight="1" x14ac:dyDescent="0.15">
      <c r="A64" s="5">
        <v>49</v>
      </c>
      <c r="B64" s="22">
        <v>2</v>
      </c>
      <c r="C64" s="14">
        <v>1</v>
      </c>
      <c r="D64" s="18">
        <v>3</v>
      </c>
    </row>
    <row r="65" spans="1:4" ht="18" customHeight="1" x14ac:dyDescent="0.15">
      <c r="A65" s="5" t="s">
        <v>17</v>
      </c>
      <c r="B65" s="22">
        <v>8</v>
      </c>
      <c r="C65" s="14">
        <v>4</v>
      </c>
      <c r="D65" s="18">
        <v>12</v>
      </c>
    </row>
    <row r="66" spans="1:4" ht="18" customHeight="1" x14ac:dyDescent="0.15">
      <c r="A66" s="5">
        <v>50</v>
      </c>
      <c r="B66" s="22">
        <v>0</v>
      </c>
      <c r="C66" s="14">
        <v>1</v>
      </c>
      <c r="D66" s="18">
        <v>1</v>
      </c>
    </row>
    <row r="67" spans="1:4" ht="18" customHeight="1" x14ac:dyDescent="0.15">
      <c r="A67" s="5">
        <v>51</v>
      </c>
      <c r="B67" s="22">
        <v>2</v>
      </c>
      <c r="C67" s="14">
        <v>0</v>
      </c>
      <c r="D67" s="18">
        <v>2</v>
      </c>
    </row>
    <row r="68" spans="1:4" ht="18" customHeight="1" x14ac:dyDescent="0.15">
      <c r="A68" s="5">
        <v>52</v>
      </c>
      <c r="B68" s="22">
        <v>1</v>
      </c>
      <c r="C68" s="14">
        <v>1</v>
      </c>
      <c r="D68" s="18">
        <v>2</v>
      </c>
    </row>
    <row r="69" spans="1:4" ht="18" customHeight="1" x14ac:dyDescent="0.15">
      <c r="A69" s="5">
        <v>53</v>
      </c>
      <c r="B69" s="22">
        <v>1</v>
      </c>
      <c r="C69" s="14">
        <v>2</v>
      </c>
      <c r="D69" s="18">
        <v>3</v>
      </c>
    </row>
    <row r="70" spans="1:4" ht="18" customHeight="1" x14ac:dyDescent="0.15">
      <c r="A70" s="5">
        <v>54</v>
      </c>
      <c r="B70" s="22">
        <v>1</v>
      </c>
      <c r="C70" s="14">
        <v>2</v>
      </c>
      <c r="D70" s="18">
        <v>3</v>
      </c>
    </row>
    <row r="71" spans="1:4" ht="18" customHeight="1" x14ac:dyDescent="0.15">
      <c r="A71" s="5" t="s">
        <v>22</v>
      </c>
      <c r="B71" s="22">
        <v>5</v>
      </c>
      <c r="C71" s="14">
        <v>6</v>
      </c>
      <c r="D71" s="18">
        <v>11</v>
      </c>
    </row>
    <row r="72" spans="1:4" ht="18" customHeight="1" x14ac:dyDescent="0.15">
      <c r="A72" s="5">
        <v>55</v>
      </c>
      <c r="B72" s="22">
        <v>1</v>
      </c>
      <c r="C72" s="14">
        <v>1</v>
      </c>
      <c r="D72" s="18">
        <v>2</v>
      </c>
    </row>
    <row r="73" spans="1:4" ht="18" customHeight="1" x14ac:dyDescent="0.15">
      <c r="A73" s="5">
        <v>56</v>
      </c>
      <c r="B73" s="22">
        <v>2</v>
      </c>
      <c r="C73" s="14">
        <v>0</v>
      </c>
      <c r="D73" s="18">
        <v>2</v>
      </c>
    </row>
    <row r="74" spans="1:4" ht="18" customHeight="1" x14ac:dyDescent="0.15">
      <c r="A74" s="5">
        <v>57</v>
      </c>
      <c r="B74" s="22">
        <v>0</v>
      </c>
      <c r="C74" s="14">
        <v>2</v>
      </c>
      <c r="D74" s="18">
        <v>2</v>
      </c>
    </row>
    <row r="75" spans="1:4" ht="18" customHeight="1" x14ac:dyDescent="0.15">
      <c r="A75" s="5">
        <v>58</v>
      </c>
      <c r="B75" s="22">
        <v>0</v>
      </c>
      <c r="C75" s="14">
        <v>2</v>
      </c>
      <c r="D75" s="18">
        <v>2</v>
      </c>
    </row>
    <row r="76" spans="1:4" ht="18" customHeight="1" x14ac:dyDescent="0.15">
      <c r="A76" s="5">
        <v>59</v>
      </c>
      <c r="B76" s="22">
        <v>0</v>
      </c>
      <c r="C76" s="14">
        <v>1</v>
      </c>
      <c r="D76" s="18">
        <v>1</v>
      </c>
    </row>
    <row r="77" spans="1:4" ht="18" customHeight="1" x14ac:dyDescent="0.15">
      <c r="A77" s="5" t="s">
        <v>27</v>
      </c>
      <c r="B77" s="22">
        <v>3</v>
      </c>
      <c r="C77" s="14">
        <v>6</v>
      </c>
      <c r="D77" s="18">
        <v>9</v>
      </c>
    </row>
    <row r="78" spans="1:4" ht="18" customHeight="1" x14ac:dyDescent="0.15">
      <c r="A78" s="5">
        <v>60</v>
      </c>
      <c r="B78" s="22">
        <v>0</v>
      </c>
      <c r="C78" s="14">
        <v>0</v>
      </c>
      <c r="D78" s="18">
        <v>0</v>
      </c>
    </row>
    <row r="79" spans="1:4" ht="18" customHeight="1" x14ac:dyDescent="0.15">
      <c r="A79" s="5">
        <v>61</v>
      </c>
      <c r="B79" s="22">
        <v>2</v>
      </c>
      <c r="C79" s="14">
        <v>2</v>
      </c>
      <c r="D79" s="18">
        <v>4</v>
      </c>
    </row>
    <row r="80" spans="1:4" ht="18" customHeight="1" x14ac:dyDescent="0.15">
      <c r="A80" s="5">
        <v>62</v>
      </c>
      <c r="B80" s="22">
        <v>1</v>
      </c>
      <c r="C80" s="14">
        <v>1</v>
      </c>
      <c r="D80" s="18">
        <v>2</v>
      </c>
    </row>
    <row r="81" spans="1:4" ht="18" customHeight="1" x14ac:dyDescent="0.15">
      <c r="A81" s="5">
        <v>63</v>
      </c>
      <c r="B81" s="22">
        <v>1</v>
      </c>
      <c r="C81" s="14">
        <v>2</v>
      </c>
      <c r="D81" s="18">
        <v>3</v>
      </c>
    </row>
    <row r="82" spans="1:4" ht="18" customHeight="1" x14ac:dyDescent="0.15">
      <c r="A82" s="5">
        <v>64</v>
      </c>
      <c r="B82" s="22">
        <v>6</v>
      </c>
      <c r="C82" s="14">
        <v>4</v>
      </c>
      <c r="D82" s="18">
        <v>10</v>
      </c>
    </row>
    <row r="83" spans="1:4" ht="18" customHeight="1" x14ac:dyDescent="0.15">
      <c r="A83" s="5" t="s">
        <v>28</v>
      </c>
      <c r="B83" s="22">
        <v>10</v>
      </c>
      <c r="C83" s="14">
        <v>9</v>
      </c>
      <c r="D83" s="18">
        <v>19</v>
      </c>
    </row>
    <row r="84" spans="1:4" ht="18" customHeight="1" x14ac:dyDescent="0.15">
      <c r="A84" s="5" t="s">
        <v>31</v>
      </c>
      <c r="B84" s="22">
        <v>57</v>
      </c>
      <c r="C84" s="14">
        <v>48</v>
      </c>
      <c r="D84" s="18">
        <v>105</v>
      </c>
    </row>
    <row r="85" spans="1:4" ht="18" customHeight="1" x14ac:dyDescent="0.15">
      <c r="A85" s="5">
        <v>65</v>
      </c>
      <c r="B85" s="22">
        <v>0</v>
      </c>
      <c r="C85" s="14">
        <v>2</v>
      </c>
      <c r="D85" s="18">
        <v>2</v>
      </c>
    </row>
    <row r="86" spans="1:4" ht="18" customHeight="1" x14ac:dyDescent="0.15">
      <c r="A86" s="5">
        <v>66</v>
      </c>
      <c r="B86" s="22">
        <v>6</v>
      </c>
      <c r="C86" s="14">
        <v>2</v>
      </c>
      <c r="D86" s="18">
        <v>8</v>
      </c>
    </row>
    <row r="87" spans="1:4" ht="18" customHeight="1" x14ac:dyDescent="0.15">
      <c r="A87" s="5">
        <v>67</v>
      </c>
      <c r="B87" s="22">
        <v>2</v>
      </c>
      <c r="C87" s="14">
        <v>3</v>
      </c>
      <c r="D87" s="18">
        <v>5</v>
      </c>
    </row>
    <row r="88" spans="1:4" ht="18" customHeight="1" x14ac:dyDescent="0.15">
      <c r="A88" s="5">
        <v>68</v>
      </c>
      <c r="B88" s="22">
        <v>1</v>
      </c>
      <c r="C88" s="14">
        <v>0</v>
      </c>
      <c r="D88" s="18">
        <v>1</v>
      </c>
    </row>
    <row r="89" spans="1:4" ht="18" customHeight="1" x14ac:dyDescent="0.15">
      <c r="A89" s="5">
        <v>69</v>
      </c>
      <c r="B89" s="22">
        <v>3</v>
      </c>
      <c r="C89" s="14">
        <v>1</v>
      </c>
      <c r="D89" s="18">
        <v>4</v>
      </c>
    </row>
    <row r="90" spans="1:4" ht="18" customHeight="1" x14ac:dyDescent="0.15">
      <c r="A90" s="5" t="s">
        <v>20</v>
      </c>
      <c r="B90" s="22">
        <v>12</v>
      </c>
      <c r="C90" s="14">
        <v>8</v>
      </c>
      <c r="D90" s="18">
        <v>20</v>
      </c>
    </row>
    <row r="91" spans="1:4" ht="18" customHeight="1" x14ac:dyDescent="0.15">
      <c r="A91" s="5">
        <v>70</v>
      </c>
      <c r="B91" s="22">
        <v>0</v>
      </c>
      <c r="C91" s="14">
        <v>4</v>
      </c>
      <c r="D91" s="18">
        <v>4</v>
      </c>
    </row>
    <row r="92" spans="1:4" ht="18" customHeight="1" x14ac:dyDescent="0.15">
      <c r="A92" s="5">
        <v>71</v>
      </c>
      <c r="B92" s="22">
        <v>1</v>
      </c>
      <c r="C92" s="14">
        <v>2</v>
      </c>
      <c r="D92" s="18">
        <v>3</v>
      </c>
    </row>
    <row r="93" spans="1:4" ht="18" customHeight="1" x14ac:dyDescent="0.15">
      <c r="A93" s="5">
        <v>72</v>
      </c>
      <c r="B93" s="22">
        <v>4</v>
      </c>
      <c r="C93" s="14">
        <v>1</v>
      </c>
      <c r="D93" s="18">
        <v>5</v>
      </c>
    </row>
    <row r="94" spans="1:4" ht="18" customHeight="1" x14ac:dyDescent="0.15">
      <c r="A94" s="5">
        <v>73</v>
      </c>
      <c r="B94" s="22">
        <v>2</v>
      </c>
      <c r="C94" s="14">
        <v>1</v>
      </c>
      <c r="D94" s="18">
        <v>3</v>
      </c>
    </row>
    <row r="95" spans="1:4" ht="18" customHeight="1" x14ac:dyDescent="0.15">
      <c r="A95" s="5">
        <v>74</v>
      </c>
      <c r="B95" s="22">
        <v>1</v>
      </c>
      <c r="C95" s="14">
        <v>1</v>
      </c>
      <c r="D95" s="18">
        <v>2</v>
      </c>
    </row>
    <row r="96" spans="1:4" ht="18" customHeight="1" x14ac:dyDescent="0.15">
      <c r="A96" s="5" t="s">
        <v>33</v>
      </c>
      <c r="B96" s="22">
        <v>8</v>
      </c>
      <c r="C96" s="14">
        <v>9</v>
      </c>
      <c r="D96" s="18">
        <v>17</v>
      </c>
    </row>
    <row r="97" spans="1:4" ht="18" customHeight="1" x14ac:dyDescent="0.15">
      <c r="A97" s="5">
        <v>75</v>
      </c>
      <c r="B97" s="22">
        <v>3</v>
      </c>
      <c r="C97" s="14">
        <v>1</v>
      </c>
      <c r="D97" s="18">
        <v>4</v>
      </c>
    </row>
    <row r="98" spans="1:4" ht="18" customHeight="1" x14ac:dyDescent="0.15">
      <c r="A98" s="5">
        <v>76</v>
      </c>
      <c r="B98" s="22">
        <v>5</v>
      </c>
      <c r="C98" s="14">
        <v>3</v>
      </c>
      <c r="D98" s="18">
        <v>8</v>
      </c>
    </row>
    <row r="99" spans="1:4" ht="18" customHeight="1" x14ac:dyDescent="0.15">
      <c r="A99" s="5">
        <v>77</v>
      </c>
      <c r="B99" s="22">
        <v>2</v>
      </c>
      <c r="C99" s="14">
        <v>1</v>
      </c>
      <c r="D99" s="18">
        <v>3</v>
      </c>
    </row>
    <row r="100" spans="1:4" ht="18" customHeight="1" x14ac:dyDescent="0.15">
      <c r="A100" s="5">
        <v>78</v>
      </c>
      <c r="B100" s="22">
        <v>4</v>
      </c>
      <c r="C100" s="14">
        <v>1</v>
      </c>
      <c r="D100" s="18">
        <v>5</v>
      </c>
    </row>
    <row r="101" spans="1:4" ht="18" customHeight="1" x14ac:dyDescent="0.15">
      <c r="A101" s="5">
        <v>79</v>
      </c>
      <c r="B101" s="22">
        <v>2</v>
      </c>
      <c r="C101" s="14">
        <v>1</v>
      </c>
      <c r="D101" s="18">
        <v>3</v>
      </c>
    </row>
    <row r="102" spans="1:4" ht="18" customHeight="1" x14ac:dyDescent="0.15">
      <c r="A102" s="5" t="s">
        <v>0</v>
      </c>
      <c r="B102" s="22">
        <v>16</v>
      </c>
      <c r="C102" s="14">
        <v>7</v>
      </c>
      <c r="D102" s="18">
        <v>23</v>
      </c>
    </row>
    <row r="103" spans="1:4" ht="18" customHeight="1" x14ac:dyDescent="0.15">
      <c r="A103" s="5">
        <v>80</v>
      </c>
      <c r="B103" s="22">
        <v>1</v>
      </c>
      <c r="C103" s="14">
        <v>0</v>
      </c>
      <c r="D103" s="18">
        <v>1</v>
      </c>
    </row>
    <row r="104" spans="1:4" ht="18" customHeight="1" x14ac:dyDescent="0.15">
      <c r="A104" s="5">
        <v>81</v>
      </c>
      <c r="B104" s="22">
        <v>1</v>
      </c>
      <c r="C104" s="14">
        <v>3</v>
      </c>
      <c r="D104" s="18">
        <v>4</v>
      </c>
    </row>
    <row r="105" spans="1:4" ht="18" customHeight="1" x14ac:dyDescent="0.15">
      <c r="A105" s="5">
        <v>82</v>
      </c>
      <c r="B105" s="22">
        <v>0</v>
      </c>
      <c r="C105" s="14">
        <v>2</v>
      </c>
      <c r="D105" s="18">
        <v>2</v>
      </c>
    </row>
    <row r="106" spans="1:4" ht="18" customHeight="1" x14ac:dyDescent="0.15">
      <c r="A106" s="5">
        <v>83</v>
      </c>
      <c r="B106" s="22">
        <v>2</v>
      </c>
      <c r="C106" s="14">
        <v>4</v>
      </c>
      <c r="D106" s="18">
        <v>6</v>
      </c>
    </row>
    <row r="107" spans="1:4" ht="18" customHeight="1" x14ac:dyDescent="0.15">
      <c r="A107" s="5">
        <v>84</v>
      </c>
      <c r="B107" s="22">
        <v>2</v>
      </c>
      <c r="C107" s="14">
        <v>0</v>
      </c>
      <c r="D107" s="18">
        <v>2</v>
      </c>
    </row>
    <row r="108" spans="1:4" ht="18" customHeight="1" x14ac:dyDescent="0.15">
      <c r="A108" s="5" t="s">
        <v>35</v>
      </c>
      <c r="B108" s="22">
        <v>6</v>
      </c>
      <c r="C108" s="14">
        <v>9</v>
      </c>
      <c r="D108" s="18">
        <v>15</v>
      </c>
    </row>
    <row r="109" spans="1:4" ht="18" customHeight="1" x14ac:dyDescent="0.15">
      <c r="A109" s="5">
        <v>85</v>
      </c>
      <c r="B109" s="22">
        <v>0</v>
      </c>
      <c r="C109" s="14">
        <v>1</v>
      </c>
      <c r="D109" s="18">
        <v>1</v>
      </c>
    </row>
    <row r="110" spans="1:4" ht="18" customHeight="1" x14ac:dyDescent="0.15">
      <c r="A110" s="5">
        <v>86</v>
      </c>
      <c r="B110" s="22">
        <v>0</v>
      </c>
      <c r="C110" s="14">
        <v>1</v>
      </c>
      <c r="D110" s="18">
        <v>1</v>
      </c>
    </row>
    <row r="111" spans="1:4" ht="18" customHeight="1" x14ac:dyDescent="0.15">
      <c r="A111" s="5">
        <v>87</v>
      </c>
      <c r="B111" s="22">
        <v>1</v>
      </c>
      <c r="C111" s="14">
        <v>1</v>
      </c>
      <c r="D111" s="18">
        <v>2</v>
      </c>
    </row>
    <row r="112" spans="1:4" ht="18" customHeight="1" x14ac:dyDescent="0.15">
      <c r="A112" s="5">
        <v>88</v>
      </c>
      <c r="B112" s="22">
        <v>0</v>
      </c>
      <c r="C112" s="14">
        <v>4</v>
      </c>
      <c r="D112" s="18">
        <v>4</v>
      </c>
    </row>
    <row r="113" spans="1:4" ht="18" customHeight="1" x14ac:dyDescent="0.15">
      <c r="A113" s="5">
        <v>89</v>
      </c>
      <c r="B113" s="22">
        <v>2</v>
      </c>
      <c r="C113" s="14">
        <v>1</v>
      </c>
      <c r="D113" s="18">
        <v>3</v>
      </c>
    </row>
    <row r="114" spans="1:4" ht="18" customHeight="1" x14ac:dyDescent="0.15">
      <c r="A114" s="5" t="s">
        <v>37</v>
      </c>
      <c r="B114" s="22">
        <v>3</v>
      </c>
      <c r="C114" s="14">
        <v>8</v>
      </c>
      <c r="D114" s="18">
        <v>11</v>
      </c>
    </row>
    <row r="115" spans="1:4" ht="18" customHeight="1" x14ac:dyDescent="0.15">
      <c r="A115" s="5">
        <v>90</v>
      </c>
      <c r="B115" s="22">
        <v>0</v>
      </c>
      <c r="C115" s="14">
        <v>1</v>
      </c>
      <c r="D115" s="18">
        <v>1</v>
      </c>
    </row>
    <row r="116" spans="1:4" ht="18" customHeight="1" x14ac:dyDescent="0.15">
      <c r="A116" s="5">
        <v>91</v>
      </c>
      <c r="B116" s="22">
        <v>0</v>
      </c>
      <c r="C116" s="14">
        <v>1</v>
      </c>
      <c r="D116" s="18">
        <v>1</v>
      </c>
    </row>
    <row r="117" spans="1:4" ht="18" customHeight="1" x14ac:dyDescent="0.15">
      <c r="A117" s="5">
        <v>92</v>
      </c>
      <c r="B117" s="22">
        <v>0</v>
      </c>
      <c r="C117" s="14">
        <v>0</v>
      </c>
      <c r="D117" s="18">
        <v>0</v>
      </c>
    </row>
    <row r="118" spans="1:4" ht="18" customHeight="1" x14ac:dyDescent="0.15">
      <c r="A118" s="5">
        <v>93</v>
      </c>
      <c r="B118" s="22">
        <v>0</v>
      </c>
      <c r="C118" s="14">
        <v>0</v>
      </c>
      <c r="D118" s="18">
        <v>0</v>
      </c>
    </row>
    <row r="119" spans="1:4" ht="18" customHeight="1" x14ac:dyDescent="0.15">
      <c r="A119" s="5">
        <v>94</v>
      </c>
      <c r="B119" s="22">
        <v>0</v>
      </c>
      <c r="C119" s="14">
        <v>0</v>
      </c>
      <c r="D119" s="18">
        <v>0</v>
      </c>
    </row>
    <row r="120" spans="1:4" ht="18" customHeight="1" x14ac:dyDescent="0.15">
      <c r="A120" s="5" t="s">
        <v>39</v>
      </c>
      <c r="B120" s="22">
        <v>0</v>
      </c>
      <c r="C120" s="14">
        <v>2</v>
      </c>
      <c r="D120" s="18">
        <v>2</v>
      </c>
    </row>
    <row r="121" spans="1:4" ht="18" customHeight="1" x14ac:dyDescent="0.15">
      <c r="A121" s="5">
        <v>95</v>
      </c>
      <c r="B121" s="22">
        <v>1</v>
      </c>
      <c r="C121" s="14">
        <v>2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1</v>
      </c>
      <c r="C126" s="14">
        <v>5</v>
      </c>
      <c r="D126" s="18">
        <v>6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46</v>
      </c>
      <c r="C130" s="14">
        <v>48</v>
      </c>
      <c r="D130" s="18">
        <v>94</v>
      </c>
    </row>
    <row r="131" spans="1:4" ht="18" customHeight="1" x14ac:dyDescent="0.15">
      <c r="A131" s="7" t="s">
        <v>45</v>
      </c>
      <c r="B131" s="23">
        <v>114</v>
      </c>
      <c r="C131" s="15">
        <v>105</v>
      </c>
      <c r="D131" s="19">
        <v>21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500-000000000000}">
  <sheetPr codeName="Sheet6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1</v>
      </c>
      <c r="D5" s="31">
        <v>2</v>
      </c>
    </row>
    <row r="6" spans="1:4" ht="18" customHeight="1" x14ac:dyDescent="0.15">
      <c r="A6" s="5">
        <v>1</v>
      </c>
      <c r="B6" s="27">
        <v>3</v>
      </c>
      <c r="C6" s="14">
        <v>3</v>
      </c>
      <c r="D6" s="18">
        <v>6</v>
      </c>
    </row>
    <row r="7" spans="1:4" ht="18" customHeight="1" x14ac:dyDescent="0.15">
      <c r="A7" s="5">
        <v>2</v>
      </c>
      <c r="B7" s="27">
        <v>3</v>
      </c>
      <c r="C7" s="14">
        <v>2</v>
      </c>
      <c r="D7" s="18">
        <v>5</v>
      </c>
    </row>
    <row r="8" spans="1:4" ht="18" customHeight="1" x14ac:dyDescent="0.15">
      <c r="A8" s="5">
        <v>3</v>
      </c>
      <c r="B8" s="27">
        <v>4</v>
      </c>
      <c r="C8" s="14">
        <v>3</v>
      </c>
      <c r="D8" s="18">
        <v>7</v>
      </c>
    </row>
    <row r="9" spans="1:4" ht="18" customHeight="1" x14ac:dyDescent="0.15">
      <c r="A9" s="5">
        <v>4</v>
      </c>
      <c r="B9" s="28">
        <v>3</v>
      </c>
      <c r="C9" s="30">
        <v>2</v>
      </c>
      <c r="D9" s="32">
        <v>5</v>
      </c>
    </row>
    <row r="10" spans="1:4" ht="18" customHeight="1" x14ac:dyDescent="0.15">
      <c r="A10" s="5" t="s">
        <v>7</v>
      </c>
      <c r="B10" s="22">
        <v>14</v>
      </c>
      <c r="C10" s="14">
        <v>11</v>
      </c>
      <c r="D10" s="18">
        <v>25</v>
      </c>
    </row>
    <row r="11" spans="1:4" ht="18" customHeight="1" x14ac:dyDescent="0.15">
      <c r="A11" s="5">
        <v>5</v>
      </c>
      <c r="B11" s="27">
        <v>1</v>
      </c>
      <c r="C11" s="14">
        <v>4</v>
      </c>
      <c r="D11" s="18">
        <v>5</v>
      </c>
    </row>
    <row r="12" spans="1:4" ht="18" customHeight="1" x14ac:dyDescent="0.15">
      <c r="A12" s="5">
        <v>6</v>
      </c>
      <c r="B12" s="27">
        <v>3</v>
      </c>
      <c r="C12" s="14">
        <v>2</v>
      </c>
      <c r="D12" s="18">
        <v>5</v>
      </c>
    </row>
    <row r="13" spans="1:4" ht="18" customHeight="1" x14ac:dyDescent="0.15">
      <c r="A13" s="5">
        <v>7</v>
      </c>
      <c r="B13" s="27">
        <v>3</v>
      </c>
      <c r="C13" s="14">
        <v>5</v>
      </c>
      <c r="D13" s="18">
        <v>8</v>
      </c>
    </row>
    <row r="14" spans="1:4" ht="18" customHeight="1" x14ac:dyDescent="0.15">
      <c r="A14" s="5">
        <v>8</v>
      </c>
      <c r="B14" s="27">
        <v>3</v>
      </c>
      <c r="C14" s="14">
        <v>1</v>
      </c>
      <c r="D14" s="18">
        <v>4</v>
      </c>
    </row>
    <row r="15" spans="1:4" ht="18" customHeight="1" x14ac:dyDescent="0.15">
      <c r="A15" s="5">
        <v>9</v>
      </c>
      <c r="B15" s="27">
        <v>7</v>
      </c>
      <c r="C15" s="14">
        <v>5</v>
      </c>
      <c r="D15" s="18">
        <v>12</v>
      </c>
    </row>
    <row r="16" spans="1:4" ht="18" customHeight="1" x14ac:dyDescent="0.15">
      <c r="A16" s="5" t="s">
        <v>11</v>
      </c>
      <c r="B16" s="22">
        <v>17</v>
      </c>
      <c r="C16" s="14">
        <v>17</v>
      </c>
      <c r="D16" s="18">
        <v>34</v>
      </c>
    </row>
    <row r="17" spans="1:4" ht="18" customHeight="1" x14ac:dyDescent="0.15">
      <c r="A17" s="5">
        <v>10</v>
      </c>
      <c r="B17" s="22">
        <v>8</v>
      </c>
      <c r="C17" s="14">
        <v>4</v>
      </c>
      <c r="D17" s="18">
        <v>12</v>
      </c>
    </row>
    <row r="18" spans="1:4" ht="18" customHeight="1" x14ac:dyDescent="0.15">
      <c r="A18" s="5">
        <v>11</v>
      </c>
      <c r="B18" s="22">
        <v>4</v>
      </c>
      <c r="C18" s="14">
        <v>2</v>
      </c>
      <c r="D18" s="18">
        <v>6</v>
      </c>
    </row>
    <row r="19" spans="1:4" ht="18" customHeight="1" x14ac:dyDescent="0.15">
      <c r="A19" s="5">
        <v>12</v>
      </c>
      <c r="B19" s="22">
        <v>3</v>
      </c>
      <c r="C19" s="14">
        <v>6</v>
      </c>
      <c r="D19" s="18">
        <v>9</v>
      </c>
    </row>
    <row r="20" spans="1:4" ht="18" customHeight="1" x14ac:dyDescent="0.15">
      <c r="A20" s="5">
        <v>13</v>
      </c>
      <c r="B20" s="22">
        <v>1</v>
      </c>
      <c r="C20" s="14">
        <v>5</v>
      </c>
      <c r="D20" s="18">
        <v>6</v>
      </c>
    </row>
    <row r="21" spans="1:4" ht="18" customHeight="1" x14ac:dyDescent="0.15">
      <c r="A21" s="5">
        <v>14</v>
      </c>
      <c r="B21" s="22">
        <v>5</v>
      </c>
      <c r="C21" s="14">
        <v>4</v>
      </c>
      <c r="D21" s="18">
        <v>9</v>
      </c>
    </row>
    <row r="22" spans="1:4" ht="18" customHeight="1" x14ac:dyDescent="0.15">
      <c r="A22" s="5" t="s">
        <v>12</v>
      </c>
      <c r="B22" s="22">
        <v>21</v>
      </c>
      <c r="C22" s="14">
        <v>21</v>
      </c>
      <c r="D22" s="18">
        <v>42</v>
      </c>
    </row>
    <row r="23" spans="1:4" ht="18" customHeight="1" x14ac:dyDescent="0.15">
      <c r="A23" s="5" t="s">
        <v>6</v>
      </c>
      <c r="B23" s="22">
        <v>52</v>
      </c>
      <c r="C23" s="14">
        <v>49</v>
      </c>
      <c r="D23" s="18">
        <v>101</v>
      </c>
    </row>
    <row r="24" spans="1:4" ht="18" customHeight="1" x14ac:dyDescent="0.15">
      <c r="A24" s="5">
        <v>15</v>
      </c>
      <c r="B24" s="22">
        <v>6</v>
      </c>
      <c r="C24" s="14">
        <v>3</v>
      </c>
      <c r="D24" s="18">
        <v>9</v>
      </c>
    </row>
    <row r="25" spans="1:4" ht="18" customHeight="1" x14ac:dyDescent="0.15">
      <c r="A25" s="5">
        <v>16</v>
      </c>
      <c r="B25" s="22">
        <v>5</v>
      </c>
      <c r="C25" s="14">
        <v>4</v>
      </c>
      <c r="D25" s="18">
        <v>9</v>
      </c>
    </row>
    <row r="26" spans="1:4" ht="18" customHeight="1" x14ac:dyDescent="0.15">
      <c r="A26" s="5">
        <v>17</v>
      </c>
      <c r="B26" s="22">
        <v>8</v>
      </c>
      <c r="C26" s="14">
        <v>6</v>
      </c>
      <c r="D26" s="18">
        <v>14</v>
      </c>
    </row>
    <row r="27" spans="1:4" ht="18" customHeight="1" x14ac:dyDescent="0.15">
      <c r="A27" s="5">
        <v>18</v>
      </c>
      <c r="B27" s="22">
        <v>6</v>
      </c>
      <c r="C27" s="14">
        <v>6</v>
      </c>
      <c r="D27" s="18">
        <v>12</v>
      </c>
    </row>
    <row r="28" spans="1:4" ht="18" customHeight="1" x14ac:dyDescent="0.15">
      <c r="A28" s="5">
        <v>19</v>
      </c>
      <c r="B28" s="22">
        <v>9</v>
      </c>
      <c r="C28" s="14">
        <v>9</v>
      </c>
      <c r="D28" s="18">
        <v>18</v>
      </c>
    </row>
    <row r="29" spans="1:4" ht="18" customHeight="1" x14ac:dyDescent="0.15">
      <c r="A29" s="5" t="s">
        <v>14</v>
      </c>
      <c r="B29" s="22">
        <v>34</v>
      </c>
      <c r="C29" s="14">
        <v>28</v>
      </c>
      <c r="D29" s="18">
        <v>62</v>
      </c>
    </row>
    <row r="30" spans="1:4" ht="18" customHeight="1" x14ac:dyDescent="0.15">
      <c r="A30" s="5">
        <v>20</v>
      </c>
      <c r="B30" s="22">
        <v>4</v>
      </c>
      <c r="C30" s="14">
        <v>6</v>
      </c>
      <c r="D30" s="18">
        <v>10</v>
      </c>
    </row>
    <row r="31" spans="1:4" ht="18" customHeight="1" x14ac:dyDescent="0.15">
      <c r="A31" s="5">
        <v>21</v>
      </c>
      <c r="B31" s="22">
        <v>7</v>
      </c>
      <c r="C31" s="14">
        <v>6</v>
      </c>
      <c r="D31" s="18">
        <v>13</v>
      </c>
    </row>
    <row r="32" spans="1:4" ht="18" customHeight="1" x14ac:dyDescent="0.15">
      <c r="A32" s="5">
        <v>22</v>
      </c>
      <c r="B32" s="22">
        <v>10</v>
      </c>
      <c r="C32" s="14">
        <v>11</v>
      </c>
      <c r="D32" s="18">
        <v>21</v>
      </c>
    </row>
    <row r="33" spans="1:4" ht="18" customHeight="1" x14ac:dyDescent="0.15">
      <c r="A33" s="5">
        <v>23</v>
      </c>
      <c r="B33" s="22">
        <v>6</v>
      </c>
      <c r="C33" s="14">
        <v>2</v>
      </c>
      <c r="D33" s="18">
        <v>8</v>
      </c>
    </row>
    <row r="34" spans="1:4" ht="18" customHeight="1" x14ac:dyDescent="0.15">
      <c r="A34" s="5">
        <v>24</v>
      </c>
      <c r="B34" s="22">
        <v>6</v>
      </c>
      <c r="C34" s="14">
        <v>5</v>
      </c>
      <c r="D34" s="18">
        <v>11</v>
      </c>
    </row>
    <row r="35" spans="1:4" ht="18" customHeight="1" x14ac:dyDescent="0.15">
      <c r="A35" s="5" t="s">
        <v>9</v>
      </c>
      <c r="B35" s="22">
        <v>33</v>
      </c>
      <c r="C35" s="14">
        <v>30</v>
      </c>
      <c r="D35" s="18">
        <v>63</v>
      </c>
    </row>
    <row r="36" spans="1:4" ht="18" customHeight="1" x14ac:dyDescent="0.15">
      <c r="A36" s="5">
        <v>25</v>
      </c>
      <c r="B36" s="22">
        <v>6</v>
      </c>
      <c r="C36" s="14">
        <v>3</v>
      </c>
      <c r="D36" s="18">
        <v>9</v>
      </c>
    </row>
    <row r="37" spans="1:4" ht="18" customHeight="1" x14ac:dyDescent="0.15">
      <c r="A37" s="5">
        <v>26</v>
      </c>
      <c r="B37" s="22">
        <v>4</v>
      </c>
      <c r="C37" s="14">
        <v>5</v>
      </c>
      <c r="D37" s="18">
        <v>9</v>
      </c>
    </row>
    <row r="38" spans="1:4" ht="18" customHeight="1" x14ac:dyDescent="0.15">
      <c r="A38" s="5">
        <v>27</v>
      </c>
      <c r="B38" s="22">
        <v>3</v>
      </c>
      <c r="C38" s="14">
        <v>5</v>
      </c>
      <c r="D38" s="18">
        <v>8</v>
      </c>
    </row>
    <row r="39" spans="1:4" ht="18" customHeight="1" x14ac:dyDescent="0.15">
      <c r="A39" s="5">
        <v>28</v>
      </c>
      <c r="B39" s="22">
        <v>7</v>
      </c>
      <c r="C39" s="14">
        <v>4</v>
      </c>
      <c r="D39" s="18">
        <v>11</v>
      </c>
    </row>
    <row r="40" spans="1:4" ht="18" customHeight="1" x14ac:dyDescent="0.15">
      <c r="A40" s="5">
        <v>29</v>
      </c>
      <c r="B40" s="22">
        <v>8</v>
      </c>
      <c r="C40" s="14">
        <v>3</v>
      </c>
      <c r="D40" s="18">
        <v>11</v>
      </c>
    </row>
    <row r="41" spans="1:4" ht="18" customHeight="1" x14ac:dyDescent="0.15">
      <c r="A41" s="5" t="s">
        <v>2</v>
      </c>
      <c r="B41" s="22">
        <v>28</v>
      </c>
      <c r="C41" s="14">
        <v>20</v>
      </c>
      <c r="D41" s="18">
        <v>48</v>
      </c>
    </row>
    <row r="42" spans="1:4" ht="18" customHeight="1" x14ac:dyDescent="0.15">
      <c r="A42" s="5">
        <v>30</v>
      </c>
      <c r="B42" s="22">
        <v>6</v>
      </c>
      <c r="C42" s="14">
        <v>4</v>
      </c>
      <c r="D42" s="18">
        <v>10</v>
      </c>
    </row>
    <row r="43" spans="1:4" ht="18" customHeight="1" x14ac:dyDescent="0.15">
      <c r="A43" s="5">
        <v>31</v>
      </c>
      <c r="B43" s="22">
        <v>7</v>
      </c>
      <c r="C43" s="14">
        <v>3</v>
      </c>
      <c r="D43" s="18">
        <v>10</v>
      </c>
    </row>
    <row r="44" spans="1:4" ht="18" customHeight="1" x14ac:dyDescent="0.15">
      <c r="A44" s="5">
        <v>32</v>
      </c>
      <c r="B44" s="22">
        <v>10</v>
      </c>
      <c r="C44" s="14">
        <v>4</v>
      </c>
      <c r="D44" s="18">
        <v>14</v>
      </c>
    </row>
    <row r="45" spans="1:4" ht="18" customHeight="1" x14ac:dyDescent="0.15">
      <c r="A45" s="5">
        <v>33</v>
      </c>
      <c r="B45" s="22">
        <v>6</v>
      </c>
      <c r="C45" s="14">
        <v>5</v>
      </c>
      <c r="D45" s="18">
        <v>11</v>
      </c>
    </row>
    <row r="46" spans="1:4" ht="18" customHeight="1" x14ac:dyDescent="0.15">
      <c r="A46" s="5">
        <v>34</v>
      </c>
      <c r="B46" s="22">
        <v>12</v>
      </c>
      <c r="C46" s="14">
        <v>6</v>
      </c>
      <c r="D46" s="18">
        <v>18</v>
      </c>
    </row>
    <row r="47" spans="1:4" ht="18" customHeight="1" x14ac:dyDescent="0.15">
      <c r="A47" s="5" t="s">
        <v>15</v>
      </c>
      <c r="B47" s="22">
        <v>41</v>
      </c>
      <c r="C47" s="14">
        <v>22</v>
      </c>
      <c r="D47" s="18">
        <v>63</v>
      </c>
    </row>
    <row r="48" spans="1:4" ht="18" customHeight="1" x14ac:dyDescent="0.15">
      <c r="A48" s="5">
        <v>35</v>
      </c>
      <c r="B48" s="22">
        <v>12</v>
      </c>
      <c r="C48" s="14">
        <v>9</v>
      </c>
      <c r="D48" s="18">
        <v>21</v>
      </c>
    </row>
    <row r="49" spans="1:4" ht="18" customHeight="1" x14ac:dyDescent="0.15">
      <c r="A49" s="5">
        <v>36</v>
      </c>
      <c r="B49" s="22">
        <v>6</v>
      </c>
      <c r="C49" s="14">
        <v>9</v>
      </c>
      <c r="D49" s="18">
        <v>15</v>
      </c>
    </row>
    <row r="50" spans="1:4" ht="18" customHeight="1" x14ac:dyDescent="0.15">
      <c r="A50" s="5">
        <v>37</v>
      </c>
      <c r="B50" s="22">
        <v>7</v>
      </c>
      <c r="C50" s="14">
        <v>8</v>
      </c>
      <c r="D50" s="18">
        <v>15</v>
      </c>
    </row>
    <row r="51" spans="1:4" ht="18" customHeight="1" x14ac:dyDescent="0.15">
      <c r="A51" s="5">
        <v>38</v>
      </c>
      <c r="B51" s="22">
        <v>11</v>
      </c>
      <c r="C51" s="14">
        <v>5</v>
      </c>
      <c r="D51" s="18">
        <v>16</v>
      </c>
    </row>
    <row r="52" spans="1:4" ht="18" customHeight="1" x14ac:dyDescent="0.15">
      <c r="A52" s="5">
        <v>39</v>
      </c>
      <c r="B52" s="22">
        <v>9</v>
      </c>
      <c r="C52" s="14">
        <v>12</v>
      </c>
      <c r="D52" s="18">
        <v>21</v>
      </c>
    </row>
    <row r="53" spans="1:4" ht="18" customHeight="1" x14ac:dyDescent="0.15">
      <c r="A53" s="5" t="s">
        <v>18</v>
      </c>
      <c r="B53" s="22">
        <v>45</v>
      </c>
      <c r="C53" s="14">
        <v>43</v>
      </c>
      <c r="D53" s="18">
        <v>88</v>
      </c>
    </row>
    <row r="54" spans="1:4" ht="18" customHeight="1" x14ac:dyDescent="0.15">
      <c r="A54" s="5">
        <v>40</v>
      </c>
      <c r="B54" s="22">
        <v>10</v>
      </c>
      <c r="C54" s="14">
        <v>8</v>
      </c>
      <c r="D54" s="18">
        <v>18</v>
      </c>
    </row>
    <row r="55" spans="1:4" ht="18" customHeight="1" x14ac:dyDescent="0.15">
      <c r="A55" s="5">
        <v>41</v>
      </c>
      <c r="B55" s="22">
        <v>13</v>
      </c>
      <c r="C55" s="14">
        <v>9</v>
      </c>
      <c r="D55" s="18">
        <v>22</v>
      </c>
    </row>
    <row r="56" spans="1:4" ht="18" customHeight="1" x14ac:dyDescent="0.15">
      <c r="A56" s="5">
        <v>42</v>
      </c>
      <c r="B56" s="22">
        <v>17</v>
      </c>
      <c r="C56" s="14">
        <v>7</v>
      </c>
      <c r="D56" s="18">
        <v>24</v>
      </c>
    </row>
    <row r="57" spans="1:4" ht="18" customHeight="1" x14ac:dyDescent="0.15">
      <c r="A57" s="5">
        <v>43</v>
      </c>
      <c r="B57" s="22">
        <v>14</v>
      </c>
      <c r="C57" s="14">
        <v>17</v>
      </c>
      <c r="D57" s="18">
        <v>31</v>
      </c>
    </row>
    <row r="58" spans="1:4" ht="18" customHeight="1" x14ac:dyDescent="0.15">
      <c r="A58" s="5">
        <v>44</v>
      </c>
      <c r="B58" s="22">
        <v>21</v>
      </c>
      <c r="C58" s="14">
        <v>12</v>
      </c>
      <c r="D58" s="18">
        <v>33</v>
      </c>
    </row>
    <row r="59" spans="1:4" ht="18" customHeight="1" x14ac:dyDescent="0.15">
      <c r="A59" s="5" t="s">
        <v>21</v>
      </c>
      <c r="B59" s="22">
        <v>75</v>
      </c>
      <c r="C59" s="14">
        <v>53</v>
      </c>
      <c r="D59" s="18">
        <v>128</v>
      </c>
    </row>
    <row r="60" spans="1:4" ht="18" customHeight="1" x14ac:dyDescent="0.15">
      <c r="A60" s="5">
        <v>45</v>
      </c>
      <c r="B60" s="22">
        <v>9</v>
      </c>
      <c r="C60" s="14">
        <v>9</v>
      </c>
      <c r="D60" s="18">
        <v>18</v>
      </c>
    </row>
    <row r="61" spans="1:4" ht="18" customHeight="1" x14ac:dyDescent="0.15">
      <c r="A61" s="5">
        <v>46</v>
      </c>
      <c r="B61" s="22">
        <v>11</v>
      </c>
      <c r="C61" s="14">
        <v>9</v>
      </c>
      <c r="D61" s="18">
        <v>20</v>
      </c>
    </row>
    <row r="62" spans="1:4" ht="18" customHeight="1" x14ac:dyDescent="0.15">
      <c r="A62" s="5">
        <v>47</v>
      </c>
      <c r="B62" s="22">
        <v>15</v>
      </c>
      <c r="C62" s="14">
        <v>9</v>
      </c>
      <c r="D62" s="18">
        <v>24</v>
      </c>
    </row>
    <row r="63" spans="1:4" ht="18" customHeight="1" x14ac:dyDescent="0.15">
      <c r="A63" s="5">
        <v>48</v>
      </c>
      <c r="B63" s="22">
        <v>16</v>
      </c>
      <c r="C63" s="14">
        <v>12</v>
      </c>
      <c r="D63" s="18">
        <v>28</v>
      </c>
    </row>
    <row r="64" spans="1:4" ht="18" customHeight="1" x14ac:dyDescent="0.15">
      <c r="A64" s="5">
        <v>49</v>
      </c>
      <c r="B64" s="22">
        <v>13</v>
      </c>
      <c r="C64" s="14">
        <v>12</v>
      </c>
      <c r="D64" s="18">
        <v>25</v>
      </c>
    </row>
    <row r="65" spans="1:4" ht="18" customHeight="1" x14ac:dyDescent="0.15">
      <c r="A65" s="5" t="s">
        <v>17</v>
      </c>
      <c r="B65" s="22">
        <v>64</v>
      </c>
      <c r="C65" s="14">
        <v>51</v>
      </c>
      <c r="D65" s="18">
        <v>115</v>
      </c>
    </row>
    <row r="66" spans="1:4" ht="18" customHeight="1" x14ac:dyDescent="0.15">
      <c r="A66" s="5">
        <v>50</v>
      </c>
      <c r="B66" s="22">
        <v>21</v>
      </c>
      <c r="C66" s="14">
        <v>18</v>
      </c>
      <c r="D66" s="18">
        <v>39</v>
      </c>
    </row>
    <row r="67" spans="1:4" ht="18" customHeight="1" x14ac:dyDescent="0.15">
      <c r="A67" s="5">
        <v>51</v>
      </c>
      <c r="B67" s="22">
        <v>16</v>
      </c>
      <c r="C67" s="14">
        <v>8</v>
      </c>
      <c r="D67" s="18">
        <v>24</v>
      </c>
    </row>
    <row r="68" spans="1:4" ht="18" customHeight="1" x14ac:dyDescent="0.15">
      <c r="A68" s="5">
        <v>52</v>
      </c>
      <c r="B68" s="22">
        <v>11</v>
      </c>
      <c r="C68" s="14">
        <v>7</v>
      </c>
      <c r="D68" s="18">
        <v>18</v>
      </c>
    </row>
    <row r="69" spans="1:4" ht="18" customHeight="1" x14ac:dyDescent="0.15">
      <c r="A69" s="5">
        <v>53</v>
      </c>
      <c r="B69" s="22">
        <v>14</v>
      </c>
      <c r="C69" s="14">
        <v>6</v>
      </c>
      <c r="D69" s="18">
        <v>20</v>
      </c>
    </row>
    <row r="70" spans="1:4" ht="18" customHeight="1" x14ac:dyDescent="0.15">
      <c r="A70" s="5">
        <v>54</v>
      </c>
      <c r="B70" s="22">
        <v>13</v>
      </c>
      <c r="C70" s="14">
        <v>13</v>
      </c>
      <c r="D70" s="18">
        <v>26</v>
      </c>
    </row>
    <row r="71" spans="1:4" ht="18" customHeight="1" x14ac:dyDescent="0.15">
      <c r="A71" s="5" t="s">
        <v>22</v>
      </c>
      <c r="B71" s="22">
        <v>75</v>
      </c>
      <c r="C71" s="14">
        <v>52</v>
      </c>
      <c r="D71" s="18">
        <v>127</v>
      </c>
    </row>
    <row r="72" spans="1:4" ht="18" customHeight="1" x14ac:dyDescent="0.15">
      <c r="A72" s="5">
        <v>55</v>
      </c>
      <c r="B72" s="22">
        <v>19</v>
      </c>
      <c r="C72" s="14">
        <v>15</v>
      </c>
      <c r="D72" s="18">
        <v>34</v>
      </c>
    </row>
    <row r="73" spans="1:4" ht="18" customHeight="1" x14ac:dyDescent="0.15">
      <c r="A73" s="5">
        <v>56</v>
      </c>
      <c r="B73" s="22">
        <v>9</v>
      </c>
      <c r="C73" s="14">
        <v>9</v>
      </c>
      <c r="D73" s="18">
        <v>18</v>
      </c>
    </row>
    <row r="74" spans="1:4" ht="18" customHeight="1" x14ac:dyDescent="0.15">
      <c r="A74" s="5">
        <v>57</v>
      </c>
      <c r="B74" s="22">
        <v>10</v>
      </c>
      <c r="C74" s="14">
        <v>10</v>
      </c>
      <c r="D74" s="18">
        <v>20</v>
      </c>
    </row>
    <row r="75" spans="1:4" ht="18" customHeight="1" x14ac:dyDescent="0.15">
      <c r="A75" s="5">
        <v>58</v>
      </c>
      <c r="B75" s="22">
        <v>14</v>
      </c>
      <c r="C75" s="14">
        <v>9</v>
      </c>
      <c r="D75" s="18">
        <v>23</v>
      </c>
    </row>
    <row r="76" spans="1:4" ht="18" customHeight="1" x14ac:dyDescent="0.15">
      <c r="A76" s="5">
        <v>59</v>
      </c>
      <c r="B76" s="22">
        <v>12</v>
      </c>
      <c r="C76" s="14">
        <v>11</v>
      </c>
      <c r="D76" s="18">
        <v>23</v>
      </c>
    </row>
    <row r="77" spans="1:4" ht="18" customHeight="1" x14ac:dyDescent="0.15">
      <c r="A77" s="5" t="s">
        <v>27</v>
      </c>
      <c r="B77" s="22">
        <v>64</v>
      </c>
      <c r="C77" s="14">
        <v>54</v>
      </c>
      <c r="D77" s="18">
        <v>118</v>
      </c>
    </row>
    <row r="78" spans="1:4" ht="18" customHeight="1" x14ac:dyDescent="0.15">
      <c r="A78" s="5">
        <v>60</v>
      </c>
      <c r="B78" s="22">
        <v>8</v>
      </c>
      <c r="C78" s="14">
        <v>10</v>
      </c>
      <c r="D78" s="18">
        <v>18</v>
      </c>
    </row>
    <row r="79" spans="1:4" ht="18" customHeight="1" x14ac:dyDescent="0.15">
      <c r="A79" s="5">
        <v>61</v>
      </c>
      <c r="B79" s="22">
        <v>16</v>
      </c>
      <c r="C79" s="14">
        <v>17</v>
      </c>
      <c r="D79" s="18">
        <v>33</v>
      </c>
    </row>
    <row r="80" spans="1:4" ht="18" customHeight="1" x14ac:dyDescent="0.15">
      <c r="A80" s="5">
        <v>62</v>
      </c>
      <c r="B80" s="22">
        <v>17</v>
      </c>
      <c r="C80" s="14">
        <v>10</v>
      </c>
      <c r="D80" s="18">
        <v>27</v>
      </c>
    </row>
    <row r="81" spans="1:4" ht="18" customHeight="1" x14ac:dyDescent="0.15">
      <c r="A81" s="5">
        <v>63</v>
      </c>
      <c r="B81" s="22">
        <v>8</v>
      </c>
      <c r="C81" s="14">
        <v>10</v>
      </c>
      <c r="D81" s="18">
        <v>18</v>
      </c>
    </row>
    <row r="82" spans="1:4" ht="18" customHeight="1" x14ac:dyDescent="0.15">
      <c r="A82" s="5">
        <v>64</v>
      </c>
      <c r="B82" s="22">
        <v>11</v>
      </c>
      <c r="C82" s="14">
        <v>12</v>
      </c>
      <c r="D82" s="18">
        <v>23</v>
      </c>
    </row>
    <row r="83" spans="1:4" ht="18" customHeight="1" x14ac:dyDescent="0.15">
      <c r="A83" s="5" t="s">
        <v>28</v>
      </c>
      <c r="B83" s="22">
        <v>60</v>
      </c>
      <c r="C83" s="14">
        <v>59</v>
      </c>
      <c r="D83" s="18">
        <v>119</v>
      </c>
    </row>
    <row r="84" spans="1:4" ht="18" customHeight="1" x14ac:dyDescent="0.15">
      <c r="A84" s="5" t="s">
        <v>31</v>
      </c>
      <c r="B84" s="22">
        <v>519</v>
      </c>
      <c r="C84" s="14">
        <v>412</v>
      </c>
      <c r="D84" s="18">
        <v>931</v>
      </c>
    </row>
    <row r="85" spans="1:4" ht="18" customHeight="1" x14ac:dyDescent="0.15">
      <c r="A85" s="5">
        <v>65</v>
      </c>
      <c r="B85" s="22">
        <v>13</v>
      </c>
      <c r="C85" s="14">
        <v>16</v>
      </c>
      <c r="D85" s="18">
        <v>29</v>
      </c>
    </row>
    <row r="86" spans="1:4" ht="18" customHeight="1" x14ac:dyDescent="0.15">
      <c r="A86" s="5">
        <v>66</v>
      </c>
      <c r="B86" s="22">
        <v>10</v>
      </c>
      <c r="C86" s="14">
        <v>18</v>
      </c>
      <c r="D86" s="18">
        <v>28</v>
      </c>
    </row>
    <row r="87" spans="1:4" ht="18" customHeight="1" x14ac:dyDescent="0.15">
      <c r="A87" s="5">
        <v>67</v>
      </c>
      <c r="B87" s="22">
        <v>11</v>
      </c>
      <c r="C87" s="14">
        <v>24</v>
      </c>
      <c r="D87" s="18">
        <v>35</v>
      </c>
    </row>
    <row r="88" spans="1:4" ht="18" customHeight="1" x14ac:dyDescent="0.15">
      <c r="A88" s="5">
        <v>68</v>
      </c>
      <c r="B88" s="22">
        <v>14</v>
      </c>
      <c r="C88" s="14">
        <v>19</v>
      </c>
      <c r="D88" s="18">
        <v>33</v>
      </c>
    </row>
    <row r="89" spans="1:4" ht="18" customHeight="1" x14ac:dyDescent="0.15">
      <c r="A89" s="5">
        <v>69</v>
      </c>
      <c r="B89" s="22">
        <v>28</v>
      </c>
      <c r="C89" s="14">
        <v>21</v>
      </c>
      <c r="D89" s="18">
        <v>49</v>
      </c>
    </row>
    <row r="90" spans="1:4" ht="18" customHeight="1" x14ac:dyDescent="0.15">
      <c r="A90" s="5" t="s">
        <v>20</v>
      </c>
      <c r="B90" s="22">
        <v>76</v>
      </c>
      <c r="C90" s="14">
        <v>98</v>
      </c>
      <c r="D90" s="18">
        <v>174</v>
      </c>
    </row>
    <row r="91" spans="1:4" ht="18" customHeight="1" x14ac:dyDescent="0.15">
      <c r="A91" s="5">
        <v>70</v>
      </c>
      <c r="B91" s="22">
        <v>13</v>
      </c>
      <c r="C91" s="14">
        <v>14</v>
      </c>
      <c r="D91" s="18">
        <v>27</v>
      </c>
    </row>
    <row r="92" spans="1:4" ht="18" customHeight="1" x14ac:dyDescent="0.15">
      <c r="A92" s="5">
        <v>71</v>
      </c>
      <c r="B92" s="22">
        <v>30</v>
      </c>
      <c r="C92" s="14">
        <v>17</v>
      </c>
      <c r="D92" s="18">
        <v>47</v>
      </c>
    </row>
    <row r="93" spans="1:4" ht="18" customHeight="1" x14ac:dyDescent="0.15">
      <c r="A93" s="5">
        <v>72</v>
      </c>
      <c r="B93" s="22">
        <v>22</v>
      </c>
      <c r="C93" s="14">
        <v>21</v>
      </c>
      <c r="D93" s="18">
        <v>43</v>
      </c>
    </row>
    <row r="94" spans="1:4" ht="18" customHeight="1" x14ac:dyDescent="0.15">
      <c r="A94" s="5">
        <v>73</v>
      </c>
      <c r="B94" s="22">
        <v>21</v>
      </c>
      <c r="C94" s="14">
        <v>16</v>
      </c>
      <c r="D94" s="18">
        <v>37</v>
      </c>
    </row>
    <row r="95" spans="1:4" ht="18" customHeight="1" x14ac:dyDescent="0.15">
      <c r="A95" s="5">
        <v>74</v>
      </c>
      <c r="B95" s="22">
        <v>21</v>
      </c>
      <c r="C95" s="14">
        <v>7</v>
      </c>
      <c r="D95" s="18">
        <v>28</v>
      </c>
    </row>
    <row r="96" spans="1:4" ht="18" customHeight="1" x14ac:dyDescent="0.15">
      <c r="A96" s="5" t="s">
        <v>33</v>
      </c>
      <c r="B96" s="22">
        <v>107</v>
      </c>
      <c r="C96" s="14">
        <v>75</v>
      </c>
      <c r="D96" s="18">
        <v>182</v>
      </c>
    </row>
    <row r="97" spans="1:4" ht="18" customHeight="1" x14ac:dyDescent="0.15">
      <c r="A97" s="5">
        <v>75</v>
      </c>
      <c r="B97" s="22">
        <v>17</v>
      </c>
      <c r="C97" s="14">
        <v>15</v>
      </c>
      <c r="D97" s="18">
        <v>32</v>
      </c>
    </row>
    <row r="98" spans="1:4" ht="18" customHeight="1" x14ac:dyDescent="0.15">
      <c r="A98" s="5">
        <v>76</v>
      </c>
      <c r="B98" s="22">
        <v>15</v>
      </c>
      <c r="C98" s="14">
        <v>21</v>
      </c>
      <c r="D98" s="18">
        <v>36</v>
      </c>
    </row>
    <row r="99" spans="1:4" ht="18" customHeight="1" x14ac:dyDescent="0.15">
      <c r="A99" s="5">
        <v>77</v>
      </c>
      <c r="B99" s="22">
        <v>20</v>
      </c>
      <c r="C99" s="14">
        <v>14</v>
      </c>
      <c r="D99" s="18">
        <v>34</v>
      </c>
    </row>
    <row r="100" spans="1:4" ht="18" customHeight="1" x14ac:dyDescent="0.15">
      <c r="A100" s="5">
        <v>78</v>
      </c>
      <c r="B100" s="22">
        <v>20</v>
      </c>
      <c r="C100" s="14">
        <v>24</v>
      </c>
      <c r="D100" s="18">
        <v>44</v>
      </c>
    </row>
    <row r="101" spans="1:4" ht="18" customHeight="1" x14ac:dyDescent="0.15">
      <c r="A101" s="5">
        <v>79</v>
      </c>
      <c r="B101" s="22">
        <v>13</v>
      </c>
      <c r="C101" s="14">
        <v>16</v>
      </c>
      <c r="D101" s="18">
        <v>29</v>
      </c>
    </row>
    <row r="102" spans="1:4" ht="18" customHeight="1" x14ac:dyDescent="0.15">
      <c r="A102" s="5" t="s">
        <v>0</v>
      </c>
      <c r="B102" s="22">
        <v>85</v>
      </c>
      <c r="C102" s="14">
        <v>90</v>
      </c>
      <c r="D102" s="18">
        <v>175</v>
      </c>
    </row>
    <row r="103" spans="1:4" ht="18" customHeight="1" x14ac:dyDescent="0.15">
      <c r="A103" s="5">
        <v>80</v>
      </c>
      <c r="B103" s="22">
        <v>7</v>
      </c>
      <c r="C103" s="14">
        <v>14</v>
      </c>
      <c r="D103" s="18">
        <v>21</v>
      </c>
    </row>
    <row r="104" spans="1:4" ht="18" customHeight="1" x14ac:dyDescent="0.15">
      <c r="A104" s="5">
        <v>81</v>
      </c>
      <c r="B104" s="22">
        <v>14</v>
      </c>
      <c r="C104" s="14">
        <v>13</v>
      </c>
      <c r="D104" s="18">
        <v>27</v>
      </c>
    </row>
    <row r="105" spans="1:4" ht="18" customHeight="1" x14ac:dyDescent="0.15">
      <c r="A105" s="5">
        <v>82</v>
      </c>
      <c r="B105" s="22">
        <v>6</v>
      </c>
      <c r="C105" s="14">
        <v>10</v>
      </c>
      <c r="D105" s="18">
        <v>16</v>
      </c>
    </row>
    <row r="106" spans="1:4" ht="18" customHeight="1" x14ac:dyDescent="0.15">
      <c r="A106" s="5">
        <v>83</v>
      </c>
      <c r="B106" s="22">
        <v>6</v>
      </c>
      <c r="C106" s="14">
        <v>14</v>
      </c>
      <c r="D106" s="18">
        <v>20</v>
      </c>
    </row>
    <row r="107" spans="1:4" ht="18" customHeight="1" x14ac:dyDescent="0.15">
      <c r="A107" s="5">
        <v>84</v>
      </c>
      <c r="B107" s="22">
        <v>5</v>
      </c>
      <c r="C107" s="14">
        <v>14</v>
      </c>
      <c r="D107" s="18">
        <v>19</v>
      </c>
    </row>
    <row r="108" spans="1:4" ht="18" customHeight="1" x14ac:dyDescent="0.15">
      <c r="A108" s="5" t="s">
        <v>35</v>
      </c>
      <c r="B108" s="22">
        <v>38</v>
      </c>
      <c r="C108" s="14">
        <v>65</v>
      </c>
      <c r="D108" s="18">
        <v>103</v>
      </c>
    </row>
    <row r="109" spans="1:4" ht="18" customHeight="1" x14ac:dyDescent="0.15">
      <c r="A109" s="5">
        <v>85</v>
      </c>
      <c r="B109" s="22">
        <v>3</v>
      </c>
      <c r="C109" s="14">
        <v>10</v>
      </c>
      <c r="D109" s="18">
        <v>13</v>
      </c>
    </row>
    <row r="110" spans="1:4" ht="18" customHeight="1" x14ac:dyDescent="0.15">
      <c r="A110" s="5">
        <v>86</v>
      </c>
      <c r="B110" s="22">
        <v>10</v>
      </c>
      <c r="C110" s="14">
        <v>10</v>
      </c>
      <c r="D110" s="18">
        <v>20</v>
      </c>
    </row>
    <row r="111" spans="1:4" ht="18" customHeight="1" x14ac:dyDescent="0.15">
      <c r="A111" s="5">
        <v>87</v>
      </c>
      <c r="B111" s="22">
        <v>6</v>
      </c>
      <c r="C111" s="14">
        <v>6</v>
      </c>
      <c r="D111" s="18">
        <v>12</v>
      </c>
    </row>
    <row r="112" spans="1:4" ht="18" customHeight="1" x14ac:dyDescent="0.15">
      <c r="A112" s="5">
        <v>88</v>
      </c>
      <c r="B112" s="22">
        <v>4</v>
      </c>
      <c r="C112" s="14">
        <v>7</v>
      </c>
      <c r="D112" s="18">
        <v>11</v>
      </c>
    </row>
    <row r="113" spans="1:4" ht="18" customHeight="1" x14ac:dyDescent="0.15">
      <c r="A113" s="5">
        <v>89</v>
      </c>
      <c r="B113" s="22">
        <v>5</v>
      </c>
      <c r="C113" s="14">
        <v>16</v>
      </c>
      <c r="D113" s="18">
        <v>21</v>
      </c>
    </row>
    <row r="114" spans="1:4" ht="18" customHeight="1" x14ac:dyDescent="0.15">
      <c r="A114" s="5" t="s">
        <v>37</v>
      </c>
      <c r="B114" s="22">
        <v>28</v>
      </c>
      <c r="C114" s="14">
        <v>49</v>
      </c>
      <c r="D114" s="18">
        <v>77</v>
      </c>
    </row>
    <row r="115" spans="1:4" ht="18" customHeight="1" x14ac:dyDescent="0.15">
      <c r="A115" s="5">
        <v>90</v>
      </c>
      <c r="B115" s="22">
        <v>1</v>
      </c>
      <c r="C115" s="14">
        <v>11</v>
      </c>
      <c r="D115" s="18">
        <v>12</v>
      </c>
    </row>
    <row r="116" spans="1:4" ht="18" customHeight="1" x14ac:dyDescent="0.15">
      <c r="A116" s="5">
        <v>91</v>
      </c>
      <c r="B116" s="22">
        <v>2</v>
      </c>
      <c r="C116" s="14">
        <v>7</v>
      </c>
      <c r="D116" s="18">
        <v>9</v>
      </c>
    </row>
    <row r="117" spans="1:4" ht="18" customHeight="1" x14ac:dyDescent="0.15">
      <c r="A117" s="5">
        <v>92</v>
      </c>
      <c r="B117" s="22">
        <v>2</v>
      </c>
      <c r="C117" s="14">
        <v>9</v>
      </c>
      <c r="D117" s="18">
        <v>11</v>
      </c>
    </row>
    <row r="118" spans="1:4" ht="18" customHeight="1" x14ac:dyDescent="0.15">
      <c r="A118" s="5">
        <v>93</v>
      </c>
      <c r="B118" s="22">
        <v>1</v>
      </c>
      <c r="C118" s="14">
        <v>6</v>
      </c>
      <c r="D118" s="18">
        <v>7</v>
      </c>
    </row>
    <row r="119" spans="1:4" ht="18" customHeight="1" x14ac:dyDescent="0.15">
      <c r="A119" s="5">
        <v>94</v>
      </c>
      <c r="B119" s="22">
        <v>2</v>
      </c>
      <c r="C119" s="14">
        <v>9</v>
      </c>
      <c r="D119" s="18">
        <v>11</v>
      </c>
    </row>
    <row r="120" spans="1:4" ht="18" customHeight="1" x14ac:dyDescent="0.15">
      <c r="A120" s="5" t="s">
        <v>39</v>
      </c>
      <c r="B120" s="22">
        <v>8</v>
      </c>
      <c r="C120" s="14">
        <v>42</v>
      </c>
      <c r="D120" s="18">
        <v>50</v>
      </c>
    </row>
    <row r="121" spans="1:4" ht="18" customHeight="1" x14ac:dyDescent="0.15">
      <c r="A121" s="5">
        <v>95</v>
      </c>
      <c r="B121" s="22">
        <v>3</v>
      </c>
      <c r="C121" s="14">
        <v>6</v>
      </c>
      <c r="D121" s="18">
        <v>9</v>
      </c>
    </row>
    <row r="122" spans="1:4" ht="18" customHeight="1" x14ac:dyDescent="0.15">
      <c r="A122" s="5">
        <v>96</v>
      </c>
      <c r="B122" s="22">
        <v>2</v>
      </c>
      <c r="C122" s="14">
        <v>4</v>
      </c>
      <c r="D122" s="18">
        <v>6</v>
      </c>
    </row>
    <row r="123" spans="1:4" ht="18" customHeight="1" x14ac:dyDescent="0.15">
      <c r="A123" s="5">
        <v>97</v>
      </c>
      <c r="B123" s="22">
        <v>2</v>
      </c>
      <c r="C123" s="14">
        <v>3</v>
      </c>
      <c r="D123" s="18">
        <v>5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1</v>
      </c>
      <c r="C125" s="14">
        <v>3</v>
      </c>
      <c r="D125" s="18">
        <v>4</v>
      </c>
    </row>
    <row r="126" spans="1:4" ht="18" customHeight="1" x14ac:dyDescent="0.15">
      <c r="A126" s="5" t="s">
        <v>40</v>
      </c>
      <c r="B126" s="22">
        <v>8</v>
      </c>
      <c r="C126" s="14">
        <v>17</v>
      </c>
      <c r="D126" s="18">
        <v>25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350</v>
      </c>
      <c r="C130" s="14">
        <v>439</v>
      </c>
      <c r="D130" s="18">
        <v>789</v>
      </c>
    </row>
    <row r="131" spans="1:4" ht="18" customHeight="1" x14ac:dyDescent="0.15">
      <c r="A131" s="7" t="s">
        <v>45</v>
      </c>
      <c r="B131" s="23">
        <v>921</v>
      </c>
      <c r="C131" s="15">
        <v>900</v>
      </c>
      <c r="D131" s="19">
        <v>182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600-000000000000}">
  <sheetPr codeName="Sheet6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22</v>
      </c>
      <c r="C5" s="29">
        <v>22</v>
      </c>
      <c r="D5" s="31">
        <v>44</v>
      </c>
    </row>
    <row r="6" spans="1:4" ht="18" customHeight="1" x14ac:dyDescent="0.15">
      <c r="A6" s="5">
        <v>1</v>
      </c>
      <c r="B6" s="27">
        <v>25</v>
      </c>
      <c r="C6" s="14">
        <v>23</v>
      </c>
      <c r="D6" s="18">
        <v>48</v>
      </c>
    </row>
    <row r="7" spans="1:4" ht="18" customHeight="1" x14ac:dyDescent="0.15">
      <c r="A7" s="5">
        <v>2</v>
      </c>
      <c r="B7" s="27">
        <v>20</v>
      </c>
      <c r="C7" s="14">
        <v>24</v>
      </c>
      <c r="D7" s="18">
        <v>44</v>
      </c>
    </row>
    <row r="8" spans="1:4" ht="18" customHeight="1" x14ac:dyDescent="0.15">
      <c r="A8" s="5">
        <v>3</v>
      </c>
      <c r="B8" s="27">
        <v>16</v>
      </c>
      <c r="C8" s="14">
        <v>24</v>
      </c>
      <c r="D8" s="18">
        <v>40</v>
      </c>
    </row>
    <row r="9" spans="1:4" ht="18" customHeight="1" x14ac:dyDescent="0.15">
      <c r="A9" s="5">
        <v>4</v>
      </c>
      <c r="B9" s="28">
        <v>26</v>
      </c>
      <c r="C9" s="30">
        <v>25</v>
      </c>
      <c r="D9" s="32">
        <v>51</v>
      </c>
    </row>
    <row r="10" spans="1:4" ht="18" customHeight="1" x14ac:dyDescent="0.15">
      <c r="A10" s="5" t="s">
        <v>7</v>
      </c>
      <c r="B10" s="22">
        <v>109</v>
      </c>
      <c r="C10" s="14">
        <v>118</v>
      </c>
      <c r="D10" s="18">
        <v>227</v>
      </c>
    </row>
    <row r="11" spans="1:4" ht="18" customHeight="1" x14ac:dyDescent="0.15">
      <c r="A11" s="5">
        <v>5</v>
      </c>
      <c r="B11" s="27">
        <v>24</v>
      </c>
      <c r="C11" s="14">
        <v>25</v>
      </c>
      <c r="D11" s="18">
        <v>49</v>
      </c>
    </row>
    <row r="12" spans="1:4" ht="18" customHeight="1" x14ac:dyDescent="0.15">
      <c r="A12" s="5">
        <v>6</v>
      </c>
      <c r="B12" s="27">
        <v>28</v>
      </c>
      <c r="C12" s="14">
        <v>19</v>
      </c>
      <c r="D12" s="18">
        <v>47</v>
      </c>
    </row>
    <row r="13" spans="1:4" ht="18" customHeight="1" x14ac:dyDescent="0.15">
      <c r="A13" s="5">
        <v>7</v>
      </c>
      <c r="B13" s="27">
        <v>37</v>
      </c>
      <c r="C13" s="14">
        <v>33</v>
      </c>
      <c r="D13" s="18">
        <v>70</v>
      </c>
    </row>
    <row r="14" spans="1:4" ht="18" customHeight="1" x14ac:dyDescent="0.15">
      <c r="A14" s="5">
        <v>8</v>
      </c>
      <c r="B14" s="27">
        <v>28</v>
      </c>
      <c r="C14" s="14">
        <v>25</v>
      </c>
      <c r="D14" s="18">
        <v>53</v>
      </c>
    </row>
    <row r="15" spans="1:4" ht="18" customHeight="1" x14ac:dyDescent="0.15">
      <c r="A15" s="5">
        <v>9</v>
      </c>
      <c r="B15" s="27">
        <v>30</v>
      </c>
      <c r="C15" s="14">
        <v>34</v>
      </c>
      <c r="D15" s="18">
        <v>64</v>
      </c>
    </row>
    <row r="16" spans="1:4" ht="18" customHeight="1" x14ac:dyDescent="0.15">
      <c r="A16" s="5" t="s">
        <v>11</v>
      </c>
      <c r="B16" s="22">
        <v>147</v>
      </c>
      <c r="C16" s="14">
        <v>136</v>
      </c>
      <c r="D16" s="18">
        <v>283</v>
      </c>
    </row>
    <row r="17" spans="1:4" ht="18" customHeight="1" x14ac:dyDescent="0.15">
      <c r="A17" s="5">
        <v>10</v>
      </c>
      <c r="B17" s="22">
        <v>44</v>
      </c>
      <c r="C17" s="14">
        <v>36</v>
      </c>
      <c r="D17" s="18">
        <v>80</v>
      </c>
    </row>
    <row r="18" spans="1:4" ht="18" customHeight="1" x14ac:dyDescent="0.15">
      <c r="A18" s="5">
        <v>11</v>
      </c>
      <c r="B18" s="22">
        <v>30</v>
      </c>
      <c r="C18" s="14">
        <v>29</v>
      </c>
      <c r="D18" s="18">
        <v>59</v>
      </c>
    </row>
    <row r="19" spans="1:4" ht="18" customHeight="1" x14ac:dyDescent="0.15">
      <c r="A19" s="5">
        <v>12</v>
      </c>
      <c r="B19" s="22">
        <v>30</v>
      </c>
      <c r="C19" s="14">
        <v>37</v>
      </c>
      <c r="D19" s="18">
        <v>67</v>
      </c>
    </row>
    <row r="20" spans="1:4" ht="18" customHeight="1" x14ac:dyDescent="0.15">
      <c r="A20" s="5">
        <v>13</v>
      </c>
      <c r="B20" s="22">
        <v>41</v>
      </c>
      <c r="C20" s="14">
        <v>31</v>
      </c>
      <c r="D20" s="18">
        <v>72</v>
      </c>
    </row>
    <row r="21" spans="1:4" ht="18" customHeight="1" x14ac:dyDescent="0.15">
      <c r="A21" s="5">
        <v>14</v>
      </c>
      <c r="B21" s="22">
        <v>33</v>
      </c>
      <c r="C21" s="14">
        <v>40</v>
      </c>
      <c r="D21" s="18">
        <v>73</v>
      </c>
    </row>
    <row r="22" spans="1:4" ht="18" customHeight="1" x14ac:dyDescent="0.15">
      <c r="A22" s="5" t="s">
        <v>12</v>
      </c>
      <c r="B22" s="22">
        <v>178</v>
      </c>
      <c r="C22" s="14">
        <v>173</v>
      </c>
      <c r="D22" s="18">
        <v>351</v>
      </c>
    </row>
    <row r="23" spans="1:4" ht="18" customHeight="1" x14ac:dyDescent="0.15">
      <c r="A23" s="5" t="s">
        <v>6</v>
      </c>
      <c r="B23" s="22">
        <v>434</v>
      </c>
      <c r="C23" s="14">
        <v>427</v>
      </c>
      <c r="D23" s="18">
        <v>861</v>
      </c>
    </row>
    <row r="24" spans="1:4" ht="18" customHeight="1" x14ac:dyDescent="0.15">
      <c r="A24" s="5">
        <v>15</v>
      </c>
      <c r="B24" s="22">
        <v>50</v>
      </c>
      <c r="C24" s="14">
        <v>49</v>
      </c>
      <c r="D24" s="18">
        <v>99</v>
      </c>
    </row>
    <row r="25" spans="1:4" ht="18" customHeight="1" x14ac:dyDescent="0.15">
      <c r="A25" s="5">
        <v>16</v>
      </c>
      <c r="B25" s="22">
        <v>50</v>
      </c>
      <c r="C25" s="14">
        <v>32</v>
      </c>
      <c r="D25" s="18">
        <v>82</v>
      </c>
    </row>
    <row r="26" spans="1:4" ht="18" customHeight="1" x14ac:dyDescent="0.15">
      <c r="A26" s="5">
        <v>17</v>
      </c>
      <c r="B26" s="22">
        <v>42</v>
      </c>
      <c r="C26" s="14">
        <v>41</v>
      </c>
      <c r="D26" s="18">
        <v>83</v>
      </c>
    </row>
    <row r="27" spans="1:4" ht="18" customHeight="1" x14ac:dyDescent="0.15">
      <c r="A27" s="5">
        <v>18</v>
      </c>
      <c r="B27" s="22">
        <v>36</v>
      </c>
      <c r="C27" s="14">
        <v>36</v>
      </c>
      <c r="D27" s="18">
        <v>72</v>
      </c>
    </row>
    <row r="28" spans="1:4" ht="18" customHeight="1" x14ac:dyDescent="0.15">
      <c r="A28" s="5">
        <v>19</v>
      </c>
      <c r="B28" s="22">
        <v>24</v>
      </c>
      <c r="C28" s="14">
        <v>36</v>
      </c>
      <c r="D28" s="18">
        <v>60</v>
      </c>
    </row>
    <row r="29" spans="1:4" ht="18" customHeight="1" x14ac:dyDescent="0.15">
      <c r="A29" s="5" t="s">
        <v>14</v>
      </c>
      <c r="B29" s="22">
        <v>202</v>
      </c>
      <c r="C29" s="14">
        <v>194</v>
      </c>
      <c r="D29" s="18">
        <v>396</v>
      </c>
    </row>
    <row r="30" spans="1:4" ht="18" customHeight="1" x14ac:dyDescent="0.15">
      <c r="A30" s="5">
        <v>20</v>
      </c>
      <c r="B30" s="22">
        <v>40</v>
      </c>
      <c r="C30" s="14">
        <v>46</v>
      </c>
      <c r="D30" s="18">
        <v>86</v>
      </c>
    </row>
    <row r="31" spans="1:4" ht="18" customHeight="1" x14ac:dyDescent="0.15">
      <c r="A31" s="5">
        <v>21</v>
      </c>
      <c r="B31" s="22">
        <v>45</v>
      </c>
      <c r="C31" s="14">
        <v>47</v>
      </c>
      <c r="D31" s="18">
        <v>92</v>
      </c>
    </row>
    <row r="32" spans="1:4" ht="18" customHeight="1" x14ac:dyDescent="0.15">
      <c r="A32" s="5">
        <v>22</v>
      </c>
      <c r="B32" s="22">
        <v>61</v>
      </c>
      <c r="C32" s="14">
        <v>43</v>
      </c>
      <c r="D32" s="18">
        <v>104</v>
      </c>
    </row>
    <row r="33" spans="1:4" ht="18" customHeight="1" x14ac:dyDescent="0.15">
      <c r="A33" s="5">
        <v>23</v>
      </c>
      <c r="B33" s="22">
        <v>52</v>
      </c>
      <c r="C33" s="14">
        <v>36</v>
      </c>
      <c r="D33" s="18">
        <v>88</v>
      </c>
    </row>
    <row r="34" spans="1:4" ht="18" customHeight="1" x14ac:dyDescent="0.15">
      <c r="A34" s="5">
        <v>24</v>
      </c>
      <c r="B34" s="22">
        <v>56</v>
      </c>
      <c r="C34" s="14">
        <v>44</v>
      </c>
      <c r="D34" s="18">
        <v>100</v>
      </c>
    </row>
    <row r="35" spans="1:4" ht="18" customHeight="1" x14ac:dyDescent="0.15">
      <c r="A35" s="5" t="s">
        <v>9</v>
      </c>
      <c r="B35" s="22">
        <v>254</v>
      </c>
      <c r="C35" s="14">
        <v>216</v>
      </c>
      <c r="D35" s="18">
        <v>470</v>
      </c>
    </row>
    <row r="36" spans="1:4" ht="18" customHeight="1" x14ac:dyDescent="0.15">
      <c r="A36" s="5">
        <v>25</v>
      </c>
      <c r="B36" s="22">
        <v>61</v>
      </c>
      <c r="C36" s="14">
        <v>50</v>
      </c>
      <c r="D36" s="18">
        <v>111</v>
      </c>
    </row>
    <row r="37" spans="1:4" ht="18" customHeight="1" x14ac:dyDescent="0.15">
      <c r="A37" s="5">
        <v>26</v>
      </c>
      <c r="B37" s="22">
        <v>60</v>
      </c>
      <c r="C37" s="14">
        <v>48</v>
      </c>
      <c r="D37" s="18">
        <v>108</v>
      </c>
    </row>
    <row r="38" spans="1:4" ht="18" customHeight="1" x14ac:dyDescent="0.15">
      <c r="A38" s="5">
        <v>27</v>
      </c>
      <c r="B38" s="22">
        <v>50</v>
      </c>
      <c r="C38" s="14">
        <v>45</v>
      </c>
      <c r="D38" s="18">
        <v>95</v>
      </c>
    </row>
    <row r="39" spans="1:4" ht="18" customHeight="1" x14ac:dyDescent="0.15">
      <c r="A39" s="5">
        <v>28</v>
      </c>
      <c r="B39" s="22">
        <v>67</v>
      </c>
      <c r="C39" s="14">
        <v>43</v>
      </c>
      <c r="D39" s="18">
        <v>110</v>
      </c>
    </row>
    <row r="40" spans="1:4" ht="18" customHeight="1" x14ac:dyDescent="0.15">
      <c r="A40" s="5">
        <v>29</v>
      </c>
      <c r="B40" s="22">
        <v>49</v>
      </c>
      <c r="C40" s="14">
        <v>44</v>
      </c>
      <c r="D40" s="18">
        <v>93</v>
      </c>
    </row>
    <row r="41" spans="1:4" ht="18" customHeight="1" x14ac:dyDescent="0.15">
      <c r="A41" s="5" t="s">
        <v>2</v>
      </c>
      <c r="B41" s="22">
        <v>287</v>
      </c>
      <c r="C41" s="14">
        <v>230</v>
      </c>
      <c r="D41" s="18">
        <v>517</v>
      </c>
    </row>
    <row r="42" spans="1:4" ht="18" customHeight="1" x14ac:dyDescent="0.15">
      <c r="A42" s="5">
        <v>30</v>
      </c>
      <c r="B42" s="22">
        <v>54</v>
      </c>
      <c r="C42" s="14">
        <v>28</v>
      </c>
      <c r="D42" s="18">
        <v>82</v>
      </c>
    </row>
    <row r="43" spans="1:4" ht="18" customHeight="1" x14ac:dyDescent="0.15">
      <c r="A43" s="5">
        <v>31</v>
      </c>
      <c r="B43" s="22">
        <v>56</v>
      </c>
      <c r="C43" s="14">
        <v>40</v>
      </c>
      <c r="D43" s="18">
        <v>96</v>
      </c>
    </row>
    <row r="44" spans="1:4" ht="18" customHeight="1" x14ac:dyDescent="0.15">
      <c r="A44" s="5">
        <v>32</v>
      </c>
      <c r="B44" s="22">
        <v>41</v>
      </c>
      <c r="C44" s="14">
        <v>39</v>
      </c>
      <c r="D44" s="18">
        <v>80</v>
      </c>
    </row>
    <row r="45" spans="1:4" ht="18" customHeight="1" x14ac:dyDescent="0.15">
      <c r="A45" s="5">
        <v>33</v>
      </c>
      <c r="B45" s="22">
        <v>44</v>
      </c>
      <c r="C45" s="14">
        <v>40</v>
      </c>
      <c r="D45" s="18">
        <v>84</v>
      </c>
    </row>
    <row r="46" spans="1:4" ht="18" customHeight="1" x14ac:dyDescent="0.15">
      <c r="A46" s="5">
        <v>34</v>
      </c>
      <c r="B46" s="22">
        <v>50</v>
      </c>
      <c r="C46" s="14">
        <v>39</v>
      </c>
      <c r="D46" s="18">
        <v>89</v>
      </c>
    </row>
    <row r="47" spans="1:4" ht="18" customHeight="1" x14ac:dyDescent="0.15">
      <c r="A47" s="5" t="s">
        <v>15</v>
      </c>
      <c r="B47" s="22">
        <v>245</v>
      </c>
      <c r="C47" s="14">
        <v>186</v>
      </c>
      <c r="D47" s="18">
        <v>431</v>
      </c>
    </row>
    <row r="48" spans="1:4" ht="18" customHeight="1" x14ac:dyDescent="0.15">
      <c r="A48" s="5">
        <v>35</v>
      </c>
      <c r="B48" s="22">
        <v>46</v>
      </c>
      <c r="C48" s="14">
        <v>31</v>
      </c>
      <c r="D48" s="18">
        <v>77</v>
      </c>
    </row>
    <row r="49" spans="1:4" ht="18" customHeight="1" x14ac:dyDescent="0.15">
      <c r="A49" s="5">
        <v>36</v>
      </c>
      <c r="B49" s="22">
        <v>49</v>
      </c>
      <c r="C49" s="14">
        <v>39</v>
      </c>
      <c r="D49" s="18">
        <v>88</v>
      </c>
    </row>
    <row r="50" spans="1:4" ht="18" customHeight="1" x14ac:dyDescent="0.15">
      <c r="A50" s="5">
        <v>37</v>
      </c>
      <c r="B50" s="22">
        <v>61</v>
      </c>
      <c r="C50" s="14">
        <v>31</v>
      </c>
      <c r="D50" s="18">
        <v>92</v>
      </c>
    </row>
    <row r="51" spans="1:4" ht="18" customHeight="1" x14ac:dyDescent="0.15">
      <c r="A51" s="5">
        <v>38</v>
      </c>
      <c r="B51" s="22">
        <v>59</v>
      </c>
      <c r="C51" s="14">
        <v>54</v>
      </c>
      <c r="D51" s="18">
        <v>113</v>
      </c>
    </row>
    <row r="52" spans="1:4" ht="18" customHeight="1" x14ac:dyDescent="0.15">
      <c r="A52" s="5">
        <v>39</v>
      </c>
      <c r="B52" s="22">
        <v>49</v>
      </c>
      <c r="C52" s="14">
        <v>52</v>
      </c>
      <c r="D52" s="18">
        <v>101</v>
      </c>
    </row>
    <row r="53" spans="1:4" ht="18" customHeight="1" x14ac:dyDescent="0.15">
      <c r="A53" s="5" t="s">
        <v>18</v>
      </c>
      <c r="B53" s="22">
        <v>264</v>
      </c>
      <c r="C53" s="14">
        <v>207</v>
      </c>
      <c r="D53" s="18">
        <v>471</v>
      </c>
    </row>
    <row r="54" spans="1:4" ht="18" customHeight="1" x14ac:dyDescent="0.15">
      <c r="A54" s="5">
        <v>40</v>
      </c>
      <c r="B54" s="22">
        <v>54</v>
      </c>
      <c r="C54" s="14">
        <v>60</v>
      </c>
      <c r="D54" s="18">
        <v>114</v>
      </c>
    </row>
    <row r="55" spans="1:4" ht="18" customHeight="1" x14ac:dyDescent="0.15">
      <c r="A55" s="5">
        <v>41</v>
      </c>
      <c r="B55" s="22">
        <v>69</v>
      </c>
      <c r="C55" s="14">
        <v>51</v>
      </c>
      <c r="D55" s="18">
        <v>120</v>
      </c>
    </row>
    <row r="56" spans="1:4" ht="18" customHeight="1" x14ac:dyDescent="0.15">
      <c r="A56" s="5">
        <v>42</v>
      </c>
      <c r="B56" s="22">
        <v>54</v>
      </c>
      <c r="C56" s="14">
        <v>46</v>
      </c>
      <c r="D56" s="18">
        <v>100</v>
      </c>
    </row>
    <row r="57" spans="1:4" ht="18" customHeight="1" x14ac:dyDescent="0.15">
      <c r="A57" s="5">
        <v>43</v>
      </c>
      <c r="B57" s="22">
        <v>54</v>
      </c>
      <c r="C57" s="14">
        <v>40</v>
      </c>
      <c r="D57" s="18">
        <v>94</v>
      </c>
    </row>
    <row r="58" spans="1:4" ht="18" customHeight="1" x14ac:dyDescent="0.15">
      <c r="A58" s="5">
        <v>44</v>
      </c>
      <c r="B58" s="22">
        <v>58</v>
      </c>
      <c r="C58" s="14">
        <v>61</v>
      </c>
      <c r="D58" s="18">
        <v>119</v>
      </c>
    </row>
    <row r="59" spans="1:4" ht="18" customHeight="1" x14ac:dyDescent="0.15">
      <c r="A59" s="5" t="s">
        <v>21</v>
      </c>
      <c r="B59" s="22">
        <v>289</v>
      </c>
      <c r="C59" s="14">
        <v>258</v>
      </c>
      <c r="D59" s="18">
        <v>547</v>
      </c>
    </row>
    <row r="60" spans="1:4" ht="18" customHeight="1" x14ac:dyDescent="0.15">
      <c r="A60" s="5">
        <v>45</v>
      </c>
      <c r="B60" s="22">
        <v>49</v>
      </c>
      <c r="C60" s="14">
        <v>48</v>
      </c>
      <c r="D60" s="18">
        <v>97</v>
      </c>
    </row>
    <row r="61" spans="1:4" ht="18" customHeight="1" x14ac:dyDescent="0.15">
      <c r="A61" s="5">
        <v>46</v>
      </c>
      <c r="B61" s="22">
        <v>67</v>
      </c>
      <c r="C61" s="14">
        <v>58</v>
      </c>
      <c r="D61" s="18">
        <v>125</v>
      </c>
    </row>
    <row r="62" spans="1:4" ht="18" customHeight="1" x14ac:dyDescent="0.15">
      <c r="A62" s="5">
        <v>47</v>
      </c>
      <c r="B62" s="22">
        <v>52</v>
      </c>
      <c r="C62" s="14">
        <v>63</v>
      </c>
      <c r="D62" s="18">
        <v>115</v>
      </c>
    </row>
    <row r="63" spans="1:4" ht="18" customHeight="1" x14ac:dyDescent="0.15">
      <c r="A63" s="5">
        <v>48</v>
      </c>
      <c r="B63" s="22">
        <v>81</v>
      </c>
      <c r="C63" s="14">
        <v>58</v>
      </c>
      <c r="D63" s="18">
        <v>139</v>
      </c>
    </row>
    <row r="64" spans="1:4" ht="18" customHeight="1" x14ac:dyDescent="0.15">
      <c r="A64" s="5">
        <v>49</v>
      </c>
      <c r="B64" s="22">
        <v>72</v>
      </c>
      <c r="C64" s="14">
        <v>58</v>
      </c>
      <c r="D64" s="18">
        <v>130</v>
      </c>
    </row>
    <row r="65" spans="1:4" ht="18" customHeight="1" x14ac:dyDescent="0.15">
      <c r="A65" s="5" t="s">
        <v>17</v>
      </c>
      <c r="B65" s="22">
        <v>321</v>
      </c>
      <c r="C65" s="14">
        <v>285</v>
      </c>
      <c r="D65" s="18">
        <v>606</v>
      </c>
    </row>
    <row r="66" spans="1:4" ht="18" customHeight="1" x14ac:dyDescent="0.15">
      <c r="A66" s="5">
        <v>50</v>
      </c>
      <c r="B66" s="22">
        <v>76</v>
      </c>
      <c r="C66" s="14">
        <v>70</v>
      </c>
      <c r="D66" s="18">
        <v>146</v>
      </c>
    </row>
    <row r="67" spans="1:4" ht="18" customHeight="1" x14ac:dyDescent="0.15">
      <c r="A67" s="5">
        <v>51</v>
      </c>
      <c r="B67" s="22">
        <v>78</v>
      </c>
      <c r="C67" s="14">
        <v>95</v>
      </c>
      <c r="D67" s="18">
        <v>173</v>
      </c>
    </row>
    <row r="68" spans="1:4" ht="18" customHeight="1" x14ac:dyDescent="0.15">
      <c r="A68" s="5">
        <v>52</v>
      </c>
      <c r="B68" s="22">
        <v>82</v>
      </c>
      <c r="C68" s="14">
        <v>63</v>
      </c>
      <c r="D68" s="18">
        <v>145</v>
      </c>
    </row>
    <row r="69" spans="1:4" ht="18" customHeight="1" x14ac:dyDescent="0.15">
      <c r="A69" s="5">
        <v>53</v>
      </c>
      <c r="B69" s="22">
        <v>86</v>
      </c>
      <c r="C69" s="14">
        <v>92</v>
      </c>
      <c r="D69" s="18">
        <v>178</v>
      </c>
    </row>
    <row r="70" spans="1:4" ht="18" customHeight="1" x14ac:dyDescent="0.15">
      <c r="A70" s="5">
        <v>54</v>
      </c>
      <c r="B70" s="22">
        <v>103</v>
      </c>
      <c r="C70" s="14">
        <v>94</v>
      </c>
      <c r="D70" s="18">
        <v>197</v>
      </c>
    </row>
    <row r="71" spans="1:4" ht="18" customHeight="1" x14ac:dyDescent="0.15">
      <c r="A71" s="5" t="s">
        <v>22</v>
      </c>
      <c r="B71" s="22">
        <v>425</v>
      </c>
      <c r="C71" s="14">
        <v>414</v>
      </c>
      <c r="D71" s="18">
        <v>839</v>
      </c>
    </row>
    <row r="72" spans="1:4" ht="18" customHeight="1" x14ac:dyDescent="0.15">
      <c r="A72" s="5">
        <v>55</v>
      </c>
      <c r="B72" s="22">
        <v>81</v>
      </c>
      <c r="C72" s="14">
        <v>88</v>
      </c>
      <c r="D72" s="18">
        <v>169</v>
      </c>
    </row>
    <row r="73" spans="1:4" ht="18" customHeight="1" x14ac:dyDescent="0.15">
      <c r="A73" s="5">
        <v>56</v>
      </c>
      <c r="B73" s="22">
        <v>72</v>
      </c>
      <c r="C73" s="14">
        <v>72</v>
      </c>
      <c r="D73" s="18">
        <v>144</v>
      </c>
    </row>
    <row r="74" spans="1:4" ht="18" customHeight="1" x14ac:dyDescent="0.15">
      <c r="A74" s="5">
        <v>57</v>
      </c>
      <c r="B74" s="22">
        <v>91</v>
      </c>
      <c r="C74" s="14">
        <v>90</v>
      </c>
      <c r="D74" s="18">
        <v>181</v>
      </c>
    </row>
    <row r="75" spans="1:4" ht="18" customHeight="1" x14ac:dyDescent="0.15">
      <c r="A75" s="5">
        <v>58</v>
      </c>
      <c r="B75" s="22">
        <v>93</v>
      </c>
      <c r="C75" s="14">
        <v>82</v>
      </c>
      <c r="D75" s="18">
        <v>175</v>
      </c>
    </row>
    <row r="76" spans="1:4" ht="18" customHeight="1" x14ac:dyDescent="0.15">
      <c r="A76" s="5">
        <v>59</v>
      </c>
      <c r="B76" s="22">
        <v>68</v>
      </c>
      <c r="C76" s="14">
        <v>80</v>
      </c>
      <c r="D76" s="18">
        <v>148</v>
      </c>
    </row>
    <row r="77" spans="1:4" ht="18" customHeight="1" x14ac:dyDescent="0.15">
      <c r="A77" s="5" t="s">
        <v>27</v>
      </c>
      <c r="B77" s="22">
        <v>405</v>
      </c>
      <c r="C77" s="14">
        <v>412</v>
      </c>
      <c r="D77" s="18">
        <v>817</v>
      </c>
    </row>
    <row r="78" spans="1:4" ht="18" customHeight="1" x14ac:dyDescent="0.15">
      <c r="A78" s="5">
        <v>60</v>
      </c>
      <c r="B78" s="22">
        <v>75</v>
      </c>
      <c r="C78" s="14">
        <v>75</v>
      </c>
      <c r="D78" s="18">
        <v>150</v>
      </c>
    </row>
    <row r="79" spans="1:4" ht="18" customHeight="1" x14ac:dyDescent="0.15">
      <c r="A79" s="5">
        <v>61</v>
      </c>
      <c r="B79" s="22">
        <v>74</v>
      </c>
      <c r="C79" s="14">
        <v>81</v>
      </c>
      <c r="D79" s="18">
        <v>155</v>
      </c>
    </row>
    <row r="80" spans="1:4" ht="18" customHeight="1" x14ac:dyDescent="0.15">
      <c r="A80" s="5">
        <v>62</v>
      </c>
      <c r="B80" s="22">
        <v>84</v>
      </c>
      <c r="C80" s="14">
        <v>66</v>
      </c>
      <c r="D80" s="18">
        <v>150</v>
      </c>
    </row>
    <row r="81" spans="1:4" ht="18" customHeight="1" x14ac:dyDescent="0.15">
      <c r="A81" s="5">
        <v>63</v>
      </c>
      <c r="B81" s="22">
        <v>81</v>
      </c>
      <c r="C81" s="14">
        <v>69</v>
      </c>
      <c r="D81" s="18">
        <v>150</v>
      </c>
    </row>
    <row r="82" spans="1:4" ht="18" customHeight="1" x14ac:dyDescent="0.15">
      <c r="A82" s="5">
        <v>64</v>
      </c>
      <c r="B82" s="22">
        <v>71</v>
      </c>
      <c r="C82" s="14">
        <v>83</v>
      </c>
      <c r="D82" s="18">
        <v>154</v>
      </c>
    </row>
    <row r="83" spans="1:4" ht="18" customHeight="1" x14ac:dyDescent="0.15">
      <c r="A83" s="5" t="s">
        <v>28</v>
      </c>
      <c r="B83" s="22">
        <v>385</v>
      </c>
      <c r="C83" s="14">
        <v>374</v>
      </c>
      <c r="D83" s="18">
        <v>759</v>
      </c>
    </row>
    <row r="84" spans="1:4" ht="18" customHeight="1" x14ac:dyDescent="0.15">
      <c r="A84" s="5" t="s">
        <v>31</v>
      </c>
      <c r="B84" s="22">
        <v>3077</v>
      </c>
      <c r="C84" s="14">
        <v>2776</v>
      </c>
      <c r="D84" s="18">
        <v>5853</v>
      </c>
    </row>
    <row r="85" spans="1:4" ht="18" customHeight="1" x14ac:dyDescent="0.15">
      <c r="A85" s="5">
        <v>65</v>
      </c>
      <c r="B85" s="22">
        <v>73</v>
      </c>
      <c r="C85" s="14">
        <v>80</v>
      </c>
      <c r="D85" s="18">
        <v>153</v>
      </c>
    </row>
    <row r="86" spans="1:4" ht="18" customHeight="1" x14ac:dyDescent="0.15">
      <c r="A86" s="5">
        <v>66</v>
      </c>
      <c r="B86" s="22">
        <v>81</v>
      </c>
      <c r="C86" s="14">
        <v>92</v>
      </c>
      <c r="D86" s="18">
        <v>173</v>
      </c>
    </row>
    <row r="87" spans="1:4" ht="18" customHeight="1" x14ac:dyDescent="0.15">
      <c r="A87" s="5">
        <v>67</v>
      </c>
      <c r="B87" s="22">
        <v>76</v>
      </c>
      <c r="C87" s="14">
        <v>80</v>
      </c>
      <c r="D87" s="18">
        <v>156</v>
      </c>
    </row>
    <row r="88" spans="1:4" ht="18" customHeight="1" x14ac:dyDescent="0.15">
      <c r="A88" s="5">
        <v>68</v>
      </c>
      <c r="B88" s="22">
        <v>69</v>
      </c>
      <c r="C88" s="14">
        <v>73</v>
      </c>
      <c r="D88" s="18">
        <v>142</v>
      </c>
    </row>
    <row r="89" spans="1:4" ht="18" customHeight="1" x14ac:dyDescent="0.15">
      <c r="A89" s="5">
        <v>69</v>
      </c>
      <c r="B89" s="22">
        <v>81</v>
      </c>
      <c r="C89" s="14">
        <v>65</v>
      </c>
      <c r="D89" s="18">
        <v>146</v>
      </c>
    </row>
    <row r="90" spans="1:4" ht="18" customHeight="1" x14ac:dyDescent="0.15">
      <c r="A90" s="5" t="s">
        <v>20</v>
      </c>
      <c r="B90" s="22">
        <v>380</v>
      </c>
      <c r="C90" s="14">
        <v>390</v>
      </c>
      <c r="D90" s="18">
        <v>770</v>
      </c>
    </row>
    <row r="91" spans="1:4" ht="18" customHeight="1" x14ac:dyDescent="0.15">
      <c r="A91" s="5">
        <v>70</v>
      </c>
      <c r="B91" s="22">
        <v>84</v>
      </c>
      <c r="C91" s="14">
        <v>75</v>
      </c>
      <c r="D91" s="18">
        <v>159</v>
      </c>
    </row>
    <row r="92" spans="1:4" ht="18" customHeight="1" x14ac:dyDescent="0.15">
      <c r="A92" s="5">
        <v>71</v>
      </c>
      <c r="B92" s="22">
        <v>63</v>
      </c>
      <c r="C92" s="14">
        <v>81</v>
      </c>
      <c r="D92" s="18">
        <v>144</v>
      </c>
    </row>
    <row r="93" spans="1:4" ht="18" customHeight="1" x14ac:dyDescent="0.15">
      <c r="A93" s="5">
        <v>72</v>
      </c>
      <c r="B93" s="22">
        <v>76</v>
      </c>
      <c r="C93" s="14">
        <v>71</v>
      </c>
      <c r="D93" s="18">
        <v>147</v>
      </c>
    </row>
    <row r="94" spans="1:4" ht="18" customHeight="1" x14ac:dyDescent="0.15">
      <c r="A94" s="5">
        <v>73</v>
      </c>
      <c r="B94" s="22">
        <v>63</v>
      </c>
      <c r="C94" s="14">
        <v>90</v>
      </c>
      <c r="D94" s="18">
        <v>153</v>
      </c>
    </row>
    <row r="95" spans="1:4" ht="18" customHeight="1" x14ac:dyDescent="0.15">
      <c r="A95" s="5">
        <v>74</v>
      </c>
      <c r="B95" s="22">
        <v>74</v>
      </c>
      <c r="C95" s="14">
        <v>79</v>
      </c>
      <c r="D95" s="18">
        <v>153</v>
      </c>
    </row>
    <row r="96" spans="1:4" ht="18" customHeight="1" x14ac:dyDescent="0.15">
      <c r="A96" s="5" t="s">
        <v>33</v>
      </c>
      <c r="B96" s="22">
        <v>360</v>
      </c>
      <c r="C96" s="14">
        <v>396</v>
      </c>
      <c r="D96" s="18">
        <v>756</v>
      </c>
    </row>
    <row r="97" spans="1:4" ht="18" customHeight="1" x14ac:dyDescent="0.15">
      <c r="A97" s="5">
        <v>75</v>
      </c>
      <c r="B97" s="22">
        <v>81</v>
      </c>
      <c r="C97" s="14">
        <v>81</v>
      </c>
      <c r="D97" s="18">
        <v>162</v>
      </c>
    </row>
    <row r="98" spans="1:4" ht="18" customHeight="1" x14ac:dyDescent="0.15">
      <c r="A98" s="5">
        <v>76</v>
      </c>
      <c r="B98" s="22">
        <v>67</v>
      </c>
      <c r="C98" s="14">
        <v>84</v>
      </c>
      <c r="D98" s="18">
        <v>151</v>
      </c>
    </row>
    <row r="99" spans="1:4" ht="18" customHeight="1" x14ac:dyDescent="0.15">
      <c r="A99" s="5">
        <v>77</v>
      </c>
      <c r="B99" s="22">
        <v>86</v>
      </c>
      <c r="C99" s="14">
        <v>93</v>
      </c>
      <c r="D99" s="18">
        <v>179</v>
      </c>
    </row>
    <row r="100" spans="1:4" ht="18" customHeight="1" x14ac:dyDescent="0.15">
      <c r="A100" s="5">
        <v>78</v>
      </c>
      <c r="B100" s="22">
        <v>81</v>
      </c>
      <c r="C100" s="14">
        <v>122</v>
      </c>
      <c r="D100" s="18">
        <v>203</v>
      </c>
    </row>
    <row r="101" spans="1:4" ht="18" customHeight="1" x14ac:dyDescent="0.15">
      <c r="A101" s="5">
        <v>79</v>
      </c>
      <c r="B101" s="22">
        <v>61</v>
      </c>
      <c r="C101" s="14">
        <v>81</v>
      </c>
      <c r="D101" s="18">
        <v>142</v>
      </c>
    </row>
    <row r="102" spans="1:4" ht="18" customHeight="1" x14ac:dyDescent="0.15">
      <c r="A102" s="5" t="s">
        <v>0</v>
      </c>
      <c r="B102" s="22">
        <v>376</v>
      </c>
      <c r="C102" s="14">
        <v>461</v>
      </c>
      <c r="D102" s="18">
        <v>837</v>
      </c>
    </row>
    <row r="103" spans="1:4" ht="18" customHeight="1" x14ac:dyDescent="0.15">
      <c r="A103" s="5">
        <v>80</v>
      </c>
      <c r="B103" s="22">
        <v>44</v>
      </c>
      <c r="C103" s="14">
        <v>58</v>
      </c>
      <c r="D103" s="18">
        <v>102</v>
      </c>
    </row>
    <row r="104" spans="1:4" ht="18" customHeight="1" x14ac:dyDescent="0.15">
      <c r="A104" s="5">
        <v>81</v>
      </c>
      <c r="B104" s="22">
        <v>48</v>
      </c>
      <c r="C104" s="14">
        <v>82</v>
      </c>
      <c r="D104" s="18">
        <v>130</v>
      </c>
    </row>
    <row r="105" spans="1:4" ht="18" customHeight="1" x14ac:dyDescent="0.15">
      <c r="A105" s="5">
        <v>82</v>
      </c>
      <c r="B105" s="22">
        <v>46</v>
      </c>
      <c r="C105" s="14">
        <v>87</v>
      </c>
      <c r="D105" s="18">
        <v>133</v>
      </c>
    </row>
    <row r="106" spans="1:4" ht="18" customHeight="1" x14ac:dyDescent="0.15">
      <c r="A106" s="5">
        <v>83</v>
      </c>
      <c r="B106" s="22">
        <v>53</v>
      </c>
      <c r="C106" s="14">
        <v>80</v>
      </c>
      <c r="D106" s="18">
        <v>133</v>
      </c>
    </row>
    <row r="107" spans="1:4" ht="18" customHeight="1" x14ac:dyDescent="0.15">
      <c r="A107" s="5">
        <v>84</v>
      </c>
      <c r="B107" s="22">
        <v>63</v>
      </c>
      <c r="C107" s="14">
        <v>98</v>
      </c>
      <c r="D107" s="18">
        <v>161</v>
      </c>
    </row>
    <row r="108" spans="1:4" ht="18" customHeight="1" x14ac:dyDescent="0.15">
      <c r="A108" s="5" t="s">
        <v>35</v>
      </c>
      <c r="B108" s="22">
        <v>254</v>
      </c>
      <c r="C108" s="14">
        <v>405</v>
      </c>
      <c r="D108" s="18">
        <v>659</v>
      </c>
    </row>
    <row r="109" spans="1:4" ht="18" customHeight="1" x14ac:dyDescent="0.15">
      <c r="A109" s="5">
        <v>85</v>
      </c>
      <c r="B109" s="22">
        <v>36</v>
      </c>
      <c r="C109" s="14">
        <v>83</v>
      </c>
      <c r="D109" s="18">
        <v>119</v>
      </c>
    </row>
    <row r="110" spans="1:4" ht="18" customHeight="1" x14ac:dyDescent="0.15">
      <c r="A110" s="5">
        <v>86</v>
      </c>
      <c r="B110" s="22">
        <v>36</v>
      </c>
      <c r="C110" s="14">
        <v>58</v>
      </c>
      <c r="D110" s="18">
        <v>94</v>
      </c>
    </row>
    <row r="111" spans="1:4" ht="18" customHeight="1" x14ac:dyDescent="0.15">
      <c r="A111" s="5">
        <v>87</v>
      </c>
      <c r="B111" s="22">
        <v>28</v>
      </c>
      <c r="C111" s="14">
        <v>48</v>
      </c>
      <c r="D111" s="18">
        <v>76</v>
      </c>
    </row>
    <row r="112" spans="1:4" ht="18" customHeight="1" x14ac:dyDescent="0.15">
      <c r="A112" s="5">
        <v>88</v>
      </c>
      <c r="B112" s="22">
        <v>33</v>
      </c>
      <c r="C112" s="14">
        <v>43</v>
      </c>
      <c r="D112" s="18">
        <v>76</v>
      </c>
    </row>
    <row r="113" spans="1:4" ht="18" customHeight="1" x14ac:dyDescent="0.15">
      <c r="A113" s="5">
        <v>89</v>
      </c>
      <c r="B113" s="22">
        <v>24</v>
      </c>
      <c r="C113" s="14">
        <v>38</v>
      </c>
      <c r="D113" s="18">
        <v>62</v>
      </c>
    </row>
    <row r="114" spans="1:4" ht="18" customHeight="1" x14ac:dyDescent="0.15">
      <c r="A114" s="5" t="s">
        <v>37</v>
      </c>
      <c r="B114" s="22">
        <v>157</v>
      </c>
      <c r="C114" s="14">
        <v>270</v>
      </c>
      <c r="D114" s="18">
        <v>427</v>
      </c>
    </row>
    <row r="115" spans="1:4" ht="18" customHeight="1" x14ac:dyDescent="0.15">
      <c r="A115" s="5">
        <v>90</v>
      </c>
      <c r="B115" s="22">
        <v>21</v>
      </c>
      <c r="C115" s="14">
        <v>58</v>
      </c>
      <c r="D115" s="18">
        <v>79</v>
      </c>
    </row>
    <row r="116" spans="1:4" ht="18" customHeight="1" x14ac:dyDescent="0.15">
      <c r="A116" s="5">
        <v>91</v>
      </c>
      <c r="B116" s="22">
        <v>15</v>
      </c>
      <c r="C116" s="14">
        <v>41</v>
      </c>
      <c r="D116" s="18">
        <v>56</v>
      </c>
    </row>
    <row r="117" spans="1:4" ht="18" customHeight="1" x14ac:dyDescent="0.15">
      <c r="A117" s="5">
        <v>92</v>
      </c>
      <c r="B117" s="22">
        <v>16</v>
      </c>
      <c r="C117" s="14">
        <v>44</v>
      </c>
      <c r="D117" s="18">
        <v>60</v>
      </c>
    </row>
    <row r="118" spans="1:4" ht="18" customHeight="1" x14ac:dyDescent="0.15">
      <c r="A118" s="5">
        <v>93</v>
      </c>
      <c r="B118" s="22">
        <v>9</v>
      </c>
      <c r="C118" s="14">
        <v>23</v>
      </c>
      <c r="D118" s="18">
        <v>32</v>
      </c>
    </row>
    <row r="119" spans="1:4" ht="18" customHeight="1" x14ac:dyDescent="0.15">
      <c r="A119" s="5">
        <v>94</v>
      </c>
      <c r="B119" s="22">
        <v>9</v>
      </c>
      <c r="C119" s="14">
        <v>26</v>
      </c>
      <c r="D119" s="18">
        <v>35</v>
      </c>
    </row>
    <row r="120" spans="1:4" ht="18" customHeight="1" x14ac:dyDescent="0.15">
      <c r="A120" s="5" t="s">
        <v>39</v>
      </c>
      <c r="B120" s="22">
        <v>70</v>
      </c>
      <c r="C120" s="14">
        <v>192</v>
      </c>
      <c r="D120" s="18">
        <v>262</v>
      </c>
    </row>
    <row r="121" spans="1:4" ht="18" customHeight="1" x14ac:dyDescent="0.15">
      <c r="A121" s="5">
        <v>95</v>
      </c>
      <c r="B121" s="22">
        <v>2</v>
      </c>
      <c r="C121" s="14">
        <v>26</v>
      </c>
      <c r="D121" s="18">
        <v>28</v>
      </c>
    </row>
    <row r="122" spans="1:4" ht="18" customHeight="1" x14ac:dyDescent="0.15">
      <c r="A122" s="5">
        <v>96</v>
      </c>
      <c r="B122" s="22">
        <v>2</v>
      </c>
      <c r="C122" s="14">
        <v>23</v>
      </c>
      <c r="D122" s="18">
        <v>25</v>
      </c>
    </row>
    <row r="123" spans="1:4" ht="18" customHeight="1" x14ac:dyDescent="0.15">
      <c r="A123" s="5">
        <v>97</v>
      </c>
      <c r="B123" s="22">
        <v>4</v>
      </c>
      <c r="C123" s="14">
        <v>9</v>
      </c>
      <c r="D123" s="18">
        <v>13</v>
      </c>
    </row>
    <row r="124" spans="1:4" ht="18" customHeight="1" x14ac:dyDescent="0.15">
      <c r="A124" s="5">
        <v>98</v>
      </c>
      <c r="B124" s="22">
        <v>0</v>
      </c>
      <c r="C124" s="14">
        <v>5</v>
      </c>
      <c r="D124" s="18">
        <v>5</v>
      </c>
    </row>
    <row r="125" spans="1:4" ht="18" customHeight="1" x14ac:dyDescent="0.15">
      <c r="A125" s="5">
        <v>99</v>
      </c>
      <c r="B125" s="22">
        <v>1</v>
      </c>
      <c r="C125" s="14">
        <v>4</v>
      </c>
      <c r="D125" s="18">
        <v>5</v>
      </c>
    </row>
    <row r="126" spans="1:4" ht="18" customHeight="1" x14ac:dyDescent="0.15">
      <c r="A126" s="5" t="s">
        <v>40</v>
      </c>
      <c r="B126" s="22">
        <v>9</v>
      </c>
      <c r="C126" s="14">
        <v>67</v>
      </c>
      <c r="D126" s="18">
        <v>76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6</v>
      </c>
      <c r="D128" s="18">
        <v>6</v>
      </c>
    </row>
    <row r="129" spans="1:4" ht="18" customHeight="1" x14ac:dyDescent="0.15">
      <c r="A129" s="5" t="s">
        <v>44</v>
      </c>
      <c r="B129" s="22">
        <v>0</v>
      </c>
      <c r="C129" s="14">
        <v>9</v>
      </c>
      <c r="D129" s="18">
        <v>9</v>
      </c>
    </row>
    <row r="130" spans="1:4" ht="18" customHeight="1" x14ac:dyDescent="0.15">
      <c r="A130" s="5" t="s">
        <v>46</v>
      </c>
      <c r="B130" s="22">
        <v>1606</v>
      </c>
      <c r="C130" s="14">
        <v>2190</v>
      </c>
      <c r="D130" s="18">
        <v>3796</v>
      </c>
    </row>
    <row r="131" spans="1:4" ht="18" customHeight="1" x14ac:dyDescent="0.15">
      <c r="A131" s="7" t="s">
        <v>45</v>
      </c>
      <c r="B131" s="23">
        <v>5117</v>
      </c>
      <c r="C131" s="15">
        <v>5393</v>
      </c>
      <c r="D131" s="19">
        <v>1051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700-000000000000}">
  <sheetPr codeName="Sheet6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28</v>
      </c>
      <c r="C5" s="29">
        <v>35</v>
      </c>
      <c r="D5" s="31">
        <v>63</v>
      </c>
    </row>
    <row r="6" spans="1:4" ht="18" customHeight="1" x14ac:dyDescent="0.15">
      <c r="A6" s="5">
        <v>1</v>
      </c>
      <c r="B6" s="27">
        <v>39</v>
      </c>
      <c r="C6" s="14">
        <v>32</v>
      </c>
      <c r="D6" s="18">
        <v>71</v>
      </c>
    </row>
    <row r="7" spans="1:4" ht="18" customHeight="1" x14ac:dyDescent="0.15">
      <c r="A7" s="5">
        <v>2</v>
      </c>
      <c r="B7" s="27">
        <v>43</v>
      </c>
      <c r="C7" s="14">
        <v>39</v>
      </c>
      <c r="D7" s="18">
        <v>82</v>
      </c>
    </row>
    <row r="8" spans="1:4" ht="18" customHeight="1" x14ac:dyDescent="0.15">
      <c r="A8" s="5">
        <v>3</v>
      </c>
      <c r="B8" s="27">
        <v>46</v>
      </c>
      <c r="C8" s="14">
        <v>38</v>
      </c>
      <c r="D8" s="18">
        <v>84</v>
      </c>
    </row>
    <row r="9" spans="1:4" ht="18" customHeight="1" x14ac:dyDescent="0.15">
      <c r="A9" s="5">
        <v>4</v>
      </c>
      <c r="B9" s="28">
        <v>46</v>
      </c>
      <c r="C9" s="30">
        <v>38</v>
      </c>
      <c r="D9" s="32">
        <v>84</v>
      </c>
    </row>
    <row r="10" spans="1:4" ht="18" customHeight="1" x14ac:dyDescent="0.15">
      <c r="A10" s="5" t="s">
        <v>7</v>
      </c>
      <c r="B10" s="22">
        <v>202</v>
      </c>
      <c r="C10" s="14">
        <v>182</v>
      </c>
      <c r="D10" s="18">
        <v>384</v>
      </c>
    </row>
    <row r="11" spans="1:4" ht="18" customHeight="1" x14ac:dyDescent="0.15">
      <c r="A11" s="5">
        <v>5</v>
      </c>
      <c r="B11" s="27">
        <v>42</v>
      </c>
      <c r="C11" s="14">
        <v>48</v>
      </c>
      <c r="D11" s="18">
        <v>90</v>
      </c>
    </row>
    <row r="12" spans="1:4" ht="18" customHeight="1" x14ac:dyDescent="0.15">
      <c r="A12" s="5">
        <v>6</v>
      </c>
      <c r="B12" s="27">
        <v>49</v>
      </c>
      <c r="C12" s="14">
        <v>39</v>
      </c>
      <c r="D12" s="18">
        <v>88</v>
      </c>
    </row>
    <row r="13" spans="1:4" ht="18" customHeight="1" x14ac:dyDescent="0.15">
      <c r="A13" s="5">
        <v>7</v>
      </c>
      <c r="B13" s="27">
        <v>49</v>
      </c>
      <c r="C13" s="14">
        <v>55</v>
      </c>
      <c r="D13" s="18">
        <v>104</v>
      </c>
    </row>
    <row r="14" spans="1:4" ht="18" customHeight="1" x14ac:dyDescent="0.15">
      <c r="A14" s="5">
        <v>8</v>
      </c>
      <c r="B14" s="27">
        <v>47</v>
      </c>
      <c r="C14" s="14">
        <v>40</v>
      </c>
      <c r="D14" s="18">
        <v>87</v>
      </c>
    </row>
    <row r="15" spans="1:4" ht="18" customHeight="1" x14ac:dyDescent="0.15">
      <c r="A15" s="5">
        <v>9</v>
      </c>
      <c r="B15" s="27">
        <v>56</v>
      </c>
      <c r="C15" s="14">
        <v>29</v>
      </c>
      <c r="D15" s="18">
        <v>85</v>
      </c>
    </row>
    <row r="16" spans="1:4" ht="18" customHeight="1" x14ac:dyDescent="0.15">
      <c r="A16" s="5" t="s">
        <v>11</v>
      </c>
      <c r="B16" s="22">
        <v>243</v>
      </c>
      <c r="C16" s="14">
        <v>211</v>
      </c>
      <c r="D16" s="18">
        <v>454</v>
      </c>
    </row>
    <row r="17" spans="1:4" ht="18" customHeight="1" x14ac:dyDescent="0.15">
      <c r="A17" s="5">
        <v>10</v>
      </c>
      <c r="B17" s="22">
        <v>30</v>
      </c>
      <c r="C17" s="14">
        <v>49</v>
      </c>
      <c r="D17" s="18">
        <v>79</v>
      </c>
    </row>
    <row r="18" spans="1:4" ht="18" customHeight="1" x14ac:dyDescent="0.15">
      <c r="A18" s="5">
        <v>11</v>
      </c>
      <c r="B18" s="22">
        <v>38</v>
      </c>
      <c r="C18" s="14">
        <v>39</v>
      </c>
      <c r="D18" s="18">
        <v>77</v>
      </c>
    </row>
    <row r="19" spans="1:4" ht="18" customHeight="1" x14ac:dyDescent="0.15">
      <c r="A19" s="5">
        <v>12</v>
      </c>
      <c r="B19" s="22">
        <v>39</v>
      </c>
      <c r="C19" s="14">
        <v>36</v>
      </c>
      <c r="D19" s="18">
        <v>75</v>
      </c>
    </row>
    <row r="20" spans="1:4" ht="18" customHeight="1" x14ac:dyDescent="0.15">
      <c r="A20" s="5">
        <v>13</v>
      </c>
      <c r="B20" s="22">
        <v>39</v>
      </c>
      <c r="C20" s="14">
        <v>31</v>
      </c>
      <c r="D20" s="18">
        <v>70</v>
      </c>
    </row>
    <row r="21" spans="1:4" ht="18" customHeight="1" x14ac:dyDescent="0.15">
      <c r="A21" s="5">
        <v>14</v>
      </c>
      <c r="B21" s="22">
        <v>39</v>
      </c>
      <c r="C21" s="14">
        <v>30</v>
      </c>
      <c r="D21" s="18">
        <v>69</v>
      </c>
    </row>
    <row r="22" spans="1:4" ht="18" customHeight="1" x14ac:dyDescent="0.15">
      <c r="A22" s="5" t="s">
        <v>12</v>
      </c>
      <c r="B22" s="22">
        <v>185</v>
      </c>
      <c r="C22" s="14">
        <v>185</v>
      </c>
      <c r="D22" s="18">
        <v>370</v>
      </c>
    </row>
    <row r="23" spans="1:4" ht="18" customHeight="1" x14ac:dyDescent="0.15">
      <c r="A23" s="5" t="s">
        <v>6</v>
      </c>
      <c r="B23" s="22">
        <v>630</v>
      </c>
      <c r="C23" s="14">
        <v>578</v>
      </c>
      <c r="D23" s="18">
        <v>1208</v>
      </c>
    </row>
    <row r="24" spans="1:4" ht="18" customHeight="1" x14ac:dyDescent="0.15">
      <c r="A24" s="5">
        <v>15</v>
      </c>
      <c r="B24" s="22">
        <v>44</v>
      </c>
      <c r="C24" s="14">
        <v>31</v>
      </c>
      <c r="D24" s="18">
        <v>75</v>
      </c>
    </row>
    <row r="25" spans="1:4" ht="18" customHeight="1" x14ac:dyDescent="0.15">
      <c r="A25" s="5">
        <v>16</v>
      </c>
      <c r="B25" s="22">
        <v>36</v>
      </c>
      <c r="C25" s="14">
        <v>32</v>
      </c>
      <c r="D25" s="18">
        <v>68</v>
      </c>
    </row>
    <row r="26" spans="1:4" ht="18" customHeight="1" x14ac:dyDescent="0.15">
      <c r="A26" s="5">
        <v>17</v>
      </c>
      <c r="B26" s="22">
        <v>39</v>
      </c>
      <c r="C26" s="14">
        <v>35</v>
      </c>
      <c r="D26" s="18">
        <v>74</v>
      </c>
    </row>
    <row r="27" spans="1:4" ht="18" customHeight="1" x14ac:dyDescent="0.15">
      <c r="A27" s="5">
        <v>18</v>
      </c>
      <c r="B27" s="22">
        <v>45</v>
      </c>
      <c r="C27" s="14">
        <v>31</v>
      </c>
      <c r="D27" s="18">
        <v>76</v>
      </c>
    </row>
    <row r="28" spans="1:4" ht="18" customHeight="1" x14ac:dyDescent="0.15">
      <c r="A28" s="5">
        <v>19</v>
      </c>
      <c r="B28" s="22">
        <v>34</v>
      </c>
      <c r="C28" s="14">
        <v>39</v>
      </c>
      <c r="D28" s="18">
        <v>73</v>
      </c>
    </row>
    <row r="29" spans="1:4" ht="18" customHeight="1" x14ac:dyDescent="0.15">
      <c r="A29" s="5" t="s">
        <v>14</v>
      </c>
      <c r="B29" s="22">
        <v>198</v>
      </c>
      <c r="C29" s="14">
        <v>168</v>
      </c>
      <c r="D29" s="18">
        <v>366</v>
      </c>
    </row>
    <row r="30" spans="1:4" ht="18" customHeight="1" x14ac:dyDescent="0.15">
      <c r="A30" s="5">
        <v>20</v>
      </c>
      <c r="B30" s="22">
        <v>42</v>
      </c>
      <c r="C30" s="14">
        <v>32</v>
      </c>
      <c r="D30" s="18">
        <v>74</v>
      </c>
    </row>
    <row r="31" spans="1:4" ht="18" customHeight="1" x14ac:dyDescent="0.15">
      <c r="A31" s="5">
        <v>21</v>
      </c>
      <c r="B31" s="22">
        <v>40</v>
      </c>
      <c r="C31" s="14">
        <v>32</v>
      </c>
      <c r="D31" s="18">
        <v>72</v>
      </c>
    </row>
    <row r="32" spans="1:4" ht="18" customHeight="1" x14ac:dyDescent="0.15">
      <c r="A32" s="5">
        <v>22</v>
      </c>
      <c r="B32" s="22">
        <v>42</v>
      </c>
      <c r="C32" s="14">
        <v>25</v>
      </c>
      <c r="D32" s="18">
        <v>67</v>
      </c>
    </row>
    <row r="33" spans="1:4" ht="18" customHeight="1" x14ac:dyDescent="0.15">
      <c r="A33" s="5">
        <v>23</v>
      </c>
      <c r="B33" s="22">
        <v>44</v>
      </c>
      <c r="C33" s="14">
        <v>35</v>
      </c>
      <c r="D33" s="18">
        <v>79</v>
      </c>
    </row>
    <row r="34" spans="1:4" ht="18" customHeight="1" x14ac:dyDescent="0.15">
      <c r="A34" s="5">
        <v>24</v>
      </c>
      <c r="B34" s="22">
        <v>48</v>
      </c>
      <c r="C34" s="14">
        <v>44</v>
      </c>
      <c r="D34" s="18">
        <v>92</v>
      </c>
    </row>
    <row r="35" spans="1:4" ht="18" customHeight="1" x14ac:dyDescent="0.15">
      <c r="A35" s="5" t="s">
        <v>9</v>
      </c>
      <c r="B35" s="22">
        <v>216</v>
      </c>
      <c r="C35" s="14">
        <v>168</v>
      </c>
      <c r="D35" s="18">
        <v>384</v>
      </c>
    </row>
    <row r="36" spans="1:4" ht="18" customHeight="1" x14ac:dyDescent="0.15">
      <c r="A36" s="5">
        <v>25</v>
      </c>
      <c r="B36" s="22">
        <v>29</v>
      </c>
      <c r="C36" s="14">
        <v>32</v>
      </c>
      <c r="D36" s="18">
        <v>61</v>
      </c>
    </row>
    <row r="37" spans="1:4" ht="18" customHeight="1" x14ac:dyDescent="0.15">
      <c r="A37" s="5">
        <v>26</v>
      </c>
      <c r="B37" s="22">
        <v>43</v>
      </c>
      <c r="C37" s="14">
        <v>40</v>
      </c>
      <c r="D37" s="18">
        <v>83</v>
      </c>
    </row>
    <row r="38" spans="1:4" ht="18" customHeight="1" x14ac:dyDescent="0.15">
      <c r="A38" s="5">
        <v>27</v>
      </c>
      <c r="B38" s="22">
        <v>46</v>
      </c>
      <c r="C38" s="14">
        <v>36</v>
      </c>
      <c r="D38" s="18">
        <v>82</v>
      </c>
    </row>
    <row r="39" spans="1:4" ht="18" customHeight="1" x14ac:dyDescent="0.15">
      <c r="A39" s="5">
        <v>28</v>
      </c>
      <c r="B39" s="22">
        <v>31</v>
      </c>
      <c r="C39" s="14">
        <v>43</v>
      </c>
      <c r="D39" s="18">
        <v>74</v>
      </c>
    </row>
    <row r="40" spans="1:4" ht="18" customHeight="1" x14ac:dyDescent="0.15">
      <c r="A40" s="5">
        <v>29</v>
      </c>
      <c r="B40" s="22">
        <v>28</v>
      </c>
      <c r="C40" s="14">
        <v>32</v>
      </c>
      <c r="D40" s="18">
        <v>60</v>
      </c>
    </row>
    <row r="41" spans="1:4" ht="18" customHeight="1" x14ac:dyDescent="0.15">
      <c r="A41" s="5" t="s">
        <v>2</v>
      </c>
      <c r="B41" s="22">
        <v>177</v>
      </c>
      <c r="C41" s="14">
        <v>183</v>
      </c>
      <c r="D41" s="18">
        <v>360</v>
      </c>
    </row>
    <row r="42" spans="1:4" ht="18" customHeight="1" x14ac:dyDescent="0.15">
      <c r="A42" s="5">
        <v>30</v>
      </c>
      <c r="B42" s="22">
        <v>48</v>
      </c>
      <c r="C42" s="14">
        <v>41</v>
      </c>
      <c r="D42" s="18">
        <v>89</v>
      </c>
    </row>
    <row r="43" spans="1:4" ht="18" customHeight="1" x14ac:dyDescent="0.15">
      <c r="A43" s="5">
        <v>31</v>
      </c>
      <c r="B43" s="22">
        <v>51</v>
      </c>
      <c r="C43" s="14">
        <v>48</v>
      </c>
      <c r="D43" s="18">
        <v>99</v>
      </c>
    </row>
    <row r="44" spans="1:4" ht="18" customHeight="1" x14ac:dyDescent="0.15">
      <c r="A44" s="5">
        <v>32</v>
      </c>
      <c r="B44" s="22">
        <v>52</v>
      </c>
      <c r="C44" s="14">
        <v>56</v>
      </c>
      <c r="D44" s="18">
        <v>108</v>
      </c>
    </row>
    <row r="45" spans="1:4" ht="18" customHeight="1" x14ac:dyDescent="0.15">
      <c r="A45" s="5">
        <v>33</v>
      </c>
      <c r="B45" s="22">
        <v>59</v>
      </c>
      <c r="C45" s="14">
        <v>48</v>
      </c>
      <c r="D45" s="18">
        <v>107</v>
      </c>
    </row>
    <row r="46" spans="1:4" ht="18" customHeight="1" x14ac:dyDescent="0.15">
      <c r="A46" s="5">
        <v>34</v>
      </c>
      <c r="B46" s="22">
        <v>47</v>
      </c>
      <c r="C46" s="14">
        <v>58</v>
      </c>
      <c r="D46" s="18">
        <v>105</v>
      </c>
    </row>
    <row r="47" spans="1:4" ht="18" customHeight="1" x14ac:dyDescent="0.15">
      <c r="A47" s="5" t="s">
        <v>15</v>
      </c>
      <c r="B47" s="22">
        <v>257</v>
      </c>
      <c r="C47" s="14">
        <v>251</v>
      </c>
      <c r="D47" s="18">
        <v>508</v>
      </c>
    </row>
    <row r="48" spans="1:4" ht="18" customHeight="1" x14ac:dyDescent="0.15">
      <c r="A48" s="5">
        <v>35</v>
      </c>
      <c r="B48" s="22">
        <v>57</v>
      </c>
      <c r="C48" s="14">
        <v>50</v>
      </c>
      <c r="D48" s="18">
        <v>107</v>
      </c>
    </row>
    <row r="49" spans="1:4" ht="18" customHeight="1" x14ac:dyDescent="0.15">
      <c r="A49" s="5">
        <v>36</v>
      </c>
      <c r="B49" s="22">
        <v>55</v>
      </c>
      <c r="C49" s="14">
        <v>56</v>
      </c>
      <c r="D49" s="18">
        <v>111</v>
      </c>
    </row>
    <row r="50" spans="1:4" ht="18" customHeight="1" x14ac:dyDescent="0.15">
      <c r="A50" s="5">
        <v>37</v>
      </c>
      <c r="B50" s="22">
        <v>59</v>
      </c>
      <c r="C50" s="14">
        <v>55</v>
      </c>
      <c r="D50" s="18">
        <v>114</v>
      </c>
    </row>
    <row r="51" spans="1:4" ht="18" customHeight="1" x14ac:dyDescent="0.15">
      <c r="A51" s="5">
        <v>38</v>
      </c>
      <c r="B51" s="22">
        <v>50</v>
      </c>
      <c r="C51" s="14">
        <v>40</v>
      </c>
      <c r="D51" s="18">
        <v>90</v>
      </c>
    </row>
    <row r="52" spans="1:4" ht="18" customHeight="1" x14ac:dyDescent="0.15">
      <c r="A52" s="5">
        <v>39</v>
      </c>
      <c r="B52" s="22">
        <v>65</v>
      </c>
      <c r="C52" s="14">
        <v>54</v>
      </c>
      <c r="D52" s="18">
        <v>119</v>
      </c>
    </row>
    <row r="53" spans="1:4" ht="18" customHeight="1" x14ac:dyDescent="0.15">
      <c r="A53" s="5" t="s">
        <v>18</v>
      </c>
      <c r="B53" s="22">
        <v>286</v>
      </c>
      <c r="C53" s="14">
        <v>255</v>
      </c>
      <c r="D53" s="18">
        <v>541</v>
      </c>
    </row>
    <row r="54" spans="1:4" ht="18" customHeight="1" x14ac:dyDescent="0.15">
      <c r="A54" s="5">
        <v>40</v>
      </c>
      <c r="B54" s="22">
        <v>51</v>
      </c>
      <c r="C54" s="14">
        <v>47</v>
      </c>
      <c r="D54" s="18">
        <v>98</v>
      </c>
    </row>
    <row r="55" spans="1:4" ht="18" customHeight="1" x14ac:dyDescent="0.15">
      <c r="A55" s="5">
        <v>41</v>
      </c>
      <c r="B55" s="22">
        <v>72</v>
      </c>
      <c r="C55" s="14">
        <v>60</v>
      </c>
      <c r="D55" s="18">
        <v>132</v>
      </c>
    </row>
    <row r="56" spans="1:4" ht="18" customHeight="1" x14ac:dyDescent="0.15">
      <c r="A56" s="5">
        <v>42</v>
      </c>
      <c r="B56" s="22">
        <v>52</v>
      </c>
      <c r="C56" s="14">
        <v>41</v>
      </c>
      <c r="D56" s="18">
        <v>93</v>
      </c>
    </row>
    <row r="57" spans="1:4" ht="18" customHeight="1" x14ac:dyDescent="0.15">
      <c r="A57" s="5">
        <v>43</v>
      </c>
      <c r="B57" s="22">
        <v>49</v>
      </c>
      <c r="C57" s="14">
        <v>45</v>
      </c>
      <c r="D57" s="18">
        <v>94</v>
      </c>
    </row>
    <row r="58" spans="1:4" ht="18" customHeight="1" x14ac:dyDescent="0.15">
      <c r="A58" s="5">
        <v>44</v>
      </c>
      <c r="B58" s="22">
        <v>57</v>
      </c>
      <c r="C58" s="14">
        <v>62</v>
      </c>
      <c r="D58" s="18">
        <v>119</v>
      </c>
    </row>
    <row r="59" spans="1:4" ht="18" customHeight="1" x14ac:dyDescent="0.15">
      <c r="A59" s="5" t="s">
        <v>21</v>
      </c>
      <c r="B59" s="22">
        <v>281</v>
      </c>
      <c r="C59" s="14">
        <v>255</v>
      </c>
      <c r="D59" s="18">
        <v>536</v>
      </c>
    </row>
    <row r="60" spans="1:4" ht="18" customHeight="1" x14ac:dyDescent="0.15">
      <c r="A60" s="5">
        <v>45</v>
      </c>
      <c r="B60" s="22">
        <v>50</v>
      </c>
      <c r="C60" s="14">
        <v>50</v>
      </c>
      <c r="D60" s="18">
        <v>100</v>
      </c>
    </row>
    <row r="61" spans="1:4" ht="18" customHeight="1" x14ac:dyDescent="0.15">
      <c r="A61" s="5">
        <v>46</v>
      </c>
      <c r="B61" s="22">
        <v>66</v>
      </c>
      <c r="C61" s="14">
        <v>61</v>
      </c>
      <c r="D61" s="18">
        <v>127</v>
      </c>
    </row>
    <row r="62" spans="1:4" ht="18" customHeight="1" x14ac:dyDescent="0.15">
      <c r="A62" s="5">
        <v>47</v>
      </c>
      <c r="B62" s="22">
        <v>53</v>
      </c>
      <c r="C62" s="14">
        <v>54</v>
      </c>
      <c r="D62" s="18">
        <v>107</v>
      </c>
    </row>
    <row r="63" spans="1:4" ht="18" customHeight="1" x14ac:dyDescent="0.15">
      <c r="A63" s="5">
        <v>48</v>
      </c>
      <c r="B63" s="22">
        <v>62</v>
      </c>
      <c r="C63" s="14">
        <v>57</v>
      </c>
      <c r="D63" s="18">
        <v>119</v>
      </c>
    </row>
    <row r="64" spans="1:4" ht="18" customHeight="1" x14ac:dyDescent="0.15">
      <c r="A64" s="5">
        <v>49</v>
      </c>
      <c r="B64" s="22">
        <v>55</v>
      </c>
      <c r="C64" s="14">
        <v>53</v>
      </c>
      <c r="D64" s="18">
        <v>108</v>
      </c>
    </row>
    <row r="65" spans="1:4" ht="18" customHeight="1" x14ac:dyDescent="0.15">
      <c r="A65" s="5" t="s">
        <v>17</v>
      </c>
      <c r="B65" s="22">
        <v>286</v>
      </c>
      <c r="C65" s="14">
        <v>275</v>
      </c>
      <c r="D65" s="18">
        <v>561</v>
      </c>
    </row>
    <row r="66" spans="1:4" ht="18" customHeight="1" x14ac:dyDescent="0.15">
      <c r="A66" s="5">
        <v>50</v>
      </c>
      <c r="B66" s="22">
        <v>89</v>
      </c>
      <c r="C66" s="14">
        <v>59</v>
      </c>
      <c r="D66" s="18">
        <v>148</v>
      </c>
    </row>
    <row r="67" spans="1:4" ht="18" customHeight="1" x14ac:dyDescent="0.15">
      <c r="A67" s="5">
        <v>51</v>
      </c>
      <c r="B67" s="22">
        <v>47</v>
      </c>
      <c r="C67" s="14">
        <v>61</v>
      </c>
      <c r="D67" s="18">
        <v>108</v>
      </c>
    </row>
    <row r="68" spans="1:4" ht="18" customHeight="1" x14ac:dyDescent="0.15">
      <c r="A68" s="5">
        <v>52</v>
      </c>
      <c r="B68" s="22">
        <v>63</v>
      </c>
      <c r="C68" s="14">
        <v>68</v>
      </c>
      <c r="D68" s="18">
        <v>131</v>
      </c>
    </row>
    <row r="69" spans="1:4" ht="18" customHeight="1" x14ac:dyDescent="0.15">
      <c r="A69" s="5">
        <v>53</v>
      </c>
      <c r="B69" s="22">
        <v>70</v>
      </c>
      <c r="C69" s="14">
        <v>53</v>
      </c>
      <c r="D69" s="18">
        <v>123</v>
      </c>
    </row>
    <row r="70" spans="1:4" ht="18" customHeight="1" x14ac:dyDescent="0.15">
      <c r="A70" s="5">
        <v>54</v>
      </c>
      <c r="B70" s="22">
        <v>59</v>
      </c>
      <c r="C70" s="14">
        <v>51</v>
      </c>
      <c r="D70" s="18">
        <v>110</v>
      </c>
    </row>
    <row r="71" spans="1:4" ht="18" customHeight="1" x14ac:dyDescent="0.15">
      <c r="A71" s="5" t="s">
        <v>22</v>
      </c>
      <c r="B71" s="22">
        <v>328</v>
      </c>
      <c r="C71" s="14">
        <v>292</v>
      </c>
      <c r="D71" s="18">
        <v>620</v>
      </c>
    </row>
    <row r="72" spans="1:4" ht="18" customHeight="1" x14ac:dyDescent="0.15">
      <c r="A72" s="5">
        <v>55</v>
      </c>
      <c r="B72" s="22">
        <v>46</v>
      </c>
      <c r="C72" s="14">
        <v>53</v>
      </c>
      <c r="D72" s="18">
        <v>99</v>
      </c>
    </row>
    <row r="73" spans="1:4" ht="18" customHeight="1" x14ac:dyDescent="0.15">
      <c r="A73" s="5">
        <v>56</v>
      </c>
      <c r="B73" s="22">
        <v>45</v>
      </c>
      <c r="C73" s="14">
        <v>52</v>
      </c>
      <c r="D73" s="18">
        <v>97</v>
      </c>
    </row>
    <row r="74" spans="1:4" ht="18" customHeight="1" x14ac:dyDescent="0.15">
      <c r="A74" s="5">
        <v>57</v>
      </c>
      <c r="B74" s="22">
        <v>58</v>
      </c>
      <c r="C74" s="14">
        <v>49</v>
      </c>
      <c r="D74" s="18">
        <v>107</v>
      </c>
    </row>
    <row r="75" spans="1:4" ht="18" customHeight="1" x14ac:dyDescent="0.15">
      <c r="A75" s="5">
        <v>58</v>
      </c>
      <c r="B75" s="22">
        <v>45</v>
      </c>
      <c r="C75" s="14">
        <v>46</v>
      </c>
      <c r="D75" s="18">
        <v>91</v>
      </c>
    </row>
    <row r="76" spans="1:4" ht="18" customHeight="1" x14ac:dyDescent="0.15">
      <c r="A76" s="5">
        <v>59</v>
      </c>
      <c r="B76" s="22">
        <v>43</v>
      </c>
      <c r="C76" s="14">
        <v>53</v>
      </c>
      <c r="D76" s="18">
        <v>96</v>
      </c>
    </row>
    <row r="77" spans="1:4" ht="18" customHeight="1" x14ac:dyDescent="0.15">
      <c r="A77" s="5" t="s">
        <v>27</v>
      </c>
      <c r="B77" s="22">
        <v>237</v>
      </c>
      <c r="C77" s="14">
        <v>253</v>
      </c>
      <c r="D77" s="18">
        <v>490</v>
      </c>
    </row>
    <row r="78" spans="1:4" ht="18" customHeight="1" x14ac:dyDescent="0.15">
      <c r="A78" s="5">
        <v>60</v>
      </c>
      <c r="B78" s="22">
        <v>48</v>
      </c>
      <c r="C78" s="14">
        <v>33</v>
      </c>
      <c r="D78" s="18">
        <v>81</v>
      </c>
    </row>
    <row r="79" spans="1:4" ht="18" customHeight="1" x14ac:dyDescent="0.15">
      <c r="A79" s="5">
        <v>61</v>
      </c>
      <c r="B79" s="22">
        <v>49</v>
      </c>
      <c r="C79" s="14">
        <v>59</v>
      </c>
      <c r="D79" s="18">
        <v>108</v>
      </c>
    </row>
    <row r="80" spans="1:4" ht="18" customHeight="1" x14ac:dyDescent="0.15">
      <c r="A80" s="5">
        <v>62</v>
      </c>
      <c r="B80" s="22">
        <v>47</v>
      </c>
      <c r="C80" s="14">
        <v>46</v>
      </c>
      <c r="D80" s="18">
        <v>93</v>
      </c>
    </row>
    <row r="81" spans="1:4" ht="18" customHeight="1" x14ac:dyDescent="0.15">
      <c r="A81" s="5">
        <v>63</v>
      </c>
      <c r="B81" s="22">
        <v>47</v>
      </c>
      <c r="C81" s="14">
        <v>38</v>
      </c>
      <c r="D81" s="18">
        <v>85</v>
      </c>
    </row>
    <row r="82" spans="1:4" ht="18" customHeight="1" x14ac:dyDescent="0.15">
      <c r="A82" s="5">
        <v>64</v>
      </c>
      <c r="B82" s="22">
        <v>30</v>
      </c>
      <c r="C82" s="14">
        <v>36</v>
      </c>
      <c r="D82" s="18">
        <v>66</v>
      </c>
    </row>
    <row r="83" spans="1:4" ht="18" customHeight="1" x14ac:dyDescent="0.15">
      <c r="A83" s="5" t="s">
        <v>28</v>
      </c>
      <c r="B83" s="22">
        <v>221</v>
      </c>
      <c r="C83" s="14">
        <v>212</v>
      </c>
      <c r="D83" s="18">
        <v>433</v>
      </c>
    </row>
    <row r="84" spans="1:4" ht="18" customHeight="1" x14ac:dyDescent="0.15">
      <c r="A84" s="5" t="s">
        <v>31</v>
      </c>
      <c r="B84" s="22">
        <v>2487</v>
      </c>
      <c r="C84" s="14">
        <v>2312</v>
      </c>
      <c r="D84" s="18">
        <v>4799</v>
      </c>
    </row>
    <row r="85" spans="1:4" ht="18" customHeight="1" x14ac:dyDescent="0.15">
      <c r="A85" s="5">
        <v>65</v>
      </c>
      <c r="B85" s="22">
        <v>35</v>
      </c>
      <c r="C85" s="14">
        <v>35</v>
      </c>
      <c r="D85" s="18">
        <v>70</v>
      </c>
    </row>
    <row r="86" spans="1:4" ht="18" customHeight="1" x14ac:dyDescent="0.15">
      <c r="A86" s="5">
        <v>66</v>
      </c>
      <c r="B86" s="22">
        <v>40</v>
      </c>
      <c r="C86" s="14">
        <v>34</v>
      </c>
      <c r="D86" s="18">
        <v>74</v>
      </c>
    </row>
    <row r="87" spans="1:4" ht="18" customHeight="1" x14ac:dyDescent="0.15">
      <c r="A87" s="5">
        <v>67</v>
      </c>
      <c r="B87" s="22">
        <v>41</v>
      </c>
      <c r="C87" s="14">
        <v>39</v>
      </c>
      <c r="D87" s="18">
        <v>80</v>
      </c>
    </row>
    <row r="88" spans="1:4" ht="18" customHeight="1" x14ac:dyDescent="0.15">
      <c r="A88" s="5">
        <v>68</v>
      </c>
      <c r="B88" s="22">
        <v>45</v>
      </c>
      <c r="C88" s="14">
        <v>42</v>
      </c>
      <c r="D88" s="18">
        <v>87</v>
      </c>
    </row>
    <row r="89" spans="1:4" ht="18" customHeight="1" x14ac:dyDescent="0.15">
      <c r="A89" s="5">
        <v>69</v>
      </c>
      <c r="B89" s="22">
        <v>29</v>
      </c>
      <c r="C89" s="14">
        <v>41</v>
      </c>
      <c r="D89" s="18">
        <v>70</v>
      </c>
    </row>
    <row r="90" spans="1:4" ht="18" customHeight="1" x14ac:dyDescent="0.15">
      <c r="A90" s="5" t="s">
        <v>20</v>
      </c>
      <c r="B90" s="22">
        <v>190</v>
      </c>
      <c r="C90" s="14">
        <v>191</v>
      </c>
      <c r="D90" s="18">
        <v>381</v>
      </c>
    </row>
    <row r="91" spans="1:4" ht="18" customHeight="1" x14ac:dyDescent="0.15">
      <c r="A91" s="5">
        <v>70</v>
      </c>
      <c r="B91" s="22">
        <v>38</v>
      </c>
      <c r="C91" s="14">
        <v>53</v>
      </c>
      <c r="D91" s="18">
        <v>91</v>
      </c>
    </row>
    <row r="92" spans="1:4" ht="18" customHeight="1" x14ac:dyDescent="0.15">
      <c r="A92" s="5">
        <v>71</v>
      </c>
      <c r="B92" s="22">
        <v>40</v>
      </c>
      <c r="C92" s="14">
        <v>56</v>
      </c>
      <c r="D92" s="18">
        <v>96</v>
      </c>
    </row>
    <row r="93" spans="1:4" ht="18" customHeight="1" x14ac:dyDescent="0.15">
      <c r="A93" s="5">
        <v>72</v>
      </c>
      <c r="B93" s="22">
        <v>32</v>
      </c>
      <c r="C93" s="14">
        <v>44</v>
      </c>
      <c r="D93" s="18">
        <v>76</v>
      </c>
    </row>
    <row r="94" spans="1:4" ht="18" customHeight="1" x14ac:dyDescent="0.15">
      <c r="A94" s="5">
        <v>73</v>
      </c>
      <c r="B94" s="22">
        <v>43</v>
      </c>
      <c r="C94" s="14">
        <v>46</v>
      </c>
      <c r="D94" s="18">
        <v>89</v>
      </c>
    </row>
    <row r="95" spans="1:4" ht="18" customHeight="1" x14ac:dyDescent="0.15">
      <c r="A95" s="5">
        <v>74</v>
      </c>
      <c r="B95" s="22">
        <v>39</v>
      </c>
      <c r="C95" s="14">
        <v>46</v>
      </c>
      <c r="D95" s="18">
        <v>85</v>
      </c>
    </row>
    <row r="96" spans="1:4" ht="18" customHeight="1" x14ac:dyDescent="0.15">
      <c r="A96" s="5" t="s">
        <v>33</v>
      </c>
      <c r="B96" s="22">
        <v>192</v>
      </c>
      <c r="C96" s="14">
        <v>245</v>
      </c>
      <c r="D96" s="18">
        <v>437</v>
      </c>
    </row>
    <row r="97" spans="1:4" ht="18" customHeight="1" x14ac:dyDescent="0.15">
      <c r="A97" s="5">
        <v>75</v>
      </c>
      <c r="B97" s="22">
        <v>60</v>
      </c>
      <c r="C97" s="14">
        <v>41</v>
      </c>
      <c r="D97" s="18">
        <v>101</v>
      </c>
    </row>
    <row r="98" spans="1:4" ht="18" customHeight="1" x14ac:dyDescent="0.15">
      <c r="A98" s="5">
        <v>76</v>
      </c>
      <c r="B98" s="22">
        <v>50</v>
      </c>
      <c r="C98" s="14">
        <v>62</v>
      </c>
      <c r="D98" s="18">
        <v>112</v>
      </c>
    </row>
    <row r="99" spans="1:4" ht="18" customHeight="1" x14ac:dyDescent="0.15">
      <c r="A99" s="5">
        <v>77</v>
      </c>
      <c r="B99" s="22">
        <v>40</v>
      </c>
      <c r="C99" s="14">
        <v>56</v>
      </c>
      <c r="D99" s="18">
        <v>96</v>
      </c>
    </row>
    <row r="100" spans="1:4" ht="18" customHeight="1" x14ac:dyDescent="0.15">
      <c r="A100" s="5">
        <v>78</v>
      </c>
      <c r="B100" s="22">
        <v>46</v>
      </c>
      <c r="C100" s="14">
        <v>54</v>
      </c>
      <c r="D100" s="18">
        <v>100</v>
      </c>
    </row>
    <row r="101" spans="1:4" ht="18" customHeight="1" x14ac:dyDescent="0.15">
      <c r="A101" s="5">
        <v>79</v>
      </c>
      <c r="B101" s="22">
        <v>31</v>
      </c>
      <c r="C101" s="14">
        <v>40</v>
      </c>
      <c r="D101" s="18">
        <v>71</v>
      </c>
    </row>
    <row r="102" spans="1:4" ht="18" customHeight="1" x14ac:dyDescent="0.15">
      <c r="A102" s="5" t="s">
        <v>0</v>
      </c>
      <c r="B102" s="22">
        <v>227</v>
      </c>
      <c r="C102" s="14">
        <v>253</v>
      </c>
      <c r="D102" s="18">
        <v>480</v>
      </c>
    </row>
    <row r="103" spans="1:4" ht="18" customHeight="1" x14ac:dyDescent="0.15">
      <c r="A103" s="5">
        <v>80</v>
      </c>
      <c r="B103" s="22">
        <v>24</v>
      </c>
      <c r="C103" s="14">
        <v>37</v>
      </c>
      <c r="D103" s="18">
        <v>61</v>
      </c>
    </row>
    <row r="104" spans="1:4" ht="18" customHeight="1" x14ac:dyDescent="0.15">
      <c r="A104" s="5">
        <v>81</v>
      </c>
      <c r="B104" s="22">
        <v>30</v>
      </c>
      <c r="C104" s="14">
        <v>36</v>
      </c>
      <c r="D104" s="18">
        <v>66</v>
      </c>
    </row>
    <row r="105" spans="1:4" ht="18" customHeight="1" x14ac:dyDescent="0.15">
      <c r="A105" s="5">
        <v>82</v>
      </c>
      <c r="B105" s="22">
        <v>23</v>
      </c>
      <c r="C105" s="14">
        <v>44</v>
      </c>
      <c r="D105" s="18">
        <v>67</v>
      </c>
    </row>
    <row r="106" spans="1:4" ht="18" customHeight="1" x14ac:dyDescent="0.15">
      <c r="A106" s="5">
        <v>83</v>
      </c>
      <c r="B106" s="22">
        <v>23</v>
      </c>
      <c r="C106" s="14">
        <v>32</v>
      </c>
      <c r="D106" s="18">
        <v>55</v>
      </c>
    </row>
    <row r="107" spans="1:4" ht="18" customHeight="1" x14ac:dyDescent="0.15">
      <c r="A107" s="5">
        <v>84</v>
      </c>
      <c r="B107" s="22">
        <v>23</v>
      </c>
      <c r="C107" s="14">
        <v>44</v>
      </c>
      <c r="D107" s="18">
        <v>67</v>
      </c>
    </row>
    <row r="108" spans="1:4" ht="18" customHeight="1" x14ac:dyDescent="0.15">
      <c r="A108" s="5" t="s">
        <v>35</v>
      </c>
      <c r="B108" s="22">
        <v>123</v>
      </c>
      <c r="C108" s="14">
        <v>193</v>
      </c>
      <c r="D108" s="18">
        <v>316</v>
      </c>
    </row>
    <row r="109" spans="1:4" ht="18" customHeight="1" x14ac:dyDescent="0.15">
      <c r="A109" s="5">
        <v>85</v>
      </c>
      <c r="B109" s="22">
        <v>28</v>
      </c>
      <c r="C109" s="14">
        <v>30</v>
      </c>
      <c r="D109" s="18">
        <v>58</v>
      </c>
    </row>
    <row r="110" spans="1:4" ht="18" customHeight="1" x14ac:dyDescent="0.15">
      <c r="A110" s="5">
        <v>86</v>
      </c>
      <c r="B110" s="22">
        <v>19</v>
      </c>
      <c r="C110" s="14">
        <v>24</v>
      </c>
      <c r="D110" s="18">
        <v>43</v>
      </c>
    </row>
    <row r="111" spans="1:4" ht="18" customHeight="1" x14ac:dyDescent="0.15">
      <c r="A111" s="5">
        <v>87</v>
      </c>
      <c r="B111" s="22">
        <v>18</v>
      </c>
      <c r="C111" s="14">
        <v>17</v>
      </c>
      <c r="D111" s="18">
        <v>35</v>
      </c>
    </row>
    <row r="112" spans="1:4" ht="18" customHeight="1" x14ac:dyDescent="0.15">
      <c r="A112" s="5">
        <v>88</v>
      </c>
      <c r="B112" s="22">
        <v>14</v>
      </c>
      <c r="C112" s="14">
        <v>24</v>
      </c>
      <c r="D112" s="18">
        <v>38</v>
      </c>
    </row>
    <row r="113" spans="1:4" ht="18" customHeight="1" x14ac:dyDescent="0.15">
      <c r="A113" s="5">
        <v>89</v>
      </c>
      <c r="B113" s="22">
        <v>10</v>
      </c>
      <c r="C113" s="14">
        <v>19</v>
      </c>
      <c r="D113" s="18">
        <v>29</v>
      </c>
    </row>
    <row r="114" spans="1:4" ht="18" customHeight="1" x14ac:dyDescent="0.15">
      <c r="A114" s="5" t="s">
        <v>37</v>
      </c>
      <c r="B114" s="22">
        <v>89</v>
      </c>
      <c r="C114" s="14">
        <v>114</v>
      </c>
      <c r="D114" s="18">
        <v>203</v>
      </c>
    </row>
    <row r="115" spans="1:4" ht="18" customHeight="1" x14ac:dyDescent="0.15">
      <c r="A115" s="5">
        <v>90</v>
      </c>
      <c r="B115" s="22">
        <v>8</v>
      </c>
      <c r="C115" s="14">
        <v>29</v>
      </c>
      <c r="D115" s="18">
        <v>37</v>
      </c>
    </row>
    <row r="116" spans="1:4" ht="18" customHeight="1" x14ac:dyDescent="0.15">
      <c r="A116" s="5">
        <v>91</v>
      </c>
      <c r="B116" s="22">
        <v>10</v>
      </c>
      <c r="C116" s="14">
        <v>15</v>
      </c>
      <c r="D116" s="18">
        <v>25</v>
      </c>
    </row>
    <row r="117" spans="1:4" ht="18" customHeight="1" x14ac:dyDescent="0.15">
      <c r="A117" s="5">
        <v>92</v>
      </c>
      <c r="B117" s="22">
        <v>4</v>
      </c>
      <c r="C117" s="14">
        <v>15</v>
      </c>
      <c r="D117" s="18">
        <v>19</v>
      </c>
    </row>
    <row r="118" spans="1:4" ht="18" customHeight="1" x14ac:dyDescent="0.15">
      <c r="A118" s="5">
        <v>93</v>
      </c>
      <c r="B118" s="22">
        <v>0</v>
      </c>
      <c r="C118" s="14">
        <v>14</v>
      </c>
      <c r="D118" s="18">
        <v>14</v>
      </c>
    </row>
    <row r="119" spans="1:4" ht="18" customHeight="1" x14ac:dyDescent="0.15">
      <c r="A119" s="5">
        <v>94</v>
      </c>
      <c r="B119" s="22">
        <v>3</v>
      </c>
      <c r="C119" s="14">
        <v>9</v>
      </c>
      <c r="D119" s="18">
        <v>12</v>
      </c>
    </row>
    <row r="120" spans="1:4" ht="18" customHeight="1" x14ac:dyDescent="0.15">
      <c r="A120" s="5" t="s">
        <v>39</v>
      </c>
      <c r="B120" s="22">
        <v>25</v>
      </c>
      <c r="C120" s="14">
        <v>82</v>
      </c>
      <c r="D120" s="18">
        <v>107</v>
      </c>
    </row>
    <row r="121" spans="1:4" ht="18" customHeight="1" x14ac:dyDescent="0.15">
      <c r="A121" s="5">
        <v>95</v>
      </c>
      <c r="B121" s="22">
        <v>0</v>
      </c>
      <c r="C121" s="14">
        <v>11</v>
      </c>
      <c r="D121" s="18">
        <v>11</v>
      </c>
    </row>
    <row r="122" spans="1:4" ht="18" customHeight="1" x14ac:dyDescent="0.15">
      <c r="A122" s="5">
        <v>96</v>
      </c>
      <c r="B122" s="22">
        <v>2</v>
      </c>
      <c r="C122" s="14">
        <v>9</v>
      </c>
      <c r="D122" s="18">
        <v>11</v>
      </c>
    </row>
    <row r="123" spans="1:4" ht="18" customHeight="1" x14ac:dyDescent="0.15">
      <c r="A123" s="5">
        <v>97</v>
      </c>
      <c r="B123" s="22">
        <v>0</v>
      </c>
      <c r="C123" s="14">
        <v>6</v>
      </c>
      <c r="D123" s="18">
        <v>6</v>
      </c>
    </row>
    <row r="124" spans="1:4" ht="18" customHeight="1" x14ac:dyDescent="0.15">
      <c r="A124" s="5">
        <v>98</v>
      </c>
      <c r="B124" s="22">
        <v>1</v>
      </c>
      <c r="C124" s="14">
        <v>8</v>
      </c>
      <c r="D124" s="18">
        <v>9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3</v>
      </c>
      <c r="C126" s="14">
        <v>35</v>
      </c>
      <c r="D126" s="18">
        <v>38</v>
      </c>
    </row>
    <row r="127" spans="1:4" ht="18" customHeight="1" x14ac:dyDescent="0.15">
      <c r="A127" s="5">
        <v>100</v>
      </c>
      <c r="B127" s="22">
        <v>1</v>
      </c>
      <c r="C127" s="14">
        <v>4</v>
      </c>
      <c r="D127" s="18">
        <v>5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1</v>
      </c>
      <c r="C129" s="14">
        <v>7</v>
      </c>
      <c r="D129" s="18">
        <v>8</v>
      </c>
    </row>
    <row r="130" spans="1:4" ht="18" customHeight="1" x14ac:dyDescent="0.15">
      <c r="A130" s="5" t="s">
        <v>46</v>
      </c>
      <c r="B130" s="22">
        <v>850</v>
      </c>
      <c r="C130" s="14">
        <v>1120</v>
      </c>
      <c r="D130" s="18">
        <v>1970</v>
      </c>
    </row>
    <row r="131" spans="1:4" ht="18" customHeight="1" x14ac:dyDescent="0.15">
      <c r="A131" s="7" t="s">
        <v>45</v>
      </c>
      <c r="B131" s="23">
        <v>3967</v>
      </c>
      <c r="C131" s="15">
        <v>4010</v>
      </c>
      <c r="D131" s="19">
        <v>797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800-000000000000}">
  <sheetPr codeName="Sheet6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51</v>
      </c>
      <c r="C5" s="29">
        <v>59</v>
      </c>
      <c r="D5" s="31">
        <v>110</v>
      </c>
    </row>
    <row r="6" spans="1:4" ht="18" customHeight="1" x14ac:dyDescent="0.15">
      <c r="A6" s="5">
        <v>1</v>
      </c>
      <c r="B6" s="27">
        <v>67</v>
      </c>
      <c r="C6" s="14">
        <v>58</v>
      </c>
      <c r="D6" s="18">
        <v>125</v>
      </c>
    </row>
    <row r="7" spans="1:4" ht="18" customHeight="1" x14ac:dyDescent="0.15">
      <c r="A7" s="5">
        <v>2</v>
      </c>
      <c r="B7" s="27">
        <v>68</v>
      </c>
      <c r="C7" s="14">
        <v>65</v>
      </c>
      <c r="D7" s="18">
        <v>133</v>
      </c>
    </row>
    <row r="8" spans="1:4" ht="18" customHeight="1" x14ac:dyDescent="0.15">
      <c r="A8" s="5">
        <v>3</v>
      </c>
      <c r="B8" s="27">
        <v>67</v>
      </c>
      <c r="C8" s="14">
        <v>66</v>
      </c>
      <c r="D8" s="18">
        <v>133</v>
      </c>
    </row>
    <row r="9" spans="1:4" ht="18" customHeight="1" x14ac:dyDescent="0.15">
      <c r="A9" s="5">
        <v>4</v>
      </c>
      <c r="B9" s="28">
        <v>77</v>
      </c>
      <c r="C9" s="30">
        <v>65</v>
      </c>
      <c r="D9" s="32">
        <v>142</v>
      </c>
    </row>
    <row r="10" spans="1:4" ht="18" customHeight="1" x14ac:dyDescent="0.15">
      <c r="A10" s="5" t="s">
        <v>7</v>
      </c>
      <c r="B10" s="22">
        <v>330</v>
      </c>
      <c r="C10" s="14">
        <v>313</v>
      </c>
      <c r="D10" s="18">
        <v>643</v>
      </c>
    </row>
    <row r="11" spans="1:4" ht="18" customHeight="1" x14ac:dyDescent="0.15">
      <c r="A11" s="5">
        <v>5</v>
      </c>
      <c r="B11" s="27">
        <v>68</v>
      </c>
      <c r="C11" s="14">
        <v>78</v>
      </c>
      <c r="D11" s="18">
        <v>146</v>
      </c>
    </row>
    <row r="12" spans="1:4" ht="18" customHeight="1" x14ac:dyDescent="0.15">
      <c r="A12" s="5">
        <v>6</v>
      </c>
      <c r="B12" s="27">
        <v>81</v>
      </c>
      <c r="C12" s="14">
        <v>61</v>
      </c>
      <c r="D12" s="18">
        <v>142</v>
      </c>
    </row>
    <row r="13" spans="1:4" ht="18" customHeight="1" x14ac:dyDescent="0.15">
      <c r="A13" s="5">
        <v>7</v>
      </c>
      <c r="B13" s="27">
        <v>92</v>
      </c>
      <c r="C13" s="14">
        <v>94</v>
      </c>
      <c r="D13" s="18">
        <v>186</v>
      </c>
    </row>
    <row r="14" spans="1:4" ht="18" customHeight="1" x14ac:dyDescent="0.15">
      <c r="A14" s="5">
        <v>8</v>
      </c>
      <c r="B14" s="27">
        <v>80</v>
      </c>
      <c r="C14" s="14">
        <v>67</v>
      </c>
      <c r="D14" s="18">
        <v>147</v>
      </c>
    </row>
    <row r="15" spans="1:4" ht="18" customHeight="1" x14ac:dyDescent="0.15">
      <c r="A15" s="5">
        <v>9</v>
      </c>
      <c r="B15" s="27">
        <v>93</v>
      </c>
      <c r="C15" s="14">
        <v>69</v>
      </c>
      <c r="D15" s="18">
        <v>162</v>
      </c>
    </row>
    <row r="16" spans="1:4" ht="18" customHeight="1" x14ac:dyDescent="0.15">
      <c r="A16" s="5" t="s">
        <v>11</v>
      </c>
      <c r="B16" s="22">
        <v>414</v>
      </c>
      <c r="C16" s="14">
        <v>369</v>
      </c>
      <c r="D16" s="18">
        <v>783</v>
      </c>
    </row>
    <row r="17" spans="1:4" ht="18" customHeight="1" x14ac:dyDescent="0.15">
      <c r="A17" s="5">
        <v>10</v>
      </c>
      <c r="B17" s="22">
        <v>86</v>
      </c>
      <c r="C17" s="14">
        <v>90</v>
      </c>
      <c r="D17" s="18">
        <v>176</v>
      </c>
    </row>
    <row r="18" spans="1:4" ht="18" customHeight="1" x14ac:dyDescent="0.15">
      <c r="A18" s="5">
        <v>11</v>
      </c>
      <c r="B18" s="22">
        <v>75</v>
      </c>
      <c r="C18" s="14">
        <v>71</v>
      </c>
      <c r="D18" s="18">
        <v>146</v>
      </c>
    </row>
    <row r="19" spans="1:4" ht="18" customHeight="1" x14ac:dyDescent="0.15">
      <c r="A19" s="5">
        <v>12</v>
      </c>
      <c r="B19" s="22">
        <v>73</v>
      </c>
      <c r="C19" s="14">
        <v>80</v>
      </c>
      <c r="D19" s="18">
        <v>153</v>
      </c>
    </row>
    <row r="20" spans="1:4" ht="18" customHeight="1" x14ac:dyDescent="0.15">
      <c r="A20" s="5">
        <v>13</v>
      </c>
      <c r="B20" s="22">
        <v>82</v>
      </c>
      <c r="C20" s="14">
        <v>68</v>
      </c>
      <c r="D20" s="18">
        <v>150</v>
      </c>
    </row>
    <row r="21" spans="1:4" ht="18" customHeight="1" x14ac:dyDescent="0.15">
      <c r="A21" s="5">
        <v>14</v>
      </c>
      <c r="B21" s="22">
        <v>78</v>
      </c>
      <c r="C21" s="14">
        <v>76</v>
      </c>
      <c r="D21" s="18">
        <v>154</v>
      </c>
    </row>
    <row r="22" spans="1:4" ht="18" customHeight="1" x14ac:dyDescent="0.15">
      <c r="A22" s="5" t="s">
        <v>12</v>
      </c>
      <c r="B22" s="22">
        <v>394</v>
      </c>
      <c r="C22" s="14">
        <v>385</v>
      </c>
      <c r="D22" s="18">
        <v>779</v>
      </c>
    </row>
    <row r="23" spans="1:4" ht="18" customHeight="1" x14ac:dyDescent="0.15">
      <c r="A23" s="5" t="s">
        <v>6</v>
      </c>
      <c r="B23" s="22">
        <v>1138</v>
      </c>
      <c r="C23" s="14">
        <v>1067</v>
      </c>
      <c r="D23" s="18">
        <v>2205</v>
      </c>
    </row>
    <row r="24" spans="1:4" ht="18" customHeight="1" x14ac:dyDescent="0.15">
      <c r="A24" s="5">
        <v>15</v>
      </c>
      <c r="B24" s="22">
        <v>103</v>
      </c>
      <c r="C24" s="14">
        <v>83</v>
      </c>
      <c r="D24" s="18">
        <v>186</v>
      </c>
    </row>
    <row r="25" spans="1:4" ht="18" customHeight="1" x14ac:dyDescent="0.15">
      <c r="A25" s="5">
        <v>16</v>
      </c>
      <c r="B25" s="22">
        <v>96</v>
      </c>
      <c r="C25" s="14">
        <v>70</v>
      </c>
      <c r="D25" s="18">
        <v>166</v>
      </c>
    </row>
    <row r="26" spans="1:4" ht="18" customHeight="1" x14ac:dyDescent="0.15">
      <c r="A26" s="5">
        <v>17</v>
      </c>
      <c r="B26" s="22">
        <v>89</v>
      </c>
      <c r="C26" s="14">
        <v>83</v>
      </c>
      <c r="D26" s="18">
        <v>172</v>
      </c>
    </row>
    <row r="27" spans="1:4" ht="18" customHeight="1" x14ac:dyDescent="0.15">
      <c r="A27" s="5">
        <v>18</v>
      </c>
      <c r="B27" s="22">
        <v>88</v>
      </c>
      <c r="C27" s="14">
        <v>77</v>
      </c>
      <c r="D27" s="18">
        <v>165</v>
      </c>
    </row>
    <row r="28" spans="1:4" ht="18" customHeight="1" x14ac:dyDescent="0.15">
      <c r="A28" s="5">
        <v>19</v>
      </c>
      <c r="B28" s="22">
        <v>67</v>
      </c>
      <c r="C28" s="14">
        <v>85</v>
      </c>
      <c r="D28" s="18">
        <v>152</v>
      </c>
    </row>
    <row r="29" spans="1:4" ht="18" customHeight="1" x14ac:dyDescent="0.15">
      <c r="A29" s="5" t="s">
        <v>14</v>
      </c>
      <c r="B29" s="22">
        <v>443</v>
      </c>
      <c r="C29" s="14">
        <v>398</v>
      </c>
      <c r="D29" s="18">
        <v>841</v>
      </c>
    </row>
    <row r="30" spans="1:4" ht="18" customHeight="1" x14ac:dyDescent="0.15">
      <c r="A30" s="5">
        <v>20</v>
      </c>
      <c r="B30" s="22">
        <v>87</v>
      </c>
      <c r="C30" s="14">
        <v>84</v>
      </c>
      <c r="D30" s="18">
        <v>171</v>
      </c>
    </row>
    <row r="31" spans="1:4" ht="18" customHeight="1" x14ac:dyDescent="0.15">
      <c r="A31" s="5">
        <v>21</v>
      </c>
      <c r="B31" s="22">
        <v>94</v>
      </c>
      <c r="C31" s="14">
        <v>86</v>
      </c>
      <c r="D31" s="18">
        <v>180</v>
      </c>
    </row>
    <row r="32" spans="1:4" ht="18" customHeight="1" x14ac:dyDescent="0.15">
      <c r="A32" s="5">
        <v>22</v>
      </c>
      <c r="B32" s="22">
        <v>114</v>
      </c>
      <c r="C32" s="14">
        <v>81</v>
      </c>
      <c r="D32" s="18">
        <v>195</v>
      </c>
    </row>
    <row r="33" spans="1:4" ht="18" customHeight="1" x14ac:dyDescent="0.15">
      <c r="A33" s="5">
        <v>23</v>
      </c>
      <c r="B33" s="22">
        <v>102</v>
      </c>
      <c r="C33" s="14">
        <v>74</v>
      </c>
      <c r="D33" s="18">
        <v>176</v>
      </c>
    </row>
    <row r="34" spans="1:4" ht="18" customHeight="1" x14ac:dyDescent="0.15">
      <c r="A34" s="5">
        <v>24</v>
      </c>
      <c r="B34" s="22">
        <v>111</v>
      </c>
      <c r="C34" s="14">
        <v>94</v>
      </c>
      <c r="D34" s="18">
        <v>205</v>
      </c>
    </row>
    <row r="35" spans="1:4" ht="18" customHeight="1" x14ac:dyDescent="0.15">
      <c r="A35" s="5" t="s">
        <v>9</v>
      </c>
      <c r="B35" s="22">
        <v>508</v>
      </c>
      <c r="C35" s="14">
        <v>419</v>
      </c>
      <c r="D35" s="18">
        <v>927</v>
      </c>
    </row>
    <row r="36" spans="1:4" ht="18" customHeight="1" x14ac:dyDescent="0.15">
      <c r="A36" s="5">
        <v>25</v>
      </c>
      <c r="B36" s="22">
        <v>98</v>
      </c>
      <c r="C36" s="14">
        <v>86</v>
      </c>
      <c r="D36" s="18">
        <v>184</v>
      </c>
    </row>
    <row r="37" spans="1:4" ht="18" customHeight="1" x14ac:dyDescent="0.15">
      <c r="A37" s="5">
        <v>26</v>
      </c>
      <c r="B37" s="22">
        <v>108</v>
      </c>
      <c r="C37" s="14">
        <v>95</v>
      </c>
      <c r="D37" s="18">
        <v>203</v>
      </c>
    </row>
    <row r="38" spans="1:4" ht="18" customHeight="1" x14ac:dyDescent="0.15">
      <c r="A38" s="5">
        <v>27</v>
      </c>
      <c r="B38" s="22">
        <v>100</v>
      </c>
      <c r="C38" s="14">
        <v>86</v>
      </c>
      <c r="D38" s="18">
        <v>186</v>
      </c>
    </row>
    <row r="39" spans="1:4" ht="18" customHeight="1" x14ac:dyDescent="0.15">
      <c r="A39" s="5">
        <v>28</v>
      </c>
      <c r="B39" s="22">
        <v>105</v>
      </c>
      <c r="C39" s="14">
        <v>90</v>
      </c>
      <c r="D39" s="18">
        <v>195</v>
      </c>
    </row>
    <row r="40" spans="1:4" ht="18" customHeight="1" x14ac:dyDescent="0.15">
      <c r="A40" s="5">
        <v>29</v>
      </c>
      <c r="B40" s="22">
        <v>89</v>
      </c>
      <c r="C40" s="14">
        <v>79</v>
      </c>
      <c r="D40" s="18">
        <v>168</v>
      </c>
    </row>
    <row r="41" spans="1:4" ht="18" customHeight="1" x14ac:dyDescent="0.15">
      <c r="A41" s="5" t="s">
        <v>2</v>
      </c>
      <c r="B41" s="22">
        <v>500</v>
      </c>
      <c r="C41" s="14">
        <v>436</v>
      </c>
      <c r="D41" s="18">
        <v>936</v>
      </c>
    </row>
    <row r="42" spans="1:4" ht="18" customHeight="1" x14ac:dyDescent="0.15">
      <c r="A42" s="5">
        <v>30</v>
      </c>
      <c r="B42" s="22">
        <v>112</v>
      </c>
      <c r="C42" s="14">
        <v>73</v>
      </c>
      <c r="D42" s="18">
        <v>185</v>
      </c>
    </row>
    <row r="43" spans="1:4" ht="18" customHeight="1" x14ac:dyDescent="0.15">
      <c r="A43" s="5">
        <v>31</v>
      </c>
      <c r="B43" s="22">
        <v>115</v>
      </c>
      <c r="C43" s="14">
        <v>91</v>
      </c>
      <c r="D43" s="18">
        <v>206</v>
      </c>
    </row>
    <row r="44" spans="1:4" ht="18" customHeight="1" x14ac:dyDescent="0.15">
      <c r="A44" s="5">
        <v>32</v>
      </c>
      <c r="B44" s="22">
        <v>106</v>
      </c>
      <c r="C44" s="14">
        <v>100</v>
      </c>
      <c r="D44" s="18">
        <v>206</v>
      </c>
    </row>
    <row r="45" spans="1:4" ht="18" customHeight="1" x14ac:dyDescent="0.15">
      <c r="A45" s="5">
        <v>33</v>
      </c>
      <c r="B45" s="22">
        <v>110</v>
      </c>
      <c r="C45" s="14">
        <v>93</v>
      </c>
      <c r="D45" s="18">
        <v>203</v>
      </c>
    </row>
    <row r="46" spans="1:4" ht="18" customHeight="1" x14ac:dyDescent="0.15">
      <c r="A46" s="5">
        <v>34</v>
      </c>
      <c r="B46" s="22">
        <v>110</v>
      </c>
      <c r="C46" s="14">
        <v>104</v>
      </c>
      <c r="D46" s="18">
        <v>214</v>
      </c>
    </row>
    <row r="47" spans="1:4" ht="18" customHeight="1" x14ac:dyDescent="0.15">
      <c r="A47" s="5" t="s">
        <v>15</v>
      </c>
      <c r="B47" s="22">
        <v>553</v>
      </c>
      <c r="C47" s="14">
        <v>461</v>
      </c>
      <c r="D47" s="18">
        <v>1014</v>
      </c>
    </row>
    <row r="48" spans="1:4" ht="18" customHeight="1" x14ac:dyDescent="0.15">
      <c r="A48" s="5">
        <v>35</v>
      </c>
      <c r="B48" s="22">
        <v>116</v>
      </c>
      <c r="C48" s="14">
        <v>90</v>
      </c>
      <c r="D48" s="18">
        <v>206</v>
      </c>
    </row>
    <row r="49" spans="1:4" ht="18" customHeight="1" x14ac:dyDescent="0.15">
      <c r="A49" s="5">
        <v>36</v>
      </c>
      <c r="B49" s="22">
        <v>111</v>
      </c>
      <c r="C49" s="14">
        <v>106</v>
      </c>
      <c r="D49" s="18">
        <v>217</v>
      </c>
    </row>
    <row r="50" spans="1:4" ht="18" customHeight="1" x14ac:dyDescent="0.15">
      <c r="A50" s="5">
        <v>37</v>
      </c>
      <c r="B50" s="22">
        <v>131</v>
      </c>
      <c r="C50" s="14">
        <v>95</v>
      </c>
      <c r="D50" s="18">
        <v>226</v>
      </c>
    </row>
    <row r="51" spans="1:4" ht="18" customHeight="1" x14ac:dyDescent="0.15">
      <c r="A51" s="5">
        <v>38</v>
      </c>
      <c r="B51" s="22">
        <v>121</v>
      </c>
      <c r="C51" s="14">
        <v>102</v>
      </c>
      <c r="D51" s="18">
        <v>223</v>
      </c>
    </row>
    <row r="52" spans="1:4" ht="18" customHeight="1" x14ac:dyDescent="0.15">
      <c r="A52" s="5">
        <v>39</v>
      </c>
      <c r="B52" s="22">
        <v>126</v>
      </c>
      <c r="C52" s="14">
        <v>121</v>
      </c>
      <c r="D52" s="18">
        <v>247</v>
      </c>
    </row>
    <row r="53" spans="1:4" ht="18" customHeight="1" x14ac:dyDescent="0.15">
      <c r="A53" s="5" t="s">
        <v>18</v>
      </c>
      <c r="B53" s="22">
        <v>605</v>
      </c>
      <c r="C53" s="14">
        <v>514</v>
      </c>
      <c r="D53" s="18">
        <v>1119</v>
      </c>
    </row>
    <row r="54" spans="1:4" ht="18" customHeight="1" x14ac:dyDescent="0.15">
      <c r="A54" s="5">
        <v>40</v>
      </c>
      <c r="B54" s="22">
        <v>118</v>
      </c>
      <c r="C54" s="14">
        <v>117</v>
      </c>
      <c r="D54" s="18">
        <v>235</v>
      </c>
    </row>
    <row r="55" spans="1:4" ht="18" customHeight="1" x14ac:dyDescent="0.15">
      <c r="A55" s="5">
        <v>41</v>
      </c>
      <c r="B55" s="22">
        <v>159</v>
      </c>
      <c r="C55" s="14">
        <v>121</v>
      </c>
      <c r="D55" s="18">
        <v>280</v>
      </c>
    </row>
    <row r="56" spans="1:4" ht="18" customHeight="1" x14ac:dyDescent="0.15">
      <c r="A56" s="5">
        <v>42</v>
      </c>
      <c r="B56" s="22">
        <v>124</v>
      </c>
      <c r="C56" s="14">
        <v>97</v>
      </c>
      <c r="D56" s="18">
        <v>221</v>
      </c>
    </row>
    <row r="57" spans="1:4" ht="18" customHeight="1" x14ac:dyDescent="0.15">
      <c r="A57" s="5">
        <v>43</v>
      </c>
      <c r="B57" s="22">
        <v>119</v>
      </c>
      <c r="C57" s="14">
        <v>105</v>
      </c>
      <c r="D57" s="18">
        <v>224</v>
      </c>
    </row>
    <row r="58" spans="1:4" ht="18" customHeight="1" x14ac:dyDescent="0.15">
      <c r="A58" s="5">
        <v>44</v>
      </c>
      <c r="B58" s="22">
        <v>138</v>
      </c>
      <c r="C58" s="14">
        <v>137</v>
      </c>
      <c r="D58" s="18">
        <v>275</v>
      </c>
    </row>
    <row r="59" spans="1:4" ht="18" customHeight="1" x14ac:dyDescent="0.15">
      <c r="A59" s="5" t="s">
        <v>21</v>
      </c>
      <c r="B59" s="22">
        <v>658</v>
      </c>
      <c r="C59" s="14">
        <v>577</v>
      </c>
      <c r="D59" s="18">
        <v>1235</v>
      </c>
    </row>
    <row r="60" spans="1:4" ht="18" customHeight="1" x14ac:dyDescent="0.15">
      <c r="A60" s="5">
        <v>45</v>
      </c>
      <c r="B60" s="22">
        <v>110</v>
      </c>
      <c r="C60" s="14">
        <v>108</v>
      </c>
      <c r="D60" s="18">
        <v>218</v>
      </c>
    </row>
    <row r="61" spans="1:4" ht="18" customHeight="1" x14ac:dyDescent="0.15">
      <c r="A61" s="5">
        <v>46</v>
      </c>
      <c r="B61" s="22">
        <v>148</v>
      </c>
      <c r="C61" s="14">
        <v>130</v>
      </c>
      <c r="D61" s="18">
        <v>278</v>
      </c>
    </row>
    <row r="62" spans="1:4" ht="18" customHeight="1" x14ac:dyDescent="0.15">
      <c r="A62" s="5">
        <v>47</v>
      </c>
      <c r="B62" s="22">
        <v>123</v>
      </c>
      <c r="C62" s="14">
        <v>127</v>
      </c>
      <c r="D62" s="18">
        <v>250</v>
      </c>
    </row>
    <row r="63" spans="1:4" ht="18" customHeight="1" x14ac:dyDescent="0.15">
      <c r="A63" s="5">
        <v>48</v>
      </c>
      <c r="B63" s="22">
        <v>162</v>
      </c>
      <c r="C63" s="14">
        <v>131</v>
      </c>
      <c r="D63" s="18">
        <v>293</v>
      </c>
    </row>
    <row r="64" spans="1:4" ht="18" customHeight="1" x14ac:dyDescent="0.15">
      <c r="A64" s="5">
        <v>49</v>
      </c>
      <c r="B64" s="22">
        <v>143</v>
      </c>
      <c r="C64" s="14">
        <v>128</v>
      </c>
      <c r="D64" s="18">
        <v>271</v>
      </c>
    </row>
    <row r="65" spans="1:4" ht="18" customHeight="1" x14ac:dyDescent="0.15">
      <c r="A65" s="5" t="s">
        <v>17</v>
      </c>
      <c r="B65" s="22">
        <v>686</v>
      </c>
      <c r="C65" s="14">
        <v>624</v>
      </c>
      <c r="D65" s="18">
        <v>1310</v>
      </c>
    </row>
    <row r="66" spans="1:4" ht="18" customHeight="1" x14ac:dyDescent="0.15">
      <c r="A66" s="5">
        <v>50</v>
      </c>
      <c r="B66" s="22">
        <v>189</v>
      </c>
      <c r="C66" s="14">
        <v>149</v>
      </c>
      <c r="D66" s="18">
        <v>338</v>
      </c>
    </row>
    <row r="67" spans="1:4" ht="18" customHeight="1" x14ac:dyDescent="0.15">
      <c r="A67" s="5">
        <v>51</v>
      </c>
      <c r="B67" s="22">
        <v>146</v>
      </c>
      <c r="C67" s="14">
        <v>164</v>
      </c>
      <c r="D67" s="18">
        <v>310</v>
      </c>
    </row>
    <row r="68" spans="1:4" ht="18" customHeight="1" x14ac:dyDescent="0.15">
      <c r="A68" s="5">
        <v>52</v>
      </c>
      <c r="B68" s="22">
        <v>158</v>
      </c>
      <c r="C68" s="14">
        <v>140</v>
      </c>
      <c r="D68" s="18">
        <v>298</v>
      </c>
    </row>
    <row r="69" spans="1:4" ht="18" customHeight="1" x14ac:dyDescent="0.15">
      <c r="A69" s="5">
        <v>53</v>
      </c>
      <c r="B69" s="22">
        <v>171</v>
      </c>
      <c r="C69" s="14">
        <v>153</v>
      </c>
      <c r="D69" s="18">
        <v>324</v>
      </c>
    </row>
    <row r="70" spans="1:4" ht="18" customHeight="1" x14ac:dyDescent="0.15">
      <c r="A70" s="5">
        <v>54</v>
      </c>
      <c r="B70" s="22">
        <v>178</v>
      </c>
      <c r="C70" s="14">
        <v>160</v>
      </c>
      <c r="D70" s="18">
        <v>338</v>
      </c>
    </row>
    <row r="71" spans="1:4" ht="18" customHeight="1" x14ac:dyDescent="0.15">
      <c r="A71" s="5" t="s">
        <v>22</v>
      </c>
      <c r="B71" s="22">
        <v>842</v>
      </c>
      <c r="C71" s="14">
        <v>766</v>
      </c>
      <c r="D71" s="18">
        <v>1608</v>
      </c>
    </row>
    <row r="72" spans="1:4" ht="18" customHeight="1" x14ac:dyDescent="0.15">
      <c r="A72" s="5">
        <v>55</v>
      </c>
      <c r="B72" s="22">
        <v>147</v>
      </c>
      <c r="C72" s="14">
        <v>158</v>
      </c>
      <c r="D72" s="18">
        <v>305</v>
      </c>
    </row>
    <row r="73" spans="1:4" ht="18" customHeight="1" x14ac:dyDescent="0.15">
      <c r="A73" s="5">
        <v>56</v>
      </c>
      <c r="B73" s="22">
        <v>128</v>
      </c>
      <c r="C73" s="14">
        <v>135</v>
      </c>
      <c r="D73" s="18">
        <v>263</v>
      </c>
    </row>
    <row r="74" spans="1:4" ht="18" customHeight="1" x14ac:dyDescent="0.15">
      <c r="A74" s="5">
        <v>57</v>
      </c>
      <c r="B74" s="22">
        <v>163</v>
      </c>
      <c r="C74" s="14">
        <v>153</v>
      </c>
      <c r="D74" s="18">
        <v>316</v>
      </c>
    </row>
    <row r="75" spans="1:4" ht="18" customHeight="1" x14ac:dyDescent="0.15">
      <c r="A75" s="5">
        <v>58</v>
      </c>
      <c r="B75" s="22">
        <v>152</v>
      </c>
      <c r="C75" s="14">
        <v>139</v>
      </c>
      <c r="D75" s="18">
        <v>291</v>
      </c>
    </row>
    <row r="76" spans="1:4" ht="18" customHeight="1" x14ac:dyDescent="0.15">
      <c r="A76" s="5">
        <v>59</v>
      </c>
      <c r="B76" s="22">
        <v>125</v>
      </c>
      <c r="C76" s="14">
        <v>145</v>
      </c>
      <c r="D76" s="18">
        <v>270</v>
      </c>
    </row>
    <row r="77" spans="1:4" ht="18" customHeight="1" x14ac:dyDescent="0.15">
      <c r="A77" s="5" t="s">
        <v>27</v>
      </c>
      <c r="B77" s="22">
        <v>715</v>
      </c>
      <c r="C77" s="14">
        <v>730</v>
      </c>
      <c r="D77" s="18">
        <v>1445</v>
      </c>
    </row>
    <row r="78" spans="1:4" ht="18" customHeight="1" x14ac:dyDescent="0.15">
      <c r="A78" s="5">
        <v>60</v>
      </c>
      <c r="B78" s="22">
        <v>133</v>
      </c>
      <c r="C78" s="14">
        <v>119</v>
      </c>
      <c r="D78" s="18">
        <v>252</v>
      </c>
    </row>
    <row r="79" spans="1:4" ht="18" customHeight="1" x14ac:dyDescent="0.15">
      <c r="A79" s="5">
        <v>61</v>
      </c>
      <c r="B79" s="22">
        <v>142</v>
      </c>
      <c r="C79" s="14">
        <v>162</v>
      </c>
      <c r="D79" s="18">
        <v>304</v>
      </c>
    </row>
    <row r="80" spans="1:4" ht="18" customHeight="1" x14ac:dyDescent="0.15">
      <c r="A80" s="5">
        <v>62</v>
      </c>
      <c r="B80" s="22">
        <v>151</v>
      </c>
      <c r="C80" s="14">
        <v>124</v>
      </c>
      <c r="D80" s="18">
        <v>275</v>
      </c>
    </row>
    <row r="81" spans="1:4" ht="18" customHeight="1" x14ac:dyDescent="0.15">
      <c r="A81" s="5">
        <v>63</v>
      </c>
      <c r="B81" s="22">
        <v>141</v>
      </c>
      <c r="C81" s="14">
        <v>121</v>
      </c>
      <c r="D81" s="18">
        <v>262</v>
      </c>
    </row>
    <row r="82" spans="1:4" ht="18" customHeight="1" x14ac:dyDescent="0.15">
      <c r="A82" s="5">
        <v>64</v>
      </c>
      <c r="B82" s="22">
        <v>121</v>
      </c>
      <c r="C82" s="14">
        <v>137</v>
      </c>
      <c r="D82" s="18">
        <v>258</v>
      </c>
    </row>
    <row r="83" spans="1:4" ht="18" customHeight="1" x14ac:dyDescent="0.15">
      <c r="A83" s="5" t="s">
        <v>28</v>
      </c>
      <c r="B83" s="22">
        <v>688</v>
      </c>
      <c r="C83" s="14">
        <v>663</v>
      </c>
      <c r="D83" s="18">
        <v>1351</v>
      </c>
    </row>
    <row r="84" spans="1:4" ht="18" customHeight="1" x14ac:dyDescent="0.15">
      <c r="A84" s="5" t="s">
        <v>31</v>
      </c>
      <c r="B84" s="22">
        <v>6198</v>
      </c>
      <c r="C84" s="14">
        <v>5588</v>
      </c>
      <c r="D84" s="18">
        <v>11786</v>
      </c>
    </row>
    <row r="85" spans="1:4" ht="18" customHeight="1" x14ac:dyDescent="0.15">
      <c r="A85" s="5">
        <v>65</v>
      </c>
      <c r="B85" s="22">
        <v>124</v>
      </c>
      <c r="C85" s="14">
        <v>135</v>
      </c>
      <c r="D85" s="18">
        <v>259</v>
      </c>
    </row>
    <row r="86" spans="1:4" ht="18" customHeight="1" x14ac:dyDescent="0.15">
      <c r="A86" s="5">
        <v>66</v>
      </c>
      <c r="B86" s="22">
        <v>137</v>
      </c>
      <c r="C86" s="14">
        <v>146</v>
      </c>
      <c r="D86" s="18">
        <v>283</v>
      </c>
    </row>
    <row r="87" spans="1:4" ht="18" customHeight="1" x14ac:dyDescent="0.15">
      <c r="A87" s="5">
        <v>67</v>
      </c>
      <c r="B87" s="22">
        <v>132</v>
      </c>
      <c r="C87" s="14">
        <v>148</v>
      </c>
      <c r="D87" s="18">
        <v>280</v>
      </c>
    </row>
    <row r="88" spans="1:4" ht="18" customHeight="1" x14ac:dyDescent="0.15">
      <c r="A88" s="5">
        <v>68</v>
      </c>
      <c r="B88" s="22">
        <v>131</v>
      </c>
      <c r="C88" s="14">
        <v>134</v>
      </c>
      <c r="D88" s="18">
        <v>265</v>
      </c>
    </row>
    <row r="89" spans="1:4" ht="18" customHeight="1" x14ac:dyDescent="0.15">
      <c r="A89" s="5">
        <v>69</v>
      </c>
      <c r="B89" s="22">
        <v>141</v>
      </c>
      <c r="C89" s="14">
        <v>129</v>
      </c>
      <c r="D89" s="18">
        <v>270</v>
      </c>
    </row>
    <row r="90" spans="1:4" ht="18" customHeight="1" x14ac:dyDescent="0.15">
      <c r="A90" s="5" t="s">
        <v>20</v>
      </c>
      <c r="B90" s="22">
        <v>665</v>
      </c>
      <c r="C90" s="14">
        <v>692</v>
      </c>
      <c r="D90" s="18">
        <v>1357</v>
      </c>
    </row>
    <row r="91" spans="1:4" ht="18" customHeight="1" x14ac:dyDescent="0.15">
      <c r="A91" s="5">
        <v>70</v>
      </c>
      <c r="B91" s="22">
        <v>136</v>
      </c>
      <c r="C91" s="14">
        <v>149</v>
      </c>
      <c r="D91" s="18">
        <v>285</v>
      </c>
    </row>
    <row r="92" spans="1:4" ht="18" customHeight="1" x14ac:dyDescent="0.15">
      <c r="A92" s="5">
        <v>71</v>
      </c>
      <c r="B92" s="22">
        <v>136</v>
      </c>
      <c r="C92" s="14">
        <v>160</v>
      </c>
      <c r="D92" s="18">
        <v>296</v>
      </c>
    </row>
    <row r="93" spans="1:4" ht="18" customHeight="1" x14ac:dyDescent="0.15">
      <c r="A93" s="5">
        <v>72</v>
      </c>
      <c r="B93" s="22">
        <v>138</v>
      </c>
      <c r="C93" s="14">
        <v>139</v>
      </c>
      <c r="D93" s="18">
        <v>277</v>
      </c>
    </row>
    <row r="94" spans="1:4" ht="18" customHeight="1" x14ac:dyDescent="0.15">
      <c r="A94" s="5">
        <v>73</v>
      </c>
      <c r="B94" s="22">
        <v>130</v>
      </c>
      <c r="C94" s="14">
        <v>157</v>
      </c>
      <c r="D94" s="18">
        <v>287</v>
      </c>
    </row>
    <row r="95" spans="1:4" ht="18" customHeight="1" x14ac:dyDescent="0.15">
      <c r="A95" s="5">
        <v>74</v>
      </c>
      <c r="B95" s="22">
        <v>139</v>
      </c>
      <c r="C95" s="14">
        <v>135</v>
      </c>
      <c r="D95" s="18">
        <v>274</v>
      </c>
    </row>
    <row r="96" spans="1:4" ht="18" customHeight="1" x14ac:dyDescent="0.15">
      <c r="A96" s="5" t="s">
        <v>33</v>
      </c>
      <c r="B96" s="22">
        <v>679</v>
      </c>
      <c r="C96" s="14">
        <v>740</v>
      </c>
      <c r="D96" s="18">
        <v>1419</v>
      </c>
    </row>
    <row r="97" spans="1:4" ht="18" customHeight="1" x14ac:dyDescent="0.15">
      <c r="A97" s="5">
        <v>75</v>
      </c>
      <c r="B97" s="22">
        <v>164</v>
      </c>
      <c r="C97" s="14">
        <v>141</v>
      </c>
      <c r="D97" s="18">
        <v>305</v>
      </c>
    </row>
    <row r="98" spans="1:4" ht="18" customHeight="1" x14ac:dyDescent="0.15">
      <c r="A98" s="5">
        <v>76</v>
      </c>
      <c r="B98" s="22">
        <v>139</v>
      </c>
      <c r="C98" s="14">
        <v>173</v>
      </c>
      <c r="D98" s="18">
        <v>312</v>
      </c>
    </row>
    <row r="99" spans="1:4" ht="18" customHeight="1" x14ac:dyDescent="0.15">
      <c r="A99" s="5">
        <v>77</v>
      </c>
      <c r="B99" s="22">
        <v>151</v>
      </c>
      <c r="C99" s="14">
        <v>168</v>
      </c>
      <c r="D99" s="18">
        <v>319</v>
      </c>
    </row>
    <row r="100" spans="1:4" ht="18" customHeight="1" x14ac:dyDescent="0.15">
      <c r="A100" s="5">
        <v>78</v>
      </c>
      <c r="B100" s="22">
        <v>156</v>
      </c>
      <c r="C100" s="14">
        <v>206</v>
      </c>
      <c r="D100" s="18">
        <v>362</v>
      </c>
    </row>
    <row r="101" spans="1:4" ht="18" customHeight="1" x14ac:dyDescent="0.15">
      <c r="A101" s="5">
        <v>79</v>
      </c>
      <c r="B101" s="22">
        <v>111</v>
      </c>
      <c r="C101" s="14">
        <v>142</v>
      </c>
      <c r="D101" s="18">
        <v>253</v>
      </c>
    </row>
    <row r="102" spans="1:4" ht="18" customHeight="1" x14ac:dyDescent="0.15">
      <c r="A102" s="5" t="s">
        <v>0</v>
      </c>
      <c r="B102" s="22">
        <v>721</v>
      </c>
      <c r="C102" s="14">
        <v>830</v>
      </c>
      <c r="D102" s="18">
        <v>1551</v>
      </c>
    </row>
    <row r="103" spans="1:4" ht="18" customHeight="1" x14ac:dyDescent="0.15">
      <c r="A103" s="5">
        <v>80</v>
      </c>
      <c r="B103" s="22">
        <v>78</v>
      </c>
      <c r="C103" s="14">
        <v>110</v>
      </c>
      <c r="D103" s="18">
        <v>188</v>
      </c>
    </row>
    <row r="104" spans="1:4" ht="18" customHeight="1" x14ac:dyDescent="0.15">
      <c r="A104" s="5">
        <v>81</v>
      </c>
      <c r="B104" s="22">
        <v>95</v>
      </c>
      <c r="C104" s="14">
        <v>137</v>
      </c>
      <c r="D104" s="18">
        <v>232</v>
      </c>
    </row>
    <row r="105" spans="1:4" ht="18" customHeight="1" x14ac:dyDescent="0.15">
      <c r="A105" s="5">
        <v>82</v>
      </c>
      <c r="B105" s="22">
        <v>75</v>
      </c>
      <c r="C105" s="14">
        <v>145</v>
      </c>
      <c r="D105" s="18">
        <v>220</v>
      </c>
    </row>
    <row r="106" spans="1:4" ht="18" customHeight="1" x14ac:dyDescent="0.15">
      <c r="A106" s="5">
        <v>83</v>
      </c>
      <c r="B106" s="22">
        <v>84</v>
      </c>
      <c r="C106" s="14">
        <v>133</v>
      </c>
      <c r="D106" s="18">
        <v>217</v>
      </c>
    </row>
    <row r="107" spans="1:4" ht="18" customHeight="1" x14ac:dyDescent="0.15">
      <c r="A107" s="5">
        <v>84</v>
      </c>
      <c r="B107" s="22">
        <v>94</v>
      </c>
      <c r="C107" s="14">
        <v>157</v>
      </c>
      <c r="D107" s="18">
        <v>251</v>
      </c>
    </row>
    <row r="108" spans="1:4" ht="18" customHeight="1" x14ac:dyDescent="0.15">
      <c r="A108" s="5" t="s">
        <v>35</v>
      </c>
      <c r="B108" s="22">
        <v>426</v>
      </c>
      <c r="C108" s="14">
        <v>682</v>
      </c>
      <c r="D108" s="18">
        <v>1108</v>
      </c>
    </row>
    <row r="109" spans="1:4" ht="18" customHeight="1" x14ac:dyDescent="0.15">
      <c r="A109" s="5">
        <v>85</v>
      </c>
      <c r="B109" s="22">
        <v>69</v>
      </c>
      <c r="C109" s="14">
        <v>125</v>
      </c>
      <c r="D109" s="18">
        <v>194</v>
      </c>
    </row>
    <row r="110" spans="1:4" ht="18" customHeight="1" x14ac:dyDescent="0.15">
      <c r="A110" s="5">
        <v>86</v>
      </c>
      <c r="B110" s="22">
        <v>67</v>
      </c>
      <c r="C110" s="14">
        <v>95</v>
      </c>
      <c r="D110" s="18">
        <v>162</v>
      </c>
    </row>
    <row r="111" spans="1:4" ht="18" customHeight="1" x14ac:dyDescent="0.15">
      <c r="A111" s="5">
        <v>87</v>
      </c>
      <c r="B111" s="22">
        <v>53</v>
      </c>
      <c r="C111" s="14">
        <v>72</v>
      </c>
      <c r="D111" s="18">
        <v>125</v>
      </c>
    </row>
    <row r="112" spans="1:4" ht="18" customHeight="1" x14ac:dyDescent="0.15">
      <c r="A112" s="5">
        <v>88</v>
      </c>
      <c r="B112" s="22">
        <v>51</v>
      </c>
      <c r="C112" s="14">
        <v>83</v>
      </c>
      <c r="D112" s="18">
        <v>134</v>
      </c>
    </row>
    <row r="113" spans="1:4" ht="18" customHeight="1" x14ac:dyDescent="0.15">
      <c r="A113" s="5">
        <v>89</v>
      </c>
      <c r="B113" s="22">
        <v>42</v>
      </c>
      <c r="C113" s="14">
        <v>80</v>
      </c>
      <c r="D113" s="18">
        <v>122</v>
      </c>
    </row>
    <row r="114" spans="1:4" ht="18" customHeight="1" x14ac:dyDescent="0.15">
      <c r="A114" s="5" t="s">
        <v>37</v>
      </c>
      <c r="B114" s="22">
        <v>282</v>
      </c>
      <c r="C114" s="14">
        <v>455</v>
      </c>
      <c r="D114" s="18">
        <v>737</v>
      </c>
    </row>
    <row r="115" spans="1:4" ht="18" customHeight="1" x14ac:dyDescent="0.15">
      <c r="A115" s="5">
        <v>90</v>
      </c>
      <c r="B115" s="22">
        <v>31</v>
      </c>
      <c r="C115" s="14">
        <v>102</v>
      </c>
      <c r="D115" s="18">
        <v>133</v>
      </c>
    </row>
    <row r="116" spans="1:4" ht="18" customHeight="1" x14ac:dyDescent="0.15">
      <c r="A116" s="5">
        <v>91</v>
      </c>
      <c r="B116" s="22">
        <v>28</v>
      </c>
      <c r="C116" s="14">
        <v>67</v>
      </c>
      <c r="D116" s="18">
        <v>95</v>
      </c>
    </row>
    <row r="117" spans="1:4" ht="18" customHeight="1" x14ac:dyDescent="0.15">
      <c r="A117" s="5">
        <v>92</v>
      </c>
      <c r="B117" s="22">
        <v>23</v>
      </c>
      <c r="C117" s="14">
        <v>69</v>
      </c>
      <c r="D117" s="18">
        <v>92</v>
      </c>
    </row>
    <row r="118" spans="1:4" ht="18" customHeight="1" x14ac:dyDescent="0.15">
      <c r="A118" s="5">
        <v>93</v>
      </c>
      <c r="B118" s="22">
        <v>10</v>
      </c>
      <c r="C118" s="14">
        <v>44</v>
      </c>
      <c r="D118" s="18">
        <v>54</v>
      </c>
    </row>
    <row r="119" spans="1:4" ht="18" customHeight="1" x14ac:dyDescent="0.15">
      <c r="A119" s="5">
        <v>94</v>
      </c>
      <c r="B119" s="22">
        <v>14</v>
      </c>
      <c r="C119" s="14">
        <v>46</v>
      </c>
      <c r="D119" s="18">
        <v>60</v>
      </c>
    </row>
    <row r="120" spans="1:4" ht="18" customHeight="1" x14ac:dyDescent="0.15">
      <c r="A120" s="5" t="s">
        <v>39</v>
      </c>
      <c r="B120" s="22">
        <v>106</v>
      </c>
      <c r="C120" s="14">
        <v>328</v>
      </c>
      <c r="D120" s="18">
        <v>434</v>
      </c>
    </row>
    <row r="121" spans="1:4" ht="18" customHeight="1" x14ac:dyDescent="0.15">
      <c r="A121" s="5">
        <v>95</v>
      </c>
      <c r="B121" s="22">
        <v>6</v>
      </c>
      <c r="C121" s="14">
        <v>46</v>
      </c>
      <c r="D121" s="18">
        <v>52</v>
      </c>
    </row>
    <row r="122" spans="1:4" ht="18" customHeight="1" x14ac:dyDescent="0.15">
      <c r="A122" s="5">
        <v>96</v>
      </c>
      <c r="B122" s="22">
        <v>6</v>
      </c>
      <c r="C122" s="14">
        <v>40</v>
      </c>
      <c r="D122" s="18">
        <v>46</v>
      </c>
    </row>
    <row r="123" spans="1:4" ht="18" customHeight="1" x14ac:dyDescent="0.15">
      <c r="A123" s="5">
        <v>97</v>
      </c>
      <c r="B123" s="22">
        <v>6</v>
      </c>
      <c r="C123" s="14">
        <v>21</v>
      </c>
      <c r="D123" s="18">
        <v>27</v>
      </c>
    </row>
    <row r="124" spans="1:4" ht="18" customHeight="1" x14ac:dyDescent="0.15">
      <c r="A124" s="5">
        <v>98</v>
      </c>
      <c r="B124" s="22">
        <v>1</v>
      </c>
      <c r="C124" s="14">
        <v>14</v>
      </c>
      <c r="D124" s="18">
        <v>15</v>
      </c>
    </row>
    <row r="125" spans="1:4" ht="18" customHeight="1" x14ac:dyDescent="0.15">
      <c r="A125" s="5">
        <v>99</v>
      </c>
      <c r="B125" s="22">
        <v>2</v>
      </c>
      <c r="C125" s="14">
        <v>8</v>
      </c>
      <c r="D125" s="18">
        <v>10</v>
      </c>
    </row>
    <row r="126" spans="1:4" ht="18" customHeight="1" x14ac:dyDescent="0.15">
      <c r="A126" s="5" t="s">
        <v>40</v>
      </c>
      <c r="B126" s="22">
        <v>21</v>
      </c>
      <c r="C126" s="14">
        <v>129</v>
      </c>
      <c r="D126" s="18">
        <v>150</v>
      </c>
    </row>
    <row r="127" spans="1:4" ht="18" customHeight="1" x14ac:dyDescent="0.15">
      <c r="A127" s="5">
        <v>100</v>
      </c>
      <c r="B127" s="22">
        <v>1</v>
      </c>
      <c r="C127" s="14">
        <v>8</v>
      </c>
      <c r="D127" s="18">
        <v>9</v>
      </c>
    </row>
    <row r="128" spans="1:4" ht="18" customHeight="1" x14ac:dyDescent="0.15">
      <c r="A128" s="6" t="s">
        <v>43</v>
      </c>
      <c r="B128" s="22">
        <v>0</v>
      </c>
      <c r="C128" s="14">
        <v>11</v>
      </c>
      <c r="D128" s="18">
        <v>11</v>
      </c>
    </row>
    <row r="129" spans="1:4" ht="18" customHeight="1" x14ac:dyDescent="0.15">
      <c r="A129" s="5" t="s">
        <v>44</v>
      </c>
      <c r="B129" s="22">
        <v>1</v>
      </c>
      <c r="C129" s="14">
        <v>19</v>
      </c>
      <c r="D129" s="18">
        <v>20</v>
      </c>
    </row>
    <row r="130" spans="1:4" ht="18" customHeight="1" x14ac:dyDescent="0.15">
      <c r="A130" s="5" t="s">
        <v>46</v>
      </c>
      <c r="B130" s="22">
        <v>2901</v>
      </c>
      <c r="C130" s="14">
        <v>3875</v>
      </c>
      <c r="D130" s="18">
        <v>6776</v>
      </c>
    </row>
    <row r="131" spans="1:4" ht="18" customHeight="1" x14ac:dyDescent="0.15">
      <c r="A131" s="7" t="s">
        <v>45</v>
      </c>
      <c r="B131" s="23">
        <v>10237</v>
      </c>
      <c r="C131" s="15">
        <v>10530</v>
      </c>
      <c r="D131" s="19">
        <v>2076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900-000000000000}">
  <sheetPr codeName="Sheet6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3</v>
      </c>
      <c r="C5" s="29">
        <v>5</v>
      </c>
      <c r="D5" s="31">
        <v>8</v>
      </c>
    </row>
    <row r="6" spans="1:4" ht="18" customHeight="1" x14ac:dyDescent="0.15">
      <c r="A6" s="5">
        <v>1</v>
      </c>
      <c r="B6" s="27">
        <v>3</v>
      </c>
      <c r="C6" s="14">
        <v>2</v>
      </c>
      <c r="D6" s="18">
        <v>5</v>
      </c>
    </row>
    <row r="7" spans="1:4" ht="18" customHeight="1" x14ac:dyDescent="0.15">
      <c r="A7" s="5">
        <v>2</v>
      </c>
      <c r="B7" s="27">
        <v>3</v>
      </c>
      <c r="C7" s="14">
        <v>6</v>
      </c>
      <c r="D7" s="18">
        <v>9</v>
      </c>
    </row>
    <row r="8" spans="1:4" ht="18" customHeight="1" x14ac:dyDescent="0.15">
      <c r="A8" s="5">
        <v>3</v>
      </c>
      <c r="B8" s="27">
        <v>3</v>
      </c>
      <c r="C8" s="14">
        <v>5</v>
      </c>
      <c r="D8" s="18">
        <v>8</v>
      </c>
    </row>
    <row r="9" spans="1:4" ht="18" customHeight="1" x14ac:dyDescent="0.15">
      <c r="A9" s="5">
        <v>4</v>
      </c>
      <c r="B9" s="28">
        <v>4</v>
      </c>
      <c r="C9" s="30">
        <v>5</v>
      </c>
      <c r="D9" s="32">
        <v>9</v>
      </c>
    </row>
    <row r="10" spans="1:4" ht="18" customHeight="1" x14ac:dyDescent="0.15">
      <c r="A10" s="5" t="s">
        <v>7</v>
      </c>
      <c r="B10" s="22">
        <v>16</v>
      </c>
      <c r="C10" s="14">
        <v>23</v>
      </c>
      <c r="D10" s="18">
        <v>39</v>
      </c>
    </row>
    <row r="11" spans="1:4" ht="18" customHeight="1" x14ac:dyDescent="0.15">
      <c r="A11" s="5">
        <v>5</v>
      </c>
      <c r="B11" s="27">
        <v>4</v>
      </c>
      <c r="C11" s="14">
        <v>5</v>
      </c>
      <c r="D11" s="18">
        <v>9</v>
      </c>
    </row>
    <row r="12" spans="1:4" ht="18" customHeight="1" x14ac:dyDescent="0.15">
      <c r="A12" s="5">
        <v>6</v>
      </c>
      <c r="B12" s="27">
        <v>2</v>
      </c>
      <c r="C12" s="14">
        <v>6</v>
      </c>
      <c r="D12" s="18">
        <v>8</v>
      </c>
    </row>
    <row r="13" spans="1:4" ht="18" customHeight="1" x14ac:dyDescent="0.15">
      <c r="A13" s="5">
        <v>7</v>
      </c>
      <c r="B13" s="27">
        <v>5</v>
      </c>
      <c r="C13" s="14">
        <v>4</v>
      </c>
      <c r="D13" s="18">
        <v>9</v>
      </c>
    </row>
    <row r="14" spans="1:4" ht="18" customHeight="1" x14ac:dyDescent="0.15">
      <c r="A14" s="5">
        <v>8</v>
      </c>
      <c r="B14" s="27">
        <v>7</v>
      </c>
      <c r="C14" s="14">
        <v>6</v>
      </c>
      <c r="D14" s="18">
        <v>13</v>
      </c>
    </row>
    <row r="15" spans="1:4" ht="18" customHeight="1" x14ac:dyDescent="0.15">
      <c r="A15" s="5">
        <v>9</v>
      </c>
      <c r="B15" s="27">
        <v>5</v>
      </c>
      <c r="C15" s="14">
        <v>6</v>
      </c>
      <c r="D15" s="18">
        <v>11</v>
      </c>
    </row>
    <row r="16" spans="1:4" ht="18" customHeight="1" x14ac:dyDescent="0.15">
      <c r="A16" s="5" t="s">
        <v>11</v>
      </c>
      <c r="B16" s="22">
        <v>23</v>
      </c>
      <c r="C16" s="14">
        <v>27</v>
      </c>
      <c r="D16" s="18">
        <v>50</v>
      </c>
    </row>
    <row r="17" spans="1:4" ht="18" customHeight="1" x14ac:dyDescent="0.15">
      <c r="A17" s="5">
        <v>10</v>
      </c>
      <c r="B17" s="22">
        <v>11</v>
      </c>
      <c r="C17" s="14">
        <v>7</v>
      </c>
      <c r="D17" s="18">
        <v>18</v>
      </c>
    </row>
    <row r="18" spans="1:4" ht="18" customHeight="1" x14ac:dyDescent="0.15">
      <c r="A18" s="5">
        <v>11</v>
      </c>
      <c r="B18" s="22">
        <v>10</v>
      </c>
      <c r="C18" s="14">
        <v>5</v>
      </c>
      <c r="D18" s="18">
        <v>15</v>
      </c>
    </row>
    <row r="19" spans="1:4" ht="18" customHeight="1" x14ac:dyDescent="0.15">
      <c r="A19" s="5">
        <v>12</v>
      </c>
      <c r="B19" s="22">
        <v>6</v>
      </c>
      <c r="C19" s="14">
        <v>2</v>
      </c>
      <c r="D19" s="18">
        <v>8</v>
      </c>
    </row>
    <row r="20" spans="1:4" ht="18" customHeight="1" x14ac:dyDescent="0.15">
      <c r="A20" s="5">
        <v>13</v>
      </c>
      <c r="B20" s="22">
        <v>8</v>
      </c>
      <c r="C20" s="14">
        <v>7</v>
      </c>
      <c r="D20" s="18">
        <v>15</v>
      </c>
    </row>
    <row r="21" spans="1:4" ht="18" customHeight="1" x14ac:dyDescent="0.15">
      <c r="A21" s="5">
        <v>14</v>
      </c>
      <c r="B21" s="22">
        <v>8</v>
      </c>
      <c r="C21" s="14">
        <v>11</v>
      </c>
      <c r="D21" s="18">
        <v>19</v>
      </c>
    </row>
    <row r="22" spans="1:4" ht="18" customHeight="1" x14ac:dyDescent="0.15">
      <c r="A22" s="5" t="s">
        <v>12</v>
      </c>
      <c r="B22" s="22">
        <v>43</v>
      </c>
      <c r="C22" s="14">
        <v>32</v>
      </c>
      <c r="D22" s="18">
        <v>75</v>
      </c>
    </row>
    <row r="23" spans="1:4" ht="18" customHeight="1" x14ac:dyDescent="0.15">
      <c r="A23" s="5" t="s">
        <v>6</v>
      </c>
      <c r="B23" s="22">
        <v>82</v>
      </c>
      <c r="C23" s="14">
        <v>82</v>
      </c>
      <c r="D23" s="18">
        <v>164</v>
      </c>
    </row>
    <row r="24" spans="1:4" ht="18" customHeight="1" x14ac:dyDescent="0.15">
      <c r="A24" s="5">
        <v>15</v>
      </c>
      <c r="B24" s="22">
        <v>9</v>
      </c>
      <c r="C24" s="14">
        <v>3</v>
      </c>
      <c r="D24" s="18">
        <v>12</v>
      </c>
    </row>
    <row r="25" spans="1:4" ht="18" customHeight="1" x14ac:dyDescent="0.15">
      <c r="A25" s="5">
        <v>16</v>
      </c>
      <c r="B25" s="22">
        <v>5</v>
      </c>
      <c r="C25" s="14">
        <v>6</v>
      </c>
      <c r="D25" s="18">
        <v>11</v>
      </c>
    </row>
    <row r="26" spans="1:4" ht="18" customHeight="1" x14ac:dyDescent="0.15">
      <c r="A26" s="5">
        <v>17</v>
      </c>
      <c r="B26" s="22">
        <v>7</v>
      </c>
      <c r="C26" s="14">
        <v>4</v>
      </c>
      <c r="D26" s="18">
        <v>11</v>
      </c>
    </row>
    <row r="27" spans="1:4" ht="18" customHeight="1" x14ac:dyDescent="0.15">
      <c r="A27" s="5">
        <v>18</v>
      </c>
      <c r="B27" s="22">
        <v>5</v>
      </c>
      <c r="C27" s="14">
        <v>9</v>
      </c>
      <c r="D27" s="18">
        <v>14</v>
      </c>
    </row>
    <row r="28" spans="1:4" ht="18" customHeight="1" x14ac:dyDescent="0.15">
      <c r="A28" s="5">
        <v>19</v>
      </c>
      <c r="B28" s="22">
        <v>13</v>
      </c>
      <c r="C28" s="14">
        <v>9</v>
      </c>
      <c r="D28" s="18">
        <v>22</v>
      </c>
    </row>
    <row r="29" spans="1:4" ht="18" customHeight="1" x14ac:dyDescent="0.15">
      <c r="A29" s="5" t="s">
        <v>14</v>
      </c>
      <c r="B29" s="22">
        <v>39</v>
      </c>
      <c r="C29" s="14">
        <v>31</v>
      </c>
      <c r="D29" s="18">
        <v>70</v>
      </c>
    </row>
    <row r="30" spans="1:4" ht="18" customHeight="1" x14ac:dyDescent="0.15">
      <c r="A30" s="5">
        <v>20</v>
      </c>
      <c r="B30" s="22">
        <v>8</v>
      </c>
      <c r="C30" s="14">
        <v>5</v>
      </c>
      <c r="D30" s="18">
        <v>13</v>
      </c>
    </row>
    <row r="31" spans="1:4" ht="18" customHeight="1" x14ac:dyDescent="0.15">
      <c r="A31" s="5">
        <v>21</v>
      </c>
      <c r="B31" s="22">
        <v>9</v>
      </c>
      <c r="C31" s="14">
        <v>9</v>
      </c>
      <c r="D31" s="18">
        <v>18</v>
      </c>
    </row>
    <row r="32" spans="1:4" ht="18" customHeight="1" x14ac:dyDescent="0.15">
      <c r="A32" s="5">
        <v>22</v>
      </c>
      <c r="B32" s="22">
        <v>8</v>
      </c>
      <c r="C32" s="14">
        <v>6</v>
      </c>
      <c r="D32" s="18">
        <v>14</v>
      </c>
    </row>
    <row r="33" spans="1:4" ht="18" customHeight="1" x14ac:dyDescent="0.15">
      <c r="A33" s="5">
        <v>23</v>
      </c>
      <c r="B33" s="22">
        <v>10</v>
      </c>
      <c r="C33" s="14">
        <v>9</v>
      </c>
      <c r="D33" s="18">
        <v>19</v>
      </c>
    </row>
    <row r="34" spans="1:4" ht="18" customHeight="1" x14ac:dyDescent="0.15">
      <c r="A34" s="5">
        <v>24</v>
      </c>
      <c r="B34" s="22">
        <v>11</v>
      </c>
      <c r="C34" s="14">
        <v>5</v>
      </c>
      <c r="D34" s="18">
        <v>16</v>
      </c>
    </row>
    <row r="35" spans="1:4" ht="18" customHeight="1" x14ac:dyDescent="0.15">
      <c r="A35" s="5" t="s">
        <v>9</v>
      </c>
      <c r="B35" s="22">
        <v>46</v>
      </c>
      <c r="C35" s="14">
        <v>34</v>
      </c>
      <c r="D35" s="18">
        <v>80</v>
      </c>
    </row>
    <row r="36" spans="1:4" ht="18" customHeight="1" x14ac:dyDescent="0.15">
      <c r="A36" s="5">
        <v>25</v>
      </c>
      <c r="B36" s="22">
        <v>9</v>
      </c>
      <c r="C36" s="14">
        <v>5</v>
      </c>
      <c r="D36" s="18">
        <v>14</v>
      </c>
    </row>
    <row r="37" spans="1:4" ht="18" customHeight="1" x14ac:dyDescent="0.15">
      <c r="A37" s="5">
        <v>26</v>
      </c>
      <c r="B37" s="22">
        <v>11</v>
      </c>
      <c r="C37" s="14">
        <v>13</v>
      </c>
      <c r="D37" s="18">
        <v>24</v>
      </c>
    </row>
    <row r="38" spans="1:4" ht="18" customHeight="1" x14ac:dyDescent="0.15">
      <c r="A38" s="5">
        <v>27</v>
      </c>
      <c r="B38" s="22">
        <v>9</v>
      </c>
      <c r="C38" s="14">
        <v>9</v>
      </c>
      <c r="D38" s="18">
        <v>18</v>
      </c>
    </row>
    <row r="39" spans="1:4" ht="18" customHeight="1" x14ac:dyDescent="0.15">
      <c r="A39" s="5">
        <v>28</v>
      </c>
      <c r="B39" s="22">
        <v>7</v>
      </c>
      <c r="C39" s="14">
        <v>4</v>
      </c>
      <c r="D39" s="18">
        <v>11</v>
      </c>
    </row>
    <row r="40" spans="1:4" ht="18" customHeight="1" x14ac:dyDescent="0.15">
      <c r="A40" s="5">
        <v>29</v>
      </c>
      <c r="B40" s="22">
        <v>10</v>
      </c>
      <c r="C40" s="14">
        <v>9</v>
      </c>
      <c r="D40" s="18">
        <v>19</v>
      </c>
    </row>
    <row r="41" spans="1:4" ht="18" customHeight="1" x14ac:dyDescent="0.15">
      <c r="A41" s="5" t="s">
        <v>2</v>
      </c>
      <c r="B41" s="22">
        <v>46</v>
      </c>
      <c r="C41" s="14">
        <v>40</v>
      </c>
      <c r="D41" s="18">
        <v>86</v>
      </c>
    </row>
    <row r="42" spans="1:4" ht="18" customHeight="1" x14ac:dyDescent="0.15">
      <c r="A42" s="5">
        <v>30</v>
      </c>
      <c r="B42" s="22">
        <v>5</v>
      </c>
      <c r="C42" s="14">
        <v>6</v>
      </c>
      <c r="D42" s="18">
        <v>11</v>
      </c>
    </row>
    <row r="43" spans="1:4" ht="18" customHeight="1" x14ac:dyDescent="0.15">
      <c r="A43" s="5">
        <v>31</v>
      </c>
      <c r="B43" s="22">
        <v>10</v>
      </c>
      <c r="C43" s="14">
        <v>9</v>
      </c>
      <c r="D43" s="18">
        <v>19</v>
      </c>
    </row>
    <row r="44" spans="1:4" ht="18" customHeight="1" x14ac:dyDescent="0.15">
      <c r="A44" s="5">
        <v>32</v>
      </c>
      <c r="B44" s="22">
        <v>6</v>
      </c>
      <c r="C44" s="14">
        <v>6</v>
      </c>
      <c r="D44" s="18">
        <v>12</v>
      </c>
    </row>
    <row r="45" spans="1:4" ht="18" customHeight="1" x14ac:dyDescent="0.15">
      <c r="A45" s="5">
        <v>33</v>
      </c>
      <c r="B45" s="22">
        <v>7</v>
      </c>
      <c r="C45" s="14">
        <v>7</v>
      </c>
      <c r="D45" s="18">
        <v>14</v>
      </c>
    </row>
    <row r="46" spans="1:4" ht="18" customHeight="1" x14ac:dyDescent="0.15">
      <c r="A46" s="5">
        <v>34</v>
      </c>
      <c r="B46" s="22">
        <v>7</v>
      </c>
      <c r="C46" s="14">
        <v>11</v>
      </c>
      <c r="D46" s="18">
        <v>18</v>
      </c>
    </row>
    <row r="47" spans="1:4" ht="18" customHeight="1" x14ac:dyDescent="0.15">
      <c r="A47" s="5" t="s">
        <v>15</v>
      </c>
      <c r="B47" s="22">
        <v>35</v>
      </c>
      <c r="C47" s="14">
        <v>39</v>
      </c>
      <c r="D47" s="18">
        <v>74</v>
      </c>
    </row>
    <row r="48" spans="1:4" ht="18" customHeight="1" x14ac:dyDescent="0.15">
      <c r="A48" s="5">
        <v>35</v>
      </c>
      <c r="B48" s="22">
        <v>3</v>
      </c>
      <c r="C48" s="14">
        <v>4</v>
      </c>
      <c r="D48" s="18">
        <v>7</v>
      </c>
    </row>
    <row r="49" spans="1:4" ht="18" customHeight="1" x14ac:dyDescent="0.15">
      <c r="A49" s="5">
        <v>36</v>
      </c>
      <c r="B49" s="22">
        <v>7</v>
      </c>
      <c r="C49" s="14">
        <v>4</v>
      </c>
      <c r="D49" s="18">
        <v>11</v>
      </c>
    </row>
    <row r="50" spans="1:4" ht="18" customHeight="1" x14ac:dyDescent="0.15">
      <c r="A50" s="5">
        <v>37</v>
      </c>
      <c r="B50" s="22">
        <v>6</v>
      </c>
      <c r="C50" s="14">
        <v>7</v>
      </c>
      <c r="D50" s="18">
        <v>13</v>
      </c>
    </row>
    <row r="51" spans="1:4" ht="18" customHeight="1" x14ac:dyDescent="0.15">
      <c r="A51" s="5">
        <v>38</v>
      </c>
      <c r="B51" s="22">
        <v>9</v>
      </c>
      <c r="C51" s="14">
        <v>5</v>
      </c>
      <c r="D51" s="18">
        <v>14</v>
      </c>
    </row>
    <row r="52" spans="1:4" ht="18" customHeight="1" x14ac:dyDescent="0.15">
      <c r="A52" s="5">
        <v>39</v>
      </c>
      <c r="B52" s="22">
        <v>11</v>
      </c>
      <c r="C52" s="14">
        <v>8</v>
      </c>
      <c r="D52" s="18">
        <v>19</v>
      </c>
    </row>
    <row r="53" spans="1:4" ht="18" customHeight="1" x14ac:dyDescent="0.15">
      <c r="A53" s="5" t="s">
        <v>18</v>
      </c>
      <c r="B53" s="22">
        <v>36</v>
      </c>
      <c r="C53" s="14">
        <v>28</v>
      </c>
      <c r="D53" s="18">
        <v>64</v>
      </c>
    </row>
    <row r="54" spans="1:4" ht="18" customHeight="1" x14ac:dyDescent="0.15">
      <c r="A54" s="5">
        <v>40</v>
      </c>
      <c r="B54" s="22">
        <v>7</v>
      </c>
      <c r="C54" s="14">
        <v>11</v>
      </c>
      <c r="D54" s="18">
        <v>18</v>
      </c>
    </row>
    <row r="55" spans="1:4" ht="18" customHeight="1" x14ac:dyDescent="0.15">
      <c r="A55" s="5">
        <v>41</v>
      </c>
      <c r="B55" s="22">
        <v>22</v>
      </c>
      <c r="C55" s="14">
        <v>11</v>
      </c>
      <c r="D55" s="18">
        <v>33</v>
      </c>
    </row>
    <row r="56" spans="1:4" ht="18" customHeight="1" x14ac:dyDescent="0.15">
      <c r="A56" s="5">
        <v>42</v>
      </c>
      <c r="B56" s="22">
        <v>15</v>
      </c>
      <c r="C56" s="14">
        <v>14</v>
      </c>
      <c r="D56" s="18">
        <v>29</v>
      </c>
    </row>
    <row r="57" spans="1:4" ht="18" customHeight="1" x14ac:dyDescent="0.15">
      <c r="A57" s="5">
        <v>43</v>
      </c>
      <c r="B57" s="22">
        <v>16</v>
      </c>
      <c r="C57" s="14">
        <v>8</v>
      </c>
      <c r="D57" s="18">
        <v>24</v>
      </c>
    </row>
    <row r="58" spans="1:4" ht="18" customHeight="1" x14ac:dyDescent="0.15">
      <c r="A58" s="5">
        <v>44</v>
      </c>
      <c r="B58" s="22">
        <v>8</v>
      </c>
      <c r="C58" s="14">
        <v>9</v>
      </c>
      <c r="D58" s="18">
        <v>17</v>
      </c>
    </row>
    <row r="59" spans="1:4" ht="18" customHeight="1" x14ac:dyDescent="0.15">
      <c r="A59" s="5" t="s">
        <v>21</v>
      </c>
      <c r="B59" s="22">
        <v>68</v>
      </c>
      <c r="C59" s="14">
        <v>53</v>
      </c>
      <c r="D59" s="18">
        <v>121</v>
      </c>
    </row>
    <row r="60" spans="1:4" ht="18" customHeight="1" x14ac:dyDescent="0.15">
      <c r="A60" s="5">
        <v>45</v>
      </c>
      <c r="B60" s="22">
        <v>10</v>
      </c>
      <c r="C60" s="14">
        <v>8</v>
      </c>
      <c r="D60" s="18">
        <v>18</v>
      </c>
    </row>
    <row r="61" spans="1:4" ht="18" customHeight="1" x14ac:dyDescent="0.15">
      <c r="A61" s="5">
        <v>46</v>
      </c>
      <c r="B61" s="22">
        <v>8</v>
      </c>
      <c r="C61" s="14">
        <v>9</v>
      </c>
      <c r="D61" s="18">
        <v>17</v>
      </c>
    </row>
    <row r="62" spans="1:4" ht="18" customHeight="1" x14ac:dyDescent="0.15">
      <c r="A62" s="5">
        <v>47</v>
      </c>
      <c r="B62" s="22">
        <v>9</v>
      </c>
      <c r="C62" s="14">
        <v>13</v>
      </c>
      <c r="D62" s="18">
        <v>22</v>
      </c>
    </row>
    <row r="63" spans="1:4" ht="18" customHeight="1" x14ac:dyDescent="0.15">
      <c r="A63" s="5">
        <v>48</v>
      </c>
      <c r="B63" s="22">
        <v>16</v>
      </c>
      <c r="C63" s="14">
        <v>18</v>
      </c>
      <c r="D63" s="18">
        <v>34</v>
      </c>
    </row>
    <row r="64" spans="1:4" ht="18" customHeight="1" x14ac:dyDescent="0.15">
      <c r="A64" s="5">
        <v>49</v>
      </c>
      <c r="B64" s="22">
        <v>16</v>
      </c>
      <c r="C64" s="14">
        <v>9</v>
      </c>
      <c r="D64" s="18">
        <v>25</v>
      </c>
    </row>
    <row r="65" spans="1:4" ht="18" customHeight="1" x14ac:dyDescent="0.15">
      <c r="A65" s="5" t="s">
        <v>17</v>
      </c>
      <c r="B65" s="22">
        <v>59</v>
      </c>
      <c r="C65" s="14">
        <v>57</v>
      </c>
      <c r="D65" s="18">
        <v>116</v>
      </c>
    </row>
    <row r="66" spans="1:4" ht="18" customHeight="1" x14ac:dyDescent="0.15">
      <c r="A66" s="5">
        <v>50</v>
      </c>
      <c r="B66" s="22">
        <v>18</v>
      </c>
      <c r="C66" s="14">
        <v>18</v>
      </c>
      <c r="D66" s="18">
        <v>36</v>
      </c>
    </row>
    <row r="67" spans="1:4" ht="18" customHeight="1" x14ac:dyDescent="0.15">
      <c r="A67" s="5">
        <v>51</v>
      </c>
      <c r="B67" s="22">
        <v>13</v>
      </c>
      <c r="C67" s="14">
        <v>16</v>
      </c>
      <c r="D67" s="18">
        <v>29</v>
      </c>
    </row>
    <row r="68" spans="1:4" ht="18" customHeight="1" x14ac:dyDescent="0.15">
      <c r="A68" s="5">
        <v>52</v>
      </c>
      <c r="B68" s="22">
        <v>15</v>
      </c>
      <c r="C68" s="14">
        <v>15</v>
      </c>
      <c r="D68" s="18">
        <v>30</v>
      </c>
    </row>
    <row r="69" spans="1:4" ht="18" customHeight="1" x14ac:dyDescent="0.15">
      <c r="A69" s="5">
        <v>53</v>
      </c>
      <c r="B69" s="22">
        <v>16</v>
      </c>
      <c r="C69" s="14">
        <v>22</v>
      </c>
      <c r="D69" s="18">
        <v>38</v>
      </c>
    </row>
    <row r="70" spans="1:4" ht="18" customHeight="1" x14ac:dyDescent="0.15">
      <c r="A70" s="5">
        <v>54</v>
      </c>
      <c r="B70" s="22">
        <v>26</v>
      </c>
      <c r="C70" s="14">
        <v>20</v>
      </c>
      <c r="D70" s="18">
        <v>46</v>
      </c>
    </row>
    <row r="71" spans="1:4" ht="18" customHeight="1" x14ac:dyDescent="0.15">
      <c r="A71" s="5" t="s">
        <v>22</v>
      </c>
      <c r="B71" s="22">
        <v>88</v>
      </c>
      <c r="C71" s="14">
        <v>91</v>
      </c>
      <c r="D71" s="18">
        <v>179</v>
      </c>
    </row>
    <row r="72" spans="1:4" ht="18" customHeight="1" x14ac:dyDescent="0.15">
      <c r="A72" s="5">
        <v>55</v>
      </c>
      <c r="B72" s="22">
        <v>31</v>
      </c>
      <c r="C72" s="14">
        <v>20</v>
      </c>
      <c r="D72" s="18">
        <v>51</v>
      </c>
    </row>
    <row r="73" spans="1:4" ht="18" customHeight="1" x14ac:dyDescent="0.15">
      <c r="A73" s="5">
        <v>56</v>
      </c>
      <c r="B73" s="22">
        <v>12</v>
      </c>
      <c r="C73" s="14">
        <v>19</v>
      </c>
      <c r="D73" s="18">
        <v>31</v>
      </c>
    </row>
    <row r="74" spans="1:4" ht="18" customHeight="1" x14ac:dyDescent="0.15">
      <c r="A74" s="5">
        <v>57</v>
      </c>
      <c r="B74" s="22">
        <v>19</v>
      </c>
      <c r="C74" s="14">
        <v>22</v>
      </c>
      <c r="D74" s="18">
        <v>41</v>
      </c>
    </row>
    <row r="75" spans="1:4" ht="18" customHeight="1" x14ac:dyDescent="0.15">
      <c r="A75" s="5">
        <v>58</v>
      </c>
      <c r="B75" s="22">
        <v>11</v>
      </c>
      <c r="C75" s="14">
        <v>17</v>
      </c>
      <c r="D75" s="18">
        <v>28</v>
      </c>
    </row>
    <row r="76" spans="1:4" ht="18" customHeight="1" x14ac:dyDescent="0.15">
      <c r="A76" s="5">
        <v>59</v>
      </c>
      <c r="B76" s="22">
        <v>18</v>
      </c>
      <c r="C76" s="14">
        <v>14</v>
      </c>
      <c r="D76" s="18">
        <v>32</v>
      </c>
    </row>
    <row r="77" spans="1:4" ht="18" customHeight="1" x14ac:dyDescent="0.15">
      <c r="A77" s="5" t="s">
        <v>27</v>
      </c>
      <c r="B77" s="22">
        <v>91</v>
      </c>
      <c r="C77" s="14">
        <v>92</v>
      </c>
      <c r="D77" s="18">
        <v>183</v>
      </c>
    </row>
    <row r="78" spans="1:4" ht="18" customHeight="1" x14ac:dyDescent="0.15">
      <c r="A78" s="5">
        <v>60</v>
      </c>
      <c r="B78" s="22">
        <v>14</v>
      </c>
      <c r="C78" s="14">
        <v>14</v>
      </c>
      <c r="D78" s="18">
        <v>28</v>
      </c>
    </row>
    <row r="79" spans="1:4" ht="18" customHeight="1" x14ac:dyDescent="0.15">
      <c r="A79" s="5">
        <v>61</v>
      </c>
      <c r="B79" s="22">
        <v>18</v>
      </c>
      <c r="C79" s="14">
        <v>16</v>
      </c>
      <c r="D79" s="18">
        <v>34</v>
      </c>
    </row>
    <row r="80" spans="1:4" ht="18" customHeight="1" x14ac:dyDescent="0.15">
      <c r="A80" s="5">
        <v>62</v>
      </c>
      <c r="B80" s="22">
        <v>13</v>
      </c>
      <c r="C80" s="14">
        <v>19</v>
      </c>
      <c r="D80" s="18">
        <v>32</v>
      </c>
    </row>
    <row r="81" spans="1:4" ht="18" customHeight="1" x14ac:dyDescent="0.15">
      <c r="A81" s="5">
        <v>63</v>
      </c>
      <c r="B81" s="22">
        <v>12</v>
      </c>
      <c r="C81" s="14">
        <v>8</v>
      </c>
      <c r="D81" s="18">
        <v>20</v>
      </c>
    </row>
    <row r="82" spans="1:4" ht="18" customHeight="1" x14ac:dyDescent="0.15">
      <c r="A82" s="5">
        <v>64</v>
      </c>
      <c r="B82" s="22">
        <v>19</v>
      </c>
      <c r="C82" s="14">
        <v>12</v>
      </c>
      <c r="D82" s="18">
        <v>31</v>
      </c>
    </row>
    <row r="83" spans="1:4" ht="18" customHeight="1" x14ac:dyDescent="0.15">
      <c r="A83" s="5" t="s">
        <v>28</v>
      </c>
      <c r="B83" s="22">
        <v>76</v>
      </c>
      <c r="C83" s="14">
        <v>69</v>
      </c>
      <c r="D83" s="18">
        <v>145</v>
      </c>
    </row>
    <row r="84" spans="1:4" ht="18" customHeight="1" x14ac:dyDescent="0.15">
      <c r="A84" s="5" t="s">
        <v>31</v>
      </c>
      <c r="B84" s="22">
        <v>584</v>
      </c>
      <c r="C84" s="14">
        <v>534</v>
      </c>
      <c r="D84" s="18">
        <v>1118</v>
      </c>
    </row>
    <row r="85" spans="1:4" ht="18" customHeight="1" x14ac:dyDescent="0.15">
      <c r="A85" s="5">
        <v>65</v>
      </c>
      <c r="B85" s="22">
        <v>19</v>
      </c>
      <c r="C85" s="14">
        <v>9</v>
      </c>
      <c r="D85" s="18">
        <v>28</v>
      </c>
    </row>
    <row r="86" spans="1:4" ht="18" customHeight="1" x14ac:dyDescent="0.15">
      <c r="A86" s="5">
        <v>66</v>
      </c>
      <c r="B86" s="22">
        <v>16</v>
      </c>
      <c r="C86" s="14">
        <v>16</v>
      </c>
      <c r="D86" s="18">
        <v>32</v>
      </c>
    </row>
    <row r="87" spans="1:4" ht="18" customHeight="1" x14ac:dyDescent="0.15">
      <c r="A87" s="5">
        <v>67</v>
      </c>
      <c r="B87" s="22">
        <v>15</v>
      </c>
      <c r="C87" s="14">
        <v>28</v>
      </c>
      <c r="D87" s="18">
        <v>43</v>
      </c>
    </row>
    <row r="88" spans="1:4" ht="18" customHeight="1" x14ac:dyDescent="0.15">
      <c r="A88" s="5">
        <v>68</v>
      </c>
      <c r="B88" s="22">
        <v>23</v>
      </c>
      <c r="C88" s="14">
        <v>15</v>
      </c>
      <c r="D88" s="18">
        <v>38</v>
      </c>
    </row>
    <row r="89" spans="1:4" ht="18" customHeight="1" x14ac:dyDescent="0.15">
      <c r="A89" s="5">
        <v>69</v>
      </c>
      <c r="B89" s="22">
        <v>18</v>
      </c>
      <c r="C89" s="14">
        <v>26</v>
      </c>
      <c r="D89" s="18">
        <v>44</v>
      </c>
    </row>
    <row r="90" spans="1:4" ht="18" customHeight="1" x14ac:dyDescent="0.15">
      <c r="A90" s="5" t="s">
        <v>20</v>
      </c>
      <c r="B90" s="22">
        <v>91</v>
      </c>
      <c r="C90" s="14">
        <v>94</v>
      </c>
      <c r="D90" s="18">
        <v>185</v>
      </c>
    </row>
    <row r="91" spans="1:4" ht="18" customHeight="1" x14ac:dyDescent="0.15">
      <c r="A91" s="5">
        <v>70</v>
      </c>
      <c r="B91" s="22">
        <v>10</v>
      </c>
      <c r="C91" s="14">
        <v>16</v>
      </c>
      <c r="D91" s="18">
        <v>26</v>
      </c>
    </row>
    <row r="92" spans="1:4" ht="18" customHeight="1" x14ac:dyDescent="0.15">
      <c r="A92" s="5">
        <v>71</v>
      </c>
      <c r="B92" s="22">
        <v>7</v>
      </c>
      <c r="C92" s="14">
        <v>18</v>
      </c>
      <c r="D92" s="18">
        <v>25</v>
      </c>
    </row>
    <row r="93" spans="1:4" ht="18" customHeight="1" x14ac:dyDescent="0.15">
      <c r="A93" s="5">
        <v>72</v>
      </c>
      <c r="B93" s="22">
        <v>16</v>
      </c>
      <c r="C93" s="14">
        <v>24</v>
      </c>
      <c r="D93" s="18">
        <v>40</v>
      </c>
    </row>
    <row r="94" spans="1:4" ht="18" customHeight="1" x14ac:dyDescent="0.15">
      <c r="A94" s="5">
        <v>73</v>
      </c>
      <c r="B94" s="22">
        <v>14</v>
      </c>
      <c r="C94" s="14">
        <v>27</v>
      </c>
      <c r="D94" s="18">
        <v>41</v>
      </c>
    </row>
    <row r="95" spans="1:4" ht="18" customHeight="1" x14ac:dyDescent="0.15">
      <c r="A95" s="5">
        <v>74</v>
      </c>
      <c r="B95" s="22">
        <v>25</v>
      </c>
      <c r="C95" s="14">
        <v>18</v>
      </c>
      <c r="D95" s="18">
        <v>43</v>
      </c>
    </row>
    <row r="96" spans="1:4" ht="18" customHeight="1" x14ac:dyDescent="0.15">
      <c r="A96" s="5" t="s">
        <v>33</v>
      </c>
      <c r="B96" s="22">
        <v>72</v>
      </c>
      <c r="C96" s="14">
        <v>103</v>
      </c>
      <c r="D96" s="18">
        <v>175</v>
      </c>
    </row>
    <row r="97" spans="1:4" ht="18" customHeight="1" x14ac:dyDescent="0.15">
      <c r="A97" s="5">
        <v>75</v>
      </c>
      <c r="B97" s="22">
        <v>25</v>
      </c>
      <c r="C97" s="14">
        <v>32</v>
      </c>
      <c r="D97" s="18">
        <v>57</v>
      </c>
    </row>
    <row r="98" spans="1:4" ht="18" customHeight="1" x14ac:dyDescent="0.15">
      <c r="A98" s="5">
        <v>76</v>
      </c>
      <c r="B98" s="22">
        <v>25</v>
      </c>
      <c r="C98" s="14">
        <v>28</v>
      </c>
      <c r="D98" s="18">
        <v>53</v>
      </c>
    </row>
    <row r="99" spans="1:4" ht="18" customHeight="1" x14ac:dyDescent="0.15">
      <c r="A99" s="5">
        <v>77</v>
      </c>
      <c r="B99" s="22">
        <v>23</v>
      </c>
      <c r="C99" s="14">
        <v>27</v>
      </c>
      <c r="D99" s="18">
        <v>50</v>
      </c>
    </row>
    <row r="100" spans="1:4" ht="18" customHeight="1" x14ac:dyDescent="0.15">
      <c r="A100" s="5">
        <v>78</v>
      </c>
      <c r="B100" s="22">
        <v>37</v>
      </c>
      <c r="C100" s="14">
        <v>27</v>
      </c>
      <c r="D100" s="18">
        <v>64</v>
      </c>
    </row>
    <row r="101" spans="1:4" ht="18" customHeight="1" x14ac:dyDescent="0.15">
      <c r="A101" s="5">
        <v>79</v>
      </c>
      <c r="B101" s="22">
        <v>22</v>
      </c>
      <c r="C101" s="14">
        <v>24</v>
      </c>
      <c r="D101" s="18">
        <v>46</v>
      </c>
    </row>
    <row r="102" spans="1:4" ht="18" customHeight="1" x14ac:dyDescent="0.15">
      <c r="A102" s="5" t="s">
        <v>0</v>
      </c>
      <c r="B102" s="22">
        <v>132</v>
      </c>
      <c r="C102" s="14">
        <v>138</v>
      </c>
      <c r="D102" s="18">
        <v>270</v>
      </c>
    </row>
    <row r="103" spans="1:4" ht="18" customHeight="1" x14ac:dyDescent="0.15">
      <c r="A103" s="5">
        <v>80</v>
      </c>
      <c r="B103" s="22">
        <v>8</v>
      </c>
      <c r="C103" s="14">
        <v>12</v>
      </c>
      <c r="D103" s="18">
        <v>20</v>
      </c>
    </row>
    <row r="104" spans="1:4" ht="18" customHeight="1" x14ac:dyDescent="0.15">
      <c r="A104" s="5">
        <v>81</v>
      </c>
      <c r="B104" s="22">
        <v>19</v>
      </c>
      <c r="C104" s="14">
        <v>28</v>
      </c>
      <c r="D104" s="18">
        <v>47</v>
      </c>
    </row>
    <row r="105" spans="1:4" ht="18" customHeight="1" x14ac:dyDescent="0.15">
      <c r="A105" s="5">
        <v>82</v>
      </c>
      <c r="B105" s="22">
        <v>12</v>
      </c>
      <c r="C105" s="14">
        <v>20</v>
      </c>
      <c r="D105" s="18">
        <v>32</v>
      </c>
    </row>
    <row r="106" spans="1:4" ht="18" customHeight="1" x14ac:dyDescent="0.15">
      <c r="A106" s="5">
        <v>83</v>
      </c>
      <c r="B106" s="22">
        <v>13</v>
      </c>
      <c r="C106" s="14">
        <v>25</v>
      </c>
      <c r="D106" s="18">
        <v>38</v>
      </c>
    </row>
    <row r="107" spans="1:4" ht="18" customHeight="1" x14ac:dyDescent="0.15">
      <c r="A107" s="5">
        <v>84</v>
      </c>
      <c r="B107" s="22">
        <v>14</v>
      </c>
      <c r="C107" s="14">
        <v>22</v>
      </c>
      <c r="D107" s="18">
        <v>36</v>
      </c>
    </row>
    <row r="108" spans="1:4" ht="18" customHeight="1" x14ac:dyDescent="0.15">
      <c r="A108" s="5" t="s">
        <v>35</v>
      </c>
      <c r="B108" s="22">
        <v>66</v>
      </c>
      <c r="C108" s="14">
        <v>107</v>
      </c>
      <c r="D108" s="18">
        <v>173</v>
      </c>
    </row>
    <row r="109" spans="1:4" ht="18" customHeight="1" x14ac:dyDescent="0.15">
      <c r="A109" s="5">
        <v>85</v>
      </c>
      <c r="B109" s="22">
        <v>7</v>
      </c>
      <c r="C109" s="14">
        <v>18</v>
      </c>
      <c r="D109" s="18">
        <v>25</v>
      </c>
    </row>
    <row r="110" spans="1:4" ht="18" customHeight="1" x14ac:dyDescent="0.15">
      <c r="A110" s="5">
        <v>86</v>
      </c>
      <c r="B110" s="22">
        <v>8</v>
      </c>
      <c r="C110" s="14">
        <v>10</v>
      </c>
      <c r="D110" s="18">
        <v>18</v>
      </c>
    </row>
    <row r="111" spans="1:4" ht="18" customHeight="1" x14ac:dyDescent="0.15">
      <c r="A111" s="5">
        <v>87</v>
      </c>
      <c r="B111" s="22">
        <v>9</v>
      </c>
      <c r="C111" s="14">
        <v>13</v>
      </c>
      <c r="D111" s="18">
        <v>22</v>
      </c>
    </row>
    <row r="112" spans="1:4" ht="18" customHeight="1" x14ac:dyDescent="0.15">
      <c r="A112" s="5">
        <v>88</v>
      </c>
      <c r="B112" s="22">
        <v>6</v>
      </c>
      <c r="C112" s="14">
        <v>25</v>
      </c>
      <c r="D112" s="18">
        <v>31</v>
      </c>
    </row>
    <row r="113" spans="1:4" ht="18" customHeight="1" x14ac:dyDescent="0.15">
      <c r="A113" s="5">
        <v>89</v>
      </c>
      <c r="B113" s="22">
        <v>5</v>
      </c>
      <c r="C113" s="14">
        <v>13</v>
      </c>
      <c r="D113" s="18">
        <v>18</v>
      </c>
    </row>
    <row r="114" spans="1:4" ht="18" customHeight="1" x14ac:dyDescent="0.15">
      <c r="A114" s="5" t="s">
        <v>37</v>
      </c>
      <c r="B114" s="22">
        <v>35</v>
      </c>
      <c r="C114" s="14">
        <v>79</v>
      </c>
      <c r="D114" s="18">
        <v>114</v>
      </c>
    </row>
    <row r="115" spans="1:4" ht="18" customHeight="1" x14ac:dyDescent="0.15">
      <c r="A115" s="5">
        <v>90</v>
      </c>
      <c r="B115" s="22">
        <v>5</v>
      </c>
      <c r="C115" s="14">
        <v>11</v>
      </c>
      <c r="D115" s="18">
        <v>16</v>
      </c>
    </row>
    <row r="116" spans="1:4" ht="18" customHeight="1" x14ac:dyDescent="0.15">
      <c r="A116" s="5">
        <v>91</v>
      </c>
      <c r="B116" s="22">
        <v>5</v>
      </c>
      <c r="C116" s="14">
        <v>13</v>
      </c>
      <c r="D116" s="18">
        <v>18</v>
      </c>
    </row>
    <row r="117" spans="1:4" ht="18" customHeight="1" x14ac:dyDescent="0.15">
      <c r="A117" s="5">
        <v>92</v>
      </c>
      <c r="B117" s="22">
        <v>8</v>
      </c>
      <c r="C117" s="14">
        <v>11</v>
      </c>
      <c r="D117" s="18">
        <v>19</v>
      </c>
    </row>
    <row r="118" spans="1:4" ht="18" customHeight="1" x14ac:dyDescent="0.15">
      <c r="A118" s="5">
        <v>93</v>
      </c>
      <c r="B118" s="22">
        <v>1</v>
      </c>
      <c r="C118" s="14">
        <v>7</v>
      </c>
      <c r="D118" s="18">
        <v>8</v>
      </c>
    </row>
    <row r="119" spans="1:4" ht="18" customHeight="1" x14ac:dyDescent="0.15">
      <c r="A119" s="5">
        <v>94</v>
      </c>
      <c r="B119" s="22">
        <v>0</v>
      </c>
      <c r="C119" s="14">
        <v>7</v>
      </c>
      <c r="D119" s="18">
        <v>7</v>
      </c>
    </row>
    <row r="120" spans="1:4" ht="18" customHeight="1" x14ac:dyDescent="0.15">
      <c r="A120" s="5" t="s">
        <v>39</v>
      </c>
      <c r="B120" s="22">
        <v>19</v>
      </c>
      <c r="C120" s="14">
        <v>49</v>
      </c>
      <c r="D120" s="18">
        <v>68</v>
      </c>
    </row>
    <row r="121" spans="1:4" ht="18" customHeight="1" x14ac:dyDescent="0.15">
      <c r="A121" s="5">
        <v>95</v>
      </c>
      <c r="B121" s="22">
        <v>3</v>
      </c>
      <c r="C121" s="14">
        <v>6</v>
      </c>
      <c r="D121" s="18">
        <v>9</v>
      </c>
    </row>
    <row r="122" spans="1:4" ht="18" customHeight="1" x14ac:dyDescent="0.15">
      <c r="A122" s="5">
        <v>96</v>
      </c>
      <c r="B122" s="22">
        <v>1</v>
      </c>
      <c r="C122" s="14">
        <v>5</v>
      </c>
      <c r="D122" s="18">
        <v>6</v>
      </c>
    </row>
    <row r="123" spans="1:4" ht="18" customHeight="1" x14ac:dyDescent="0.15">
      <c r="A123" s="5">
        <v>97</v>
      </c>
      <c r="B123" s="22">
        <v>1</v>
      </c>
      <c r="C123" s="14">
        <v>6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5</v>
      </c>
      <c r="C126" s="14">
        <v>23</v>
      </c>
      <c r="D126" s="18">
        <v>28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420</v>
      </c>
      <c r="C130" s="14">
        <v>596</v>
      </c>
      <c r="D130" s="18">
        <v>1016</v>
      </c>
    </row>
    <row r="131" spans="1:4" ht="18" customHeight="1" x14ac:dyDescent="0.15">
      <c r="A131" s="7" t="s">
        <v>45</v>
      </c>
      <c r="B131" s="23">
        <v>1086</v>
      </c>
      <c r="C131" s="15">
        <v>1212</v>
      </c>
      <c r="D131" s="19">
        <v>229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1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7</v>
      </c>
      <c r="C5" s="13">
        <v>7</v>
      </c>
      <c r="D5" s="17">
        <v>14</v>
      </c>
    </row>
    <row r="6" spans="1:4" ht="18" customHeight="1" x14ac:dyDescent="0.15">
      <c r="A6" s="5">
        <v>1</v>
      </c>
      <c r="B6" s="22">
        <v>4</v>
      </c>
      <c r="C6" s="14">
        <v>9</v>
      </c>
      <c r="D6" s="18">
        <v>13</v>
      </c>
    </row>
    <row r="7" spans="1:4" ht="18" customHeight="1" x14ac:dyDescent="0.15">
      <c r="A7" s="5">
        <v>2</v>
      </c>
      <c r="B7" s="22">
        <v>9</v>
      </c>
      <c r="C7" s="14">
        <v>12</v>
      </c>
      <c r="D7" s="18">
        <v>21</v>
      </c>
    </row>
    <row r="8" spans="1:4" ht="18" customHeight="1" x14ac:dyDescent="0.15">
      <c r="A8" s="5">
        <v>3</v>
      </c>
      <c r="B8" s="22">
        <v>8</v>
      </c>
      <c r="C8" s="14">
        <v>10</v>
      </c>
      <c r="D8" s="18">
        <v>18</v>
      </c>
    </row>
    <row r="9" spans="1:4" ht="18" customHeight="1" x14ac:dyDescent="0.15">
      <c r="A9" s="5">
        <v>4</v>
      </c>
      <c r="B9" s="22">
        <v>8</v>
      </c>
      <c r="C9" s="14">
        <v>10</v>
      </c>
      <c r="D9" s="18">
        <v>18</v>
      </c>
    </row>
    <row r="10" spans="1:4" ht="18" customHeight="1" x14ac:dyDescent="0.15">
      <c r="A10" s="5" t="s">
        <v>7</v>
      </c>
      <c r="B10" s="22">
        <v>36</v>
      </c>
      <c r="C10" s="14">
        <v>48</v>
      </c>
      <c r="D10" s="18">
        <v>84</v>
      </c>
    </row>
    <row r="11" spans="1:4" ht="18" customHeight="1" x14ac:dyDescent="0.15">
      <c r="A11" s="5">
        <v>5</v>
      </c>
      <c r="B11" s="22">
        <v>7</v>
      </c>
      <c r="C11" s="14">
        <v>5</v>
      </c>
      <c r="D11" s="18">
        <v>12</v>
      </c>
    </row>
    <row r="12" spans="1:4" ht="18" customHeight="1" x14ac:dyDescent="0.15">
      <c r="A12" s="5">
        <v>6</v>
      </c>
      <c r="B12" s="22">
        <v>16</v>
      </c>
      <c r="C12" s="14">
        <v>16</v>
      </c>
      <c r="D12" s="18">
        <v>32</v>
      </c>
    </row>
    <row r="13" spans="1:4" ht="18" customHeight="1" x14ac:dyDescent="0.15">
      <c r="A13" s="5">
        <v>7</v>
      </c>
      <c r="B13" s="22">
        <v>12</v>
      </c>
      <c r="C13" s="14">
        <v>9</v>
      </c>
      <c r="D13" s="18">
        <v>21</v>
      </c>
    </row>
    <row r="14" spans="1:4" ht="18" customHeight="1" x14ac:dyDescent="0.15">
      <c r="A14" s="5">
        <v>8</v>
      </c>
      <c r="B14" s="22">
        <v>13</v>
      </c>
      <c r="C14" s="14">
        <v>14</v>
      </c>
      <c r="D14" s="18">
        <v>27</v>
      </c>
    </row>
    <row r="15" spans="1:4" ht="18" customHeight="1" x14ac:dyDescent="0.15">
      <c r="A15" s="5">
        <v>9</v>
      </c>
      <c r="B15" s="22">
        <v>13</v>
      </c>
      <c r="C15" s="14">
        <v>12</v>
      </c>
      <c r="D15" s="18">
        <v>25</v>
      </c>
    </row>
    <row r="16" spans="1:4" ht="18" customHeight="1" x14ac:dyDescent="0.15">
      <c r="A16" s="5" t="s">
        <v>11</v>
      </c>
      <c r="B16" s="22">
        <v>61</v>
      </c>
      <c r="C16" s="14">
        <v>56</v>
      </c>
      <c r="D16" s="18">
        <v>117</v>
      </c>
    </row>
    <row r="17" spans="1:4" ht="18" customHeight="1" x14ac:dyDescent="0.15">
      <c r="A17" s="5">
        <v>10</v>
      </c>
      <c r="B17" s="22">
        <v>11</v>
      </c>
      <c r="C17" s="14">
        <v>12</v>
      </c>
      <c r="D17" s="18">
        <v>23</v>
      </c>
    </row>
    <row r="18" spans="1:4" ht="18" customHeight="1" x14ac:dyDescent="0.15">
      <c r="A18" s="5">
        <v>11</v>
      </c>
      <c r="B18" s="22">
        <v>8</v>
      </c>
      <c r="C18" s="14">
        <v>13</v>
      </c>
      <c r="D18" s="18">
        <v>21</v>
      </c>
    </row>
    <row r="19" spans="1:4" ht="18" customHeight="1" x14ac:dyDescent="0.15">
      <c r="A19" s="5">
        <v>12</v>
      </c>
      <c r="B19" s="22">
        <v>10</v>
      </c>
      <c r="C19" s="14">
        <v>8</v>
      </c>
      <c r="D19" s="18">
        <v>18</v>
      </c>
    </row>
    <row r="20" spans="1:4" ht="18" customHeight="1" x14ac:dyDescent="0.15">
      <c r="A20" s="5">
        <v>13</v>
      </c>
      <c r="B20" s="22">
        <v>12</v>
      </c>
      <c r="C20" s="14">
        <v>6</v>
      </c>
      <c r="D20" s="18">
        <v>18</v>
      </c>
    </row>
    <row r="21" spans="1:4" ht="18" customHeight="1" x14ac:dyDescent="0.15">
      <c r="A21" s="5">
        <v>14</v>
      </c>
      <c r="B21" s="22">
        <v>8</v>
      </c>
      <c r="C21" s="14">
        <v>11</v>
      </c>
      <c r="D21" s="18">
        <v>19</v>
      </c>
    </row>
    <row r="22" spans="1:4" ht="18" customHeight="1" x14ac:dyDescent="0.15">
      <c r="A22" s="5" t="s">
        <v>12</v>
      </c>
      <c r="B22" s="22">
        <v>49</v>
      </c>
      <c r="C22" s="14">
        <v>50</v>
      </c>
      <c r="D22" s="18">
        <v>99</v>
      </c>
    </row>
    <row r="23" spans="1:4" ht="18" customHeight="1" x14ac:dyDescent="0.15">
      <c r="A23" s="5" t="s">
        <v>6</v>
      </c>
      <c r="B23" s="22">
        <v>146</v>
      </c>
      <c r="C23" s="14">
        <v>154</v>
      </c>
      <c r="D23" s="18">
        <v>300</v>
      </c>
    </row>
    <row r="24" spans="1:4" ht="18" customHeight="1" x14ac:dyDescent="0.15">
      <c r="A24" s="5">
        <v>15</v>
      </c>
      <c r="B24" s="22">
        <v>18</v>
      </c>
      <c r="C24" s="14">
        <v>7</v>
      </c>
      <c r="D24" s="18">
        <v>25</v>
      </c>
    </row>
    <row r="25" spans="1:4" ht="18" customHeight="1" x14ac:dyDescent="0.15">
      <c r="A25" s="5">
        <v>16</v>
      </c>
      <c r="B25" s="22">
        <v>9</v>
      </c>
      <c r="C25" s="14">
        <v>12</v>
      </c>
      <c r="D25" s="18">
        <v>21</v>
      </c>
    </row>
    <row r="26" spans="1:4" ht="18" customHeight="1" x14ac:dyDescent="0.15">
      <c r="A26" s="5">
        <v>17</v>
      </c>
      <c r="B26" s="22">
        <v>12</v>
      </c>
      <c r="C26" s="14">
        <v>11</v>
      </c>
      <c r="D26" s="18">
        <v>23</v>
      </c>
    </row>
    <row r="27" spans="1:4" ht="18" customHeight="1" x14ac:dyDescent="0.15">
      <c r="A27" s="5">
        <v>18</v>
      </c>
      <c r="B27" s="22">
        <v>10</v>
      </c>
      <c r="C27" s="14">
        <v>12</v>
      </c>
      <c r="D27" s="18">
        <v>22</v>
      </c>
    </row>
    <row r="28" spans="1:4" ht="18" customHeight="1" x14ac:dyDescent="0.15">
      <c r="A28" s="5">
        <v>19</v>
      </c>
      <c r="B28" s="22">
        <v>9</v>
      </c>
      <c r="C28" s="14">
        <v>9</v>
      </c>
      <c r="D28" s="18">
        <v>18</v>
      </c>
    </row>
    <row r="29" spans="1:4" ht="18" customHeight="1" x14ac:dyDescent="0.15">
      <c r="A29" s="5" t="s">
        <v>14</v>
      </c>
      <c r="B29" s="22">
        <v>58</v>
      </c>
      <c r="C29" s="14">
        <v>51</v>
      </c>
      <c r="D29" s="18">
        <v>109</v>
      </c>
    </row>
    <row r="30" spans="1:4" ht="18" customHeight="1" x14ac:dyDescent="0.15">
      <c r="A30" s="5">
        <v>20</v>
      </c>
      <c r="B30" s="22">
        <v>9</v>
      </c>
      <c r="C30" s="14">
        <v>10</v>
      </c>
      <c r="D30" s="18">
        <v>19</v>
      </c>
    </row>
    <row r="31" spans="1:4" ht="18" customHeight="1" x14ac:dyDescent="0.15">
      <c r="A31" s="5">
        <v>21</v>
      </c>
      <c r="B31" s="22">
        <v>12</v>
      </c>
      <c r="C31" s="14">
        <v>12</v>
      </c>
      <c r="D31" s="18">
        <v>24</v>
      </c>
    </row>
    <row r="32" spans="1:4" ht="18" customHeight="1" x14ac:dyDescent="0.15">
      <c r="A32" s="5">
        <v>22</v>
      </c>
      <c r="B32" s="22">
        <v>7</v>
      </c>
      <c r="C32" s="14">
        <v>17</v>
      </c>
      <c r="D32" s="18">
        <v>24</v>
      </c>
    </row>
    <row r="33" spans="1:4" ht="18" customHeight="1" x14ac:dyDescent="0.15">
      <c r="A33" s="5">
        <v>23</v>
      </c>
      <c r="B33" s="22">
        <v>15</v>
      </c>
      <c r="C33" s="14">
        <v>9</v>
      </c>
      <c r="D33" s="18">
        <v>24</v>
      </c>
    </row>
    <row r="34" spans="1:4" ht="18" customHeight="1" x14ac:dyDescent="0.15">
      <c r="A34" s="5">
        <v>24</v>
      </c>
      <c r="B34" s="22">
        <v>14</v>
      </c>
      <c r="C34" s="14">
        <v>5</v>
      </c>
      <c r="D34" s="18">
        <v>19</v>
      </c>
    </row>
    <row r="35" spans="1:4" ht="18" customHeight="1" x14ac:dyDescent="0.15">
      <c r="A35" s="5" t="s">
        <v>9</v>
      </c>
      <c r="B35" s="22">
        <v>57</v>
      </c>
      <c r="C35" s="14">
        <v>53</v>
      </c>
      <c r="D35" s="18">
        <v>110</v>
      </c>
    </row>
    <row r="36" spans="1:4" ht="18" customHeight="1" x14ac:dyDescent="0.15">
      <c r="A36" s="5">
        <v>25</v>
      </c>
      <c r="B36" s="22">
        <v>12</v>
      </c>
      <c r="C36" s="14">
        <v>12</v>
      </c>
      <c r="D36" s="18">
        <v>24</v>
      </c>
    </row>
    <row r="37" spans="1:4" ht="18" customHeight="1" x14ac:dyDescent="0.15">
      <c r="A37" s="5">
        <v>26</v>
      </c>
      <c r="B37" s="22">
        <v>16</v>
      </c>
      <c r="C37" s="14">
        <v>7</v>
      </c>
      <c r="D37" s="18">
        <v>23</v>
      </c>
    </row>
    <row r="38" spans="1:4" ht="18" customHeight="1" x14ac:dyDescent="0.15">
      <c r="A38" s="5">
        <v>27</v>
      </c>
      <c r="B38" s="22">
        <v>14</v>
      </c>
      <c r="C38" s="14">
        <v>11</v>
      </c>
      <c r="D38" s="18">
        <v>25</v>
      </c>
    </row>
    <row r="39" spans="1:4" ht="18" customHeight="1" x14ac:dyDescent="0.15">
      <c r="A39" s="5">
        <v>28</v>
      </c>
      <c r="B39" s="22">
        <v>10</v>
      </c>
      <c r="C39" s="14">
        <v>9</v>
      </c>
      <c r="D39" s="18">
        <v>19</v>
      </c>
    </row>
    <row r="40" spans="1:4" ht="18" customHeight="1" x14ac:dyDescent="0.15">
      <c r="A40" s="5">
        <v>29</v>
      </c>
      <c r="B40" s="22">
        <v>9</v>
      </c>
      <c r="C40" s="14">
        <v>5</v>
      </c>
      <c r="D40" s="18">
        <v>14</v>
      </c>
    </row>
    <row r="41" spans="1:4" ht="18" customHeight="1" x14ac:dyDescent="0.15">
      <c r="A41" s="5" t="s">
        <v>2</v>
      </c>
      <c r="B41" s="22">
        <v>61</v>
      </c>
      <c r="C41" s="14">
        <v>44</v>
      </c>
      <c r="D41" s="18">
        <v>105</v>
      </c>
    </row>
    <row r="42" spans="1:4" ht="18" customHeight="1" x14ac:dyDescent="0.15">
      <c r="A42" s="5">
        <v>30</v>
      </c>
      <c r="B42" s="22">
        <v>20</v>
      </c>
      <c r="C42" s="14">
        <v>10</v>
      </c>
      <c r="D42" s="18">
        <v>30</v>
      </c>
    </row>
    <row r="43" spans="1:4" ht="18" customHeight="1" x14ac:dyDescent="0.15">
      <c r="A43" s="5">
        <v>31</v>
      </c>
      <c r="B43" s="22">
        <v>8</v>
      </c>
      <c r="C43" s="14">
        <v>11</v>
      </c>
      <c r="D43" s="18">
        <v>19</v>
      </c>
    </row>
    <row r="44" spans="1:4" ht="18" customHeight="1" x14ac:dyDescent="0.15">
      <c r="A44" s="5">
        <v>32</v>
      </c>
      <c r="B44" s="22">
        <v>20</v>
      </c>
      <c r="C44" s="14">
        <v>11</v>
      </c>
      <c r="D44" s="18">
        <v>31</v>
      </c>
    </row>
    <row r="45" spans="1:4" ht="18" customHeight="1" x14ac:dyDescent="0.15">
      <c r="A45" s="5">
        <v>33</v>
      </c>
      <c r="B45" s="22">
        <v>13</v>
      </c>
      <c r="C45" s="14">
        <v>16</v>
      </c>
      <c r="D45" s="18">
        <v>29</v>
      </c>
    </row>
    <row r="46" spans="1:4" ht="18" customHeight="1" x14ac:dyDescent="0.15">
      <c r="A46" s="5">
        <v>34</v>
      </c>
      <c r="B46" s="22">
        <v>12</v>
      </c>
      <c r="C46" s="14">
        <v>14</v>
      </c>
      <c r="D46" s="18">
        <v>26</v>
      </c>
    </row>
    <row r="47" spans="1:4" ht="18" customHeight="1" x14ac:dyDescent="0.15">
      <c r="A47" s="5" t="s">
        <v>15</v>
      </c>
      <c r="B47" s="22">
        <v>73</v>
      </c>
      <c r="C47" s="14">
        <v>62</v>
      </c>
      <c r="D47" s="18">
        <v>135</v>
      </c>
    </row>
    <row r="48" spans="1:4" ht="18" customHeight="1" x14ac:dyDescent="0.15">
      <c r="A48" s="5">
        <v>35</v>
      </c>
      <c r="B48" s="22">
        <v>7</v>
      </c>
      <c r="C48" s="14">
        <v>13</v>
      </c>
      <c r="D48" s="18">
        <v>20</v>
      </c>
    </row>
    <row r="49" spans="1:4" ht="18" customHeight="1" x14ac:dyDescent="0.15">
      <c r="A49" s="5">
        <v>36</v>
      </c>
      <c r="B49" s="22">
        <v>16</v>
      </c>
      <c r="C49" s="14">
        <v>19</v>
      </c>
      <c r="D49" s="18">
        <v>35</v>
      </c>
    </row>
    <row r="50" spans="1:4" ht="18" customHeight="1" x14ac:dyDescent="0.15">
      <c r="A50" s="5">
        <v>37</v>
      </c>
      <c r="B50" s="22">
        <v>15</v>
      </c>
      <c r="C50" s="14">
        <v>20</v>
      </c>
      <c r="D50" s="18">
        <v>35</v>
      </c>
    </row>
    <row r="51" spans="1:4" ht="18" customHeight="1" x14ac:dyDescent="0.15">
      <c r="A51" s="5">
        <v>38</v>
      </c>
      <c r="B51" s="22">
        <v>15</v>
      </c>
      <c r="C51" s="14">
        <v>18</v>
      </c>
      <c r="D51" s="18">
        <v>33</v>
      </c>
    </row>
    <row r="52" spans="1:4" ht="18" customHeight="1" x14ac:dyDescent="0.15">
      <c r="A52" s="5">
        <v>39</v>
      </c>
      <c r="B52" s="22">
        <v>21</v>
      </c>
      <c r="C52" s="14">
        <v>19</v>
      </c>
      <c r="D52" s="18">
        <v>40</v>
      </c>
    </row>
    <row r="53" spans="1:4" ht="18" customHeight="1" x14ac:dyDescent="0.15">
      <c r="A53" s="5" t="s">
        <v>18</v>
      </c>
      <c r="B53" s="22">
        <v>74</v>
      </c>
      <c r="C53" s="14">
        <v>89</v>
      </c>
      <c r="D53" s="18">
        <v>163</v>
      </c>
    </row>
    <row r="54" spans="1:4" ht="18" customHeight="1" x14ac:dyDescent="0.15">
      <c r="A54" s="5">
        <v>40</v>
      </c>
      <c r="B54" s="22">
        <v>15</v>
      </c>
      <c r="C54" s="14">
        <v>16</v>
      </c>
      <c r="D54" s="18">
        <v>31</v>
      </c>
    </row>
    <row r="55" spans="1:4" ht="18" customHeight="1" x14ac:dyDescent="0.15">
      <c r="A55" s="5">
        <v>41</v>
      </c>
      <c r="B55" s="22">
        <v>23</v>
      </c>
      <c r="C55" s="14">
        <v>13</v>
      </c>
      <c r="D55" s="18">
        <v>36</v>
      </c>
    </row>
    <row r="56" spans="1:4" ht="18" customHeight="1" x14ac:dyDescent="0.15">
      <c r="A56" s="5">
        <v>42</v>
      </c>
      <c r="B56" s="22">
        <v>19</v>
      </c>
      <c r="C56" s="14">
        <v>18</v>
      </c>
      <c r="D56" s="18">
        <v>37</v>
      </c>
    </row>
    <row r="57" spans="1:4" ht="18" customHeight="1" x14ac:dyDescent="0.15">
      <c r="A57" s="5">
        <v>43</v>
      </c>
      <c r="B57" s="22">
        <v>28</v>
      </c>
      <c r="C57" s="14">
        <v>21</v>
      </c>
      <c r="D57" s="18">
        <v>49</v>
      </c>
    </row>
    <row r="58" spans="1:4" ht="18" customHeight="1" x14ac:dyDescent="0.15">
      <c r="A58" s="5">
        <v>44</v>
      </c>
      <c r="B58" s="22">
        <v>18</v>
      </c>
      <c r="C58" s="14">
        <v>25</v>
      </c>
      <c r="D58" s="18">
        <v>43</v>
      </c>
    </row>
    <row r="59" spans="1:4" ht="18" customHeight="1" x14ac:dyDescent="0.15">
      <c r="A59" s="5" t="s">
        <v>21</v>
      </c>
      <c r="B59" s="22">
        <v>103</v>
      </c>
      <c r="C59" s="14">
        <v>93</v>
      </c>
      <c r="D59" s="18">
        <v>196</v>
      </c>
    </row>
    <row r="60" spans="1:4" ht="18" customHeight="1" x14ac:dyDescent="0.15">
      <c r="A60" s="5">
        <v>45</v>
      </c>
      <c r="B60" s="22">
        <v>16</v>
      </c>
      <c r="C60" s="14">
        <v>17</v>
      </c>
      <c r="D60" s="18">
        <v>33</v>
      </c>
    </row>
    <row r="61" spans="1:4" ht="18" customHeight="1" x14ac:dyDescent="0.15">
      <c r="A61" s="5">
        <v>46</v>
      </c>
      <c r="B61" s="22">
        <v>24</v>
      </c>
      <c r="C61" s="14">
        <v>20</v>
      </c>
      <c r="D61" s="18">
        <v>44</v>
      </c>
    </row>
    <row r="62" spans="1:4" ht="18" customHeight="1" x14ac:dyDescent="0.15">
      <c r="A62" s="5">
        <v>47</v>
      </c>
      <c r="B62" s="22">
        <v>23</v>
      </c>
      <c r="C62" s="14">
        <v>13</v>
      </c>
      <c r="D62" s="18">
        <v>36</v>
      </c>
    </row>
    <row r="63" spans="1:4" ht="18" customHeight="1" x14ac:dyDescent="0.15">
      <c r="A63" s="5">
        <v>48</v>
      </c>
      <c r="B63" s="22">
        <v>18</v>
      </c>
      <c r="C63" s="14">
        <v>29</v>
      </c>
      <c r="D63" s="18">
        <v>47</v>
      </c>
    </row>
    <row r="64" spans="1:4" ht="18" customHeight="1" x14ac:dyDescent="0.15">
      <c r="A64" s="5">
        <v>49</v>
      </c>
      <c r="B64" s="22">
        <v>33</v>
      </c>
      <c r="C64" s="14">
        <v>32</v>
      </c>
      <c r="D64" s="18">
        <v>65</v>
      </c>
    </row>
    <row r="65" spans="1:4" ht="18" customHeight="1" x14ac:dyDescent="0.15">
      <c r="A65" s="5" t="s">
        <v>17</v>
      </c>
      <c r="B65" s="22">
        <v>114</v>
      </c>
      <c r="C65" s="14">
        <v>111</v>
      </c>
      <c r="D65" s="18">
        <v>225</v>
      </c>
    </row>
    <row r="66" spans="1:4" ht="18" customHeight="1" x14ac:dyDescent="0.15">
      <c r="A66" s="5">
        <v>50</v>
      </c>
      <c r="B66" s="22">
        <v>21</v>
      </c>
      <c r="C66" s="14">
        <v>26</v>
      </c>
      <c r="D66" s="18">
        <v>47</v>
      </c>
    </row>
    <row r="67" spans="1:4" ht="18" customHeight="1" x14ac:dyDescent="0.15">
      <c r="A67" s="5">
        <v>51</v>
      </c>
      <c r="B67" s="22">
        <v>25</v>
      </c>
      <c r="C67" s="14">
        <v>32</v>
      </c>
      <c r="D67" s="18">
        <v>57</v>
      </c>
    </row>
    <row r="68" spans="1:4" ht="18" customHeight="1" x14ac:dyDescent="0.15">
      <c r="A68" s="5">
        <v>52</v>
      </c>
      <c r="B68" s="22">
        <v>28</v>
      </c>
      <c r="C68" s="14">
        <v>28</v>
      </c>
      <c r="D68" s="18">
        <v>56</v>
      </c>
    </row>
    <row r="69" spans="1:4" ht="18" customHeight="1" x14ac:dyDescent="0.15">
      <c r="A69" s="5">
        <v>53</v>
      </c>
      <c r="B69" s="22">
        <v>30</v>
      </c>
      <c r="C69" s="14">
        <v>39</v>
      </c>
      <c r="D69" s="18">
        <v>69</v>
      </c>
    </row>
    <row r="70" spans="1:4" ht="18" customHeight="1" x14ac:dyDescent="0.15">
      <c r="A70" s="5">
        <v>54</v>
      </c>
      <c r="B70" s="22">
        <v>20</v>
      </c>
      <c r="C70" s="14">
        <v>35</v>
      </c>
      <c r="D70" s="18">
        <v>55</v>
      </c>
    </row>
    <row r="71" spans="1:4" ht="18" customHeight="1" x14ac:dyDescent="0.15">
      <c r="A71" s="5" t="s">
        <v>22</v>
      </c>
      <c r="B71" s="22">
        <v>124</v>
      </c>
      <c r="C71" s="14">
        <v>160</v>
      </c>
      <c r="D71" s="18">
        <v>284</v>
      </c>
    </row>
    <row r="72" spans="1:4" ht="18" customHeight="1" x14ac:dyDescent="0.15">
      <c r="A72" s="5">
        <v>55</v>
      </c>
      <c r="B72" s="22">
        <v>21</v>
      </c>
      <c r="C72" s="14">
        <v>26</v>
      </c>
      <c r="D72" s="18">
        <v>47</v>
      </c>
    </row>
    <row r="73" spans="1:4" ht="18" customHeight="1" x14ac:dyDescent="0.15">
      <c r="A73" s="5">
        <v>56</v>
      </c>
      <c r="B73" s="22">
        <v>33</v>
      </c>
      <c r="C73" s="14">
        <v>23</v>
      </c>
      <c r="D73" s="18">
        <v>56</v>
      </c>
    </row>
    <row r="74" spans="1:4" ht="18" customHeight="1" x14ac:dyDescent="0.15">
      <c r="A74" s="5">
        <v>57</v>
      </c>
      <c r="B74" s="22">
        <v>23</v>
      </c>
      <c r="C74" s="14">
        <v>28</v>
      </c>
      <c r="D74" s="18">
        <v>51</v>
      </c>
    </row>
    <row r="75" spans="1:4" ht="18" customHeight="1" x14ac:dyDescent="0.15">
      <c r="A75" s="5">
        <v>58</v>
      </c>
      <c r="B75" s="22">
        <v>34</v>
      </c>
      <c r="C75" s="14">
        <v>30</v>
      </c>
      <c r="D75" s="18">
        <v>64</v>
      </c>
    </row>
    <row r="76" spans="1:4" ht="18" customHeight="1" x14ac:dyDescent="0.15">
      <c r="A76" s="5">
        <v>59</v>
      </c>
      <c r="B76" s="22">
        <v>24</v>
      </c>
      <c r="C76" s="14">
        <v>30</v>
      </c>
      <c r="D76" s="18">
        <v>54</v>
      </c>
    </row>
    <row r="77" spans="1:4" ht="18" customHeight="1" x14ac:dyDescent="0.15">
      <c r="A77" s="5" t="s">
        <v>27</v>
      </c>
      <c r="B77" s="22">
        <v>135</v>
      </c>
      <c r="C77" s="14">
        <v>137</v>
      </c>
      <c r="D77" s="18">
        <v>272</v>
      </c>
    </row>
    <row r="78" spans="1:4" ht="18" customHeight="1" x14ac:dyDescent="0.15">
      <c r="A78" s="5">
        <v>60</v>
      </c>
      <c r="B78" s="22">
        <v>26</v>
      </c>
      <c r="C78" s="14">
        <v>34</v>
      </c>
      <c r="D78" s="18">
        <v>60</v>
      </c>
    </row>
    <row r="79" spans="1:4" ht="18" customHeight="1" x14ac:dyDescent="0.15">
      <c r="A79" s="5">
        <v>61</v>
      </c>
      <c r="B79" s="22">
        <v>33</v>
      </c>
      <c r="C79" s="14">
        <v>26</v>
      </c>
      <c r="D79" s="18">
        <v>59</v>
      </c>
    </row>
    <row r="80" spans="1:4" ht="18" customHeight="1" x14ac:dyDescent="0.15">
      <c r="A80" s="5">
        <v>62</v>
      </c>
      <c r="B80" s="22">
        <v>32</v>
      </c>
      <c r="C80" s="14">
        <v>35</v>
      </c>
      <c r="D80" s="18">
        <v>67</v>
      </c>
    </row>
    <row r="81" spans="1:4" ht="18" customHeight="1" x14ac:dyDescent="0.15">
      <c r="A81" s="5">
        <v>63</v>
      </c>
      <c r="B81" s="22">
        <v>8</v>
      </c>
      <c r="C81" s="14">
        <v>29</v>
      </c>
      <c r="D81" s="18">
        <v>37</v>
      </c>
    </row>
    <row r="82" spans="1:4" ht="18" customHeight="1" x14ac:dyDescent="0.15">
      <c r="A82" s="5">
        <v>64</v>
      </c>
      <c r="B82" s="22">
        <v>30</v>
      </c>
      <c r="C82" s="14">
        <v>28</v>
      </c>
      <c r="D82" s="18">
        <v>58</v>
      </c>
    </row>
    <row r="83" spans="1:4" ht="18" customHeight="1" x14ac:dyDescent="0.15">
      <c r="A83" s="5" t="s">
        <v>28</v>
      </c>
      <c r="B83" s="22">
        <v>129</v>
      </c>
      <c r="C83" s="14">
        <v>152</v>
      </c>
      <c r="D83" s="18">
        <v>281</v>
      </c>
    </row>
    <row r="84" spans="1:4" ht="18" customHeight="1" x14ac:dyDescent="0.15">
      <c r="A84" s="5" t="s">
        <v>31</v>
      </c>
      <c r="B84" s="22">
        <v>928</v>
      </c>
      <c r="C84" s="14">
        <v>952</v>
      </c>
      <c r="D84" s="18">
        <v>1880</v>
      </c>
    </row>
    <row r="85" spans="1:4" ht="18" customHeight="1" x14ac:dyDescent="0.15">
      <c r="A85" s="5">
        <v>65</v>
      </c>
      <c r="B85" s="22">
        <v>16</v>
      </c>
      <c r="C85" s="14">
        <v>28</v>
      </c>
      <c r="D85" s="18">
        <v>44</v>
      </c>
    </row>
    <row r="86" spans="1:4" ht="18" customHeight="1" x14ac:dyDescent="0.15">
      <c r="A86" s="5">
        <v>66</v>
      </c>
      <c r="B86" s="22">
        <v>24</v>
      </c>
      <c r="C86" s="14">
        <v>31</v>
      </c>
      <c r="D86" s="18">
        <v>55</v>
      </c>
    </row>
    <row r="87" spans="1:4" ht="18" customHeight="1" x14ac:dyDescent="0.15">
      <c r="A87" s="5">
        <v>67</v>
      </c>
      <c r="B87" s="22">
        <v>22</v>
      </c>
      <c r="C87" s="14">
        <v>30</v>
      </c>
      <c r="D87" s="18">
        <v>52</v>
      </c>
    </row>
    <row r="88" spans="1:4" ht="18" customHeight="1" x14ac:dyDescent="0.15">
      <c r="A88" s="5">
        <v>68</v>
      </c>
      <c r="B88" s="22">
        <v>25</v>
      </c>
      <c r="C88" s="14">
        <v>27</v>
      </c>
      <c r="D88" s="18">
        <v>52</v>
      </c>
    </row>
    <row r="89" spans="1:4" ht="18" customHeight="1" x14ac:dyDescent="0.15">
      <c r="A89" s="5">
        <v>69</v>
      </c>
      <c r="B89" s="22">
        <v>23</v>
      </c>
      <c r="C89" s="14">
        <v>24</v>
      </c>
      <c r="D89" s="18">
        <v>47</v>
      </c>
    </row>
    <row r="90" spans="1:4" ht="18" customHeight="1" x14ac:dyDescent="0.15">
      <c r="A90" s="5" t="s">
        <v>20</v>
      </c>
      <c r="B90" s="22">
        <v>110</v>
      </c>
      <c r="C90" s="14">
        <v>140</v>
      </c>
      <c r="D90" s="18">
        <v>250</v>
      </c>
    </row>
    <row r="91" spans="1:4" ht="18" customHeight="1" x14ac:dyDescent="0.15">
      <c r="A91" s="5">
        <v>70</v>
      </c>
      <c r="B91" s="22">
        <v>34</v>
      </c>
      <c r="C91" s="14">
        <v>18</v>
      </c>
      <c r="D91" s="18">
        <v>52</v>
      </c>
    </row>
    <row r="92" spans="1:4" ht="18" customHeight="1" x14ac:dyDescent="0.15">
      <c r="A92" s="5">
        <v>71</v>
      </c>
      <c r="B92" s="22">
        <v>18</v>
      </c>
      <c r="C92" s="14">
        <v>23</v>
      </c>
      <c r="D92" s="18">
        <v>41</v>
      </c>
    </row>
    <row r="93" spans="1:4" ht="18" customHeight="1" x14ac:dyDescent="0.15">
      <c r="A93" s="5">
        <v>72</v>
      </c>
      <c r="B93" s="22">
        <v>20</v>
      </c>
      <c r="C93" s="14">
        <v>33</v>
      </c>
      <c r="D93" s="18">
        <v>53</v>
      </c>
    </row>
    <row r="94" spans="1:4" ht="18" customHeight="1" x14ac:dyDescent="0.15">
      <c r="A94" s="5">
        <v>73</v>
      </c>
      <c r="B94" s="22">
        <v>22</v>
      </c>
      <c r="C94" s="14">
        <v>20</v>
      </c>
      <c r="D94" s="18">
        <v>42</v>
      </c>
    </row>
    <row r="95" spans="1:4" ht="18" customHeight="1" x14ac:dyDescent="0.15">
      <c r="A95" s="5">
        <v>74</v>
      </c>
      <c r="B95" s="22">
        <v>23</v>
      </c>
      <c r="C95" s="14">
        <v>22</v>
      </c>
      <c r="D95" s="18">
        <v>45</v>
      </c>
    </row>
    <row r="96" spans="1:4" ht="18" customHeight="1" x14ac:dyDescent="0.15">
      <c r="A96" s="5" t="s">
        <v>33</v>
      </c>
      <c r="B96" s="22">
        <v>117</v>
      </c>
      <c r="C96" s="14">
        <v>116</v>
      </c>
      <c r="D96" s="18">
        <v>233</v>
      </c>
    </row>
    <row r="97" spans="1:4" ht="18" customHeight="1" x14ac:dyDescent="0.15">
      <c r="A97" s="5">
        <v>75</v>
      </c>
      <c r="B97" s="22">
        <v>28</v>
      </c>
      <c r="C97" s="14">
        <v>34</v>
      </c>
      <c r="D97" s="18">
        <v>62</v>
      </c>
    </row>
    <row r="98" spans="1:4" ht="18" customHeight="1" x14ac:dyDescent="0.15">
      <c r="A98" s="5">
        <v>76</v>
      </c>
      <c r="B98" s="22">
        <v>22</v>
      </c>
      <c r="C98" s="14">
        <v>29</v>
      </c>
      <c r="D98" s="18">
        <v>51</v>
      </c>
    </row>
    <row r="99" spans="1:4" ht="18" customHeight="1" x14ac:dyDescent="0.15">
      <c r="A99" s="5">
        <v>77</v>
      </c>
      <c r="B99" s="22">
        <v>29</v>
      </c>
      <c r="C99" s="14">
        <v>35</v>
      </c>
      <c r="D99" s="18">
        <v>64</v>
      </c>
    </row>
    <row r="100" spans="1:4" ht="18" customHeight="1" x14ac:dyDescent="0.15">
      <c r="A100" s="5">
        <v>78</v>
      </c>
      <c r="B100" s="22">
        <v>22</v>
      </c>
      <c r="C100" s="14">
        <v>33</v>
      </c>
      <c r="D100" s="18">
        <v>55</v>
      </c>
    </row>
    <row r="101" spans="1:4" ht="18" customHeight="1" x14ac:dyDescent="0.15">
      <c r="A101" s="5">
        <v>79</v>
      </c>
      <c r="B101" s="22">
        <v>11</v>
      </c>
      <c r="C101" s="14">
        <v>30</v>
      </c>
      <c r="D101" s="18">
        <v>41</v>
      </c>
    </row>
    <row r="102" spans="1:4" ht="18" customHeight="1" x14ac:dyDescent="0.15">
      <c r="A102" s="5" t="s">
        <v>0</v>
      </c>
      <c r="B102" s="22">
        <v>112</v>
      </c>
      <c r="C102" s="14">
        <v>161</v>
      </c>
      <c r="D102" s="18">
        <v>273</v>
      </c>
    </row>
    <row r="103" spans="1:4" ht="18" customHeight="1" x14ac:dyDescent="0.15">
      <c r="A103" s="5">
        <v>80</v>
      </c>
      <c r="B103" s="22">
        <v>13</v>
      </c>
      <c r="C103" s="14">
        <v>20</v>
      </c>
      <c r="D103" s="18">
        <v>33</v>
      </c>
    </row>
    <row r="104" spans="1:4" ht="18" customHeight="1" x14ac:dyDescent="0.15">
      <c r="A104" s="5">
        <v>81</v>
      </c>
      <c r="B104" s="22">
        <v>10</v>
      </c>
      <c r="C104" s="14">
        <v>19</v>
      </c>
      <c r="D104" s="18">
        <v>29</v>
      </c>
    </row>
    <row r="105" spans="1:4" ht="18" customHeight="1" x14ac:dyDescent="0.15">
      <c r="A105" s="5">
        <v>82</v>
      </c>
      <c r="B105" s="22">
        <v>13</v>
      </c>
      <c r="C105" s="14">
        <v>22</v>
      </c>
      <c r="D105" s="18">
        <v>35</v>
      </c>
    </row>
    <row r="106" spans="1:4" ht="18" customHeight="1" x14ac:dyDescent="0.15">
      <c r="A106" s="5">
        <v>83</v>
      </c>
      <c r="B106" s="22">
        <v>12</v>
      </c>
      <c r="C106" s="14">
        <v>24</v>
      </c>
      <c r="D106" s="18">
        <v>36</v>
      </c>
    </row>
    <row r="107" spans="1:4" ht="18" customHeight="1" x14ac:dyDescent="0.15">
      <c r="A107" s="5">
        <v>84</v>
      </c>
      <c r="B107" s="22">
        <v>15</v>
      </c>
      <c r="C107" s="14">
        <v>21</v>
      </c>
      <c r="D107" s="18">
        <v>36</v>
      </c>
    </row>
    <row r="108" spans="1:4" ht="18" customHeight="1" x14ac:dyDescent="0.15">
      <c r="A108" s="5" t="s">
        <v>35</v>
      </c>
      <c r="B108" s="22">
        <v>63</v>
      </c>
      <c r="C108" s="14">
        <v>106</v>
      </c>
      <c r="D108" s="18">
        <v>169</v>
      </c>
    </row>
    <row r="109" spans="1:4" ht="18" customHeight="1" x14ac:dyDescent="0.15">
      <c r="A109" s="5">
        <v>85</v>
      </c>
      <c r="B109" s="22">
        <v>8</v>
      </c>
      <c r="C109" s="14">
        <v>27</v>
      </c>
      <c r="D109" s="18">
        <v>35</v>
      </c>
    </row>
    <row r="110" spans="1:4" ht="18" customHeight="1" x14ac:dyDescent="0.15">
      <c r="A110" s="5">
        <v>86</v>
      </c>
      <c r="B110" s="22">
        <v>11</v>
      </c>
      <c r="C110" s="14">
        <v>29</v>
      </c>
      <c r="D110" s="18">
        <v>40</v>
      </c>
    </row>
    <row r="111" spans="1:4" ht="18" customHeight="1" x14ac:dyDescent="0.15">
      <c r="A111" s="5">
        <v>87</v>
      </c>
      <c r="B111" s="22">
        <v>12</v>
      </c>
      <c r="C111" s="14">
        <v>16</v>
      </c>
      <c r="D111" s="18">
        <v>28</v>
      </c>
    </row>
    <row r="112" spans="1:4" ht="18" customHeight="1" x14ac:dyDescent="0.15">
      <c r="A112" s="5">
        <v>88</v>
      </c>
      <c r="B112" s="22">
        <v>8</v>
      </c>
      <c r="C112" s="14">
        <v>14</v>
      </c>
      <c r="D112" s="18">
        <v>22</v>
      </c>
    </row>
    <row r="113" spans="1:4" ht="18" customHeight="1" x14ac:dyDescent="0.15">
      <c r="A113" s="5">
        <v>89</v>
      </c>
      <c r="B113" s="22">
        <v>5</v>
      </c>
      <c r="C113" s="14">
        <v>17</v>
      </c>
      <c r="D113" s="18">
        <v>22</v>
      </c>
    </row>
    <row r="114" spans="1:4" ht="18" customHeight="1" x14ac:dyDescent="0.15">
      <c r="A114" s="5" t="s">
        <v>37</v>
      </c>
      <c r="B114" s="22">
        <v>44</v>
      </c>
      <c r="C114" s="14">
        <v>103</v>
      </c>
      <c r="D114" s="18">
        <v>147</v>
      </c>
    </row>
    <row r="115" spans="1:4" ht="18" customHeight="1" x14ac:dyDescent="0.15">
      <c r="A115" s="5">
        <v>90</v>
      </c>
      <c r="B115" s="22">
        <v>9</v>
      </c>
      <c r="C115" s="14">
        <v>20</v>
      </c>
      <c r="D115" s="18">
        <v>29</v>
      </c>
    </row>
    <row r="116" spans="1:4" ht="18" customHeight="1" x14ac:dyDescent="0.15">
      <c r="A116" s="5">
        <v>91</v>
      </c>
      <c r="B116" s="22">
        <v>3</v>
      </c>
      <c r="C116" s="14">
        <v>18</v>
      </c>
      <c r="D116" s="18">
        <v>21</v>
      </c>
    </row>
    <row r="117" spans="1:4" ht="18" customHeight="1" x14ac:dyDescent="0.15">
      <c r="A117" s="5">
        <v>92</v>
      </c>
      <c r="B117" s="22">
        <v>3</v>
      </c>
      <c r="C117" s="14">
        <v>10</v>
      </c>
      <c r="D117" s="18">
        <v>13</v>
      </c>
    </row>
    <row r="118" spans="1:4" ht="18" customHeight="1" x14ac:dyDescent="0.15">
      <c r="A118" s="5">
        <v>93</v>
      </c>
      <c r="B118" s="22">
        <v>5</v>
      </c>
      <c r="C118" s="14">
        <v>18</v>
      </c>
      <c r="D118" s="18">
        <v>23</v>
      </c>
    </row>
    <row r="119" spans="1:4" ht="18" customHeight="1" x14ac:dyDescent="0.15">
      <c r="A119" s="5">
        <v>94</v>
      </c>
      <c r="B119" s="22">
        <v>2</v>
      </c>
      <c r="C119" s="14">
        <v>8</v>
      </c>
      <c r="D119" s="18">
        <v>10</v>
      </c>
    </row>
    <row r="120" spans="1:4" ht="18" customHeight="1" x14ac:dyDescent="0.15">
      <c r="A120" s="5" t="s">
        <v>39</v>
      </c>
      <c r="B120" s="22">
        <v>22</v>
      </c>
      <c r="C120" s="14">
        <v>74</v>
      </c>
      <c r="D120" s="18">
        <v>96</v>
      </c>
    </row>
    <row r="121" spans="1:4" ht="18" customHeight="1" x14ac:dyDescent="0.15">
      <c r="A121" s="5">
        <v>95</v>
      </c>
      <c r="B121" s="22">
        <v>1</v>
      </c>
      <c r="C121" s="14">
        <v>11</v>
      </c>
      <c r="D121" s="18">
        <v>12</v>
      </c>
    </row>
    <row r="122" spans="1:4" ht="18" customHeight="1" x14ac:dyDescent="0.15">
      <c r="A122" s="5">
        <v>96</v>
      </c>
      <c r="B122" s="22">
        <v>2</v>
      </c>
      <c r="C122" s="14">
        <v>9</v>
      </c>
      <c r="D122" s="18">
        <v>11</v>
      </c>
    </row>
    <row r="123" spans="1:4" ht="18" customHeight="1" x14ac:dyDescent="0.15">
      <c r="A123" s="5">
        <v>97</v>
      </c>
      <c r="B123" s="22">
        <v>1</v>
      </c>
      <c r="C123" s="14">
        <v>6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5</v>
      </c>
      <c r="D124" s="18">
        <v>5</v>
      </c>
    </row>
    <row r="125" spans="1:4" ht="18" customHeight="1" x14ac:dyDescent="0.15">
      <c r="A125" s="5">
        <v>99</v>
      </c>
      <c r="B125" s="22">
        <v>0</v>
      </c>
      <c r="C125" s="14">
        <v>4</v>
      </c>
      <c r="D125" s="18">
        <v>4</v>
      </c>
    </row>
    <row r="126" spans="1:4" ht="18" customHeight="1" x14ac:dyDescent="0.15">
      <c r="A126" s="5" t="s">
        <v>40</v>
      </c>
      <c r="B126" s="22">
        <v>4</v>
      </c>
      <c r="C126" s="14">
        <v>35</v>
      </c>
      <c r="D126" s="18">
        <v>39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472</v>
      </c>
      <c r="C130" s="14">
        <v>735</v>
      </c>
      <c r="D130" s="18">
        <v>1207</v>
      </c>
    </row>
    <row r="131" spans="1:4" ht="18" customHeight="1" x14ac:dyDescent="0.15">
      <c r="A131" s="7" t="s">
        <v>45</v>
      </c>
      <c r="B131" s="23">
        <v>1546</v>
      </c>
      <c r="C131" s="15">
        <v>1841</v>
      </c>
      <c r="D131" s="19">
        <v>338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A00-000000000000}">
  <sheetPr codeName="Sheet7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0</v>
      </c>
      <c r="D5" s="31">
        <v>1</v>
      </c>
    </row>
    <row r="6" spans="1:4" ht="18" customHeight="1" x14ac:dyDescent="0.15">
      <c r="A6" s="5">
        <v>1</v>
      </c>
      <c r="B6" s="27">
        <v>1</v>
      </c>
      <c r="C6" s="14">
        <v>0</v>
      </c>
      <c r="D6" s="18">
        <v>1</v>
      </c>
    </row>
    <row r="7" spans="1:4" ht="18" customHeight="1" x14ac:dyDescent="0.15">
      <c r="A7" s="5">
        <v>2</v>
      </c>
      <c r="B7" s="27">
        <v>1</v>
      </c>
      <c r="C7" s="14">
        <v>1</v>
      </c>
      <c r="D7" s="18">
        <v>2</v>
      </c>
    </row>
    <row r="8" spans="1:4" ht="18" customHeight="1" x14ac:dyDescent="0.15">
      <c r="A8" s="5">
        <v>3</v>
      </c>
      <c r="B8" s="27">
        <v>1</v>
      </c>
      <c r="C8" s="14">
        <v>0</v>
      </c>
      <c r="D8" s="18">
        <v>1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4</v>
      </c>
      <c r="C10" s="14">
        <v>1</v>
      </c>
      <c r="D10" s="18">
        <v>5</v>
      </c>
    </row>
    <row r="11" spans="1:4" ht="18" customHeight="1" x14ac:dyDescent="0.15">
      <c r="A11" s="5">
        <v>5</v>
      </c>
      <c r="B11" s="27">
        <v>2</v>
      </c>
      <c r="C11" s="14">
        <v>0</v>
      </c>
      <c r="D11" s="18">
        <v>2</v>
      </c>
    </row>
    <row r="12" spans="1:4" ht="18" customHeight="1" x14ac:dyDescent="0.15">
      <c r="A12" s="5">
        <v>6</v>
      </c>
      <c r="B12" s="27">
        <v>0</v>
      </c>
      <c r="C12" s="14">
        <v>1</v>
      </c>
      <c r="D12" s="18">
        <v>1</v>
      </c>
    </row>
    <row r="13" spans="1:4" ht="18" customHeight="1" x14ac:dyDescent="0.15">
      <c r="A13" s="5">
        <v>7</v>
      </c>
      <c r="B13" s="27">
        <v>1</v>
      </c>
      <c r="C13" s="14">
        <v>1</v>
      </c>
      <c r="D13" s="18">
        <v>2</v>
      </c>
    </row>
    <row r="14" spans="1:4" ht="18" customHeight="1" x14ac:dyDescent="0.15">
      <c r="A14" s="5">
        <v>8</v>
      </c>
      <c r="B14" s="27">
        <v>0</v>
      </c>
      <c r="C14" s="14">
        <v>1</v>
      </c>
      <c r="D14" s="18">
        <v>1</v>
      </c>
    </row>
    <row r="15" spans="1:4" ht="18" customHeight="1" x14ac:dyDescent="0.15">
      <c r="A15" s="5">
        <v>9</v>
      </c>
      <c r="B15" s="27">
        <v>1</v>
      </c>
      <c r="C15" s="14">
        <v>2</v>
      </c>
      <c r="D15" s="18">
        <v>3</v>
      </c>
    </row>
    <row r="16" spans="1:4" ht="18" customHeight="1" x14ac:dyDescent="0.15">
      <c r="A16" s="5" t="s">
        <v>11</v>
      </c>
      <c r="B16" s="22">
        <v>4</v>
      </c>
      <c r="C16" s="14">
        <v>5</v>
      </c>
      <c r="D16" s="18">
        <v>9</v>
      </c>
    </row>
    <row r="17" spans="1:4" ht="18" customHeight="1" x14ac:dyDescent="0.15">
      <c r="A17" s="5">
        <v>10</v>
      </c>
      <c r="B17" s="22">
        <v>1</v>
      </c>
      <c r="C17" s="14">
        <v>2</v>
      </c>
      <c r="D17" s="18">
        <v>3</v>
      </c>
    </row>
    <row r="18" spans="1:4" ht="18" customHeight="1" x14ac:dyDescent="0.15">
      <c r="A18" s="5">
        <v>11</v>
      </c>
      <c r="B18" s="22">
        <v>0</v>
      </c>
      <c r="C18" s="14">
        <v>2</v>
      </c>
      <c r="D18" s="18">
        <v>2</v>
      </c>
    </row>
    <row r="19" spans="1:4" ht="18" customHeight="1" x14ac:dyDescent="0.15">
      <c r="A19" s="5">
        <v>12</v>
      </c>
      <c r="B19" s="22">
        <v>1</v>
      </c>
      <c r="C19" s="14">
        <v>1</v>
      </c>
      <c r="D19" s="18">
        <v>2</v>
      </c>
    </row>
    <row r="20" spans="1:4" ht="18" customHeight="1" x14ac:dyDescent="0.15">
      <c r="A20" s="5">
        <v>13</v>
      </c>
      <c r="B20" s="22">
        <v>1</v>
      </c>
      <c r="C20" s="14">
        <v>0</v>
      </c>
      <c r="D20" s="18">
        <v>1</v>
      </c>
    </row>
    <row r="21" spans="1:4" ht="18" customHeight="1" x14ac:dyDescent="0.15">
      <c r="A21" s="5">
        <v>14</v>
      </c>
      <c r="B21" s="22">
        <v>0</v>
      </c>
      <c r="C21" s="14">
        <v>2</v>
      </c>
      <c r="D21" s="18">
        <v>2</v>
      </c>
    </row>
    <row r="22" spans="1:4" ht="18" customHeight="1" x14ac:dyDescent="0.15">
      <c r="A22" s="5" t="s">
        <v>12</v>
      </c>
      <c r="B22" s="22">
        <v>3</v>
      </c>
      <c r="C22" s="14">
        <v>7</v>
      </c>
      <c r="D22" s="18">
        <v>10</v>
      </c>
    </row>
    <row r="23" spans="1:4" ht="18" customHeight="1" x14ac:dyDescent="0.15">
      <c r="A23" s="5" t="s">
        <v>6</v>
      </c>
      <c r="B23" s="22">
        <v>11</v>
      </c>
      <c r="C23" s="14">
        <v>13</v>
      </c>
      <c r="D23" s="18">
        <v>24</v>
      </c>
    </row>
    <row r="24" spans="1:4" ht="18" customHeight="1" x14ac:dyDescent="0.15">
      <c r="A24" s="5">
        <v>15</v>
      </c>
      <c r="B24" s="22">
        <v>2</v>
      </c>
      <c r="C24" s="14">
        <v>1</v>
      </c>
      <c r="D24" s="18">
        <v>3</v>
      </c>
    </row>
    <row r="25" spans="1:4" ht="18" customHeight="1" x14ac:dyDescent="0.15">
      <c r="A25" s="5">
        <v>16</v>
      </c>
      <c r="B25" s="22">
        <v>2</v>
      </c>
      <c r="C25" s="14">
        <v>2</v>
      </c>
      <c r="D25" s="18">
        <v>4</v>
      </c>
    </row>
    <row r="26" spans="1:4" ht="18" customHeight="1" x14ac:dyDescent="0.15">
      <c r="A26" s="5">
        <v>17</v>
      </c>
      <c r="B26" s="22">
        <v>1</v>
      </c>
      <c r="C26" s="14">
        <v>0</v>
      </c>
      <c r="D26" s="18">
        <v>1</v>
      </c>
    </row>
    <row r="27" spans="1:4" ht="18" customHeight="1" x14ac:dyDescent="0.15">
      <c r="A27" s="5">
        <v>18</v>
      </c>
      <c r="B27" s="22">
        <v>1</v>
      </c>
      <c r="C27" s="14">
        <v>4</v>
      </c>
      <c r="D27" s="18">
        <v>5</v>
      </c>
    </row>
    <row r="28" spans="1:4" ht="18" customHeight="1" x14ac:dyDescent="0.15">
      <c r="A28" s="5">
        <v>19</v>
      </c>
      <c r="B28" s="22">
        <v>4</v>
      </c>
      <c r="C28" s="14">
        <v>1</v>
      </c>
      <c r="D28" s="18">
        <v>5</v>
      </c>
    </row>
    <row r="29" spans="1:4" ht="18" customHeight="1" x14ac:dyDescent="0.15">
      <c r="A29" s="5" t="s">
        <v>14</v>
      </c>
      <c r="B29" s="22">
        <v>10</v>
      </c>
      <c r="C29" s="14">
        <v>8</v>
      </c>
      <c r="D29" s="18">
        <v>18</v>
      </c>
    </row>
    <row r="30" spans="1:4" ht="18" customHeight="1" x14ac:dyDescent="0.15">
      <c r="A30" s="5">
        <v>20</v>
      </c>
      <c r="B30" s="22">
        <v>2</v>
      </c>
      <c r="C30" s="14">
        <v>5</v>
      </c>
      <c r="D30" s="18">
        <v>7</v>
      </c>
    </row>
    <row r="31" spans="1:4" ht="18" customHeight="1" x14ac:dyDescent="0.15">
      <c r="A31" s="5">
        <v>21</v>
      </c>
      <c r="B31" s="22">
        <v>2</v>
      </c>
      <c r="C31" s="14">
        <v>1</v>
      </c>
      <c r="D31" s="18">
        <v>3</v>
      </c>
    </row>
    <row r="32" spans="1:4" ht="18" customHeight="1" x14ac:dyDescent="0.15">
      <c r="A32" s="5">
        <v>22</v>
      </c>
      <c r="B32" s="22">
        <v>0</v>
      </c>
      <c r="C32" s="14">
        <v>1</v>
      </c>
      <c r="D32" s="18">
        <v>1</v>
      </c>
    </row>
    <row r="33" spans="1:4" ht="18" customHeight="1" x14ac:dyDescent="0.15">
      <c r="A33" s="5">
        <v>23</v>
      </c>
      <c r="B33" s="22">
        <v>1</v>
      </c>
      <c r="C33" s="14">
        <v>2</v>
      </c>
      <c r="D33" s="18">
        <v>3</v>
      </c>
    </row>
    <row r="34" spans="1:4" ht="18" customHeight="1" x14ac:dyDescent="0.15">
      <c r="A34" s="5">
        <v>24</v>
      </c>
      <c r="B34" s="22">
        <v>4</v>
      </c>
      <c r="C34" s="14">
        <v>2</v>
      </c>
      <c r="D34" s="18">
        <v>6</v>
      </c>
    </row>
    <row r="35" spans="1:4" ht="18" customHeight="1" x14ac:dyDescent="0.15">
      <c r="A35" s="5" t="s">
        <v>9</v>
      </c>
      <c r="B35" s="22">
        <v>9</v>
      </c>
      <c r="C35" s="14">
        <v>11</v>
      </c>
      <c r="D35" s="18">
        <v>20</v>
      </c>
    </row>
    <row r="36" spans="1:4" ht="18" customHeight="1" x14ac:dyDescent="0.15">
      <c r="A36" s="5">
        <v>25</v>
      </c>
      <c r="B36" s="22">
        <v>2</v>
      </c>
      <c r="C36" s="14">
        <v>2</v>
      </c>
      <c r="D36" s="18">
        <v>4</v>
      </c>
    </row>
    <row r="37" spans="1:4" ht="18" customHeight="1" x14ac:dyDescent="0.15">
      <c r="A37" s="5">
        <v>26</v>
      </c>
      <c r="B37" s="22">
        <v>0</v>
      </c>
      <c r="C37" s="14">
        <v>0</v>
      </c>
      <c r="D37" s="18">
        <v>0</v>
      </c>
    </row>
    <row r="38" spans="1:4" ht="18" customHeight="1" x14ac:dyDescent="0.15">
      <c r="A38" s="5">
        <v>27</v>
      </c>
      <c r="B38" s="22">
        <v>0</v>
      </c>
      <c r="C38" s="14">
        <v>2</v>
      </c>
      <c r="D38" s="18">
        <v>2</v>
      </c>
    </row>
    <row r="39" spans="1:4" ht="18" customHeight="1" x14ac:dyDescent="0.15">
      <c r="A39" s="5">
        <v>28</v>
      </c>
      <c r="B39" s="22">
        <v>2</v>
      </c>
      <c r="C39" s="14">
        <v>2</v>
      </c>
      <c r="D39" s="18">
        <v>4</v>
      </c>
    </row>
    <row r="40" spans="1:4" ht="18" customHeight="1" x14ac:dyDescent="0.15">
      <c r="A40" s="5">
        <v>29</v>
      </c>
      <c r="B40" s="22">
        <v>1</v>
      </c>
      <c r="C40" s="14">
        <v>3</v>
      </c>
      <c r="D40" s="18">
        <v>4</v>
      </c>
    </row>
    <row r="41" spans="1:4" ht="18" customHeight="1" x14ac:dyDescent="0.15">
      <c r="A41" s="5" t="s">
        <v>2</v>
      </c>
      <c r="B41" s="22">
        <v>5</v>
      </c>
      <c r="C41" s="14">
        <v>9</v>
      </c>
      <c r="D41" s="18">
        <v>14</v>
      </c>
    </row>
    <row r="42" spans="1:4" ht="18" customHeight="1" x14ac:dyDescent="0.15">
      <c r="A42" s="5">
        <v>30</v>
      </c>
      <c r="B42" s="22">
        <v>4</v>
      </c>
      <c r="C42" s="14">
        <v>1</v>
      </c>
      <c r="D42" s="18">
        <v>5</v>
      </c>
    </row>
    <row r="43" spans="1:4" ht="18" customHeight="1" x14ac:dyDescent="0.15">
      <c r="A43" s="5">
        <v>31</v>
      </c>
      <c r="B43" s="22">
        <v>3</v>
      </c>
      <c r="C43" s="14">
        <v>2</v>
      </c>
      <c r="D43" s="18">
        <v>5</v>
      </c>
    </row>
    <row r="44" spans="1:4" ht="18" customHeight="1" x14ac:dyDescent="0.15">
      <c r="A44" s="5">
        <v>32</v>
      </c>
      <c r="B44" s="22">
        <v>1</v>
      </c>
      <c r="C44" s="14">
        <v>1</v>
      </c>
      <c r="D44" s="18">
        <v>2</v>
      </c>
    </row>
    <row r="45" spans="1:4" ht="18" customHeight="1" x14ac:dyDescent="0.15">
      <c r="A45" s="5">
        <v>33</v>
      </c>
      <c r="B45" s="22">
        <v>5</v>
      </c>
      <c r="C45" s="14">
        <v>3</v>
      </c>
      <c r="D45" s="18">
        <v>8</v>
      </c>
    </row>
    <row r="46" spans="1:4" ht="18" customHeight="1" x14ac:dyDescent="0.15">
      <c r="A46" s="5">
        <v>34</v>
      </c>
      <c r="B46" s="22">
        <v>1</v>
      </c>
      <c r="C46" s="14">
        <v>2</v>
      </c>
      <c r="D46" s="18">
        <v>3</v>
      </c>
    </row>
    <row r="47" spans="1:4" ht="18" customHeight="1" x14ac:dyDescent="0.15">
      <c r="A47" s="5" t="s">
        <v>15</v>
      </c>
      <c r="B47" s="22">
        <v>14</v>
      </c>
      <c r="C47" s="14">
        <v>9</v>
      </c>
      <c r="D47" s="18">
        <v>23</v>
      </c>
    </row>
    <row r="48" spans="1:4" ht="18" customHeight="1" x14ac:dyDescent="0.15">
      <c r="A48" s="5">
        <v>35</v>
      </c>
      <c r="B48" s="22">
        <v>3</v>
      </c>
      <c r="C48" s="14">
        <v>1</v>
      </c>
      <c r="D48" s="18">
        <v>4</v>
      </c>
    </row>
    <row r="49" spans="1:4" ht="18" customHeight="1" x14ac:dyDescent="0.15">
      <c r="A49" s="5">
        <v>36</v>
      </c>
      <c r="B49" s="22">
        <v>1</v>
      </c>
      <c r="C49" s="14">
        <v>4</v>
      </c>
      <c r="D49" s="18">
        <v>5</v>
      </c>
    </row>
    <row r="50" spans="1:4" ht="18" customHeight="1" x14ac:dyDescent="0.15">
      <c r="A50" s="5">
        <v>37</v>
      </c>
      <c r="B50" s="22">
        <v>3</v>
      </c>
      <c r="C50" s="14">
        <v>2</v>
      </c>
      <c r="D50" s="18">
        <v>5</v>
      </c>
    </row>
    <row r="51" spans="1:4" ht="18" customHeight="1" x14ac:dyDescent="0.15">
      <c r="A51" s="5">
        <v>38</v>
      </c>
      <c r="B51" s="22">
        <v>2</v>
      </c>
      <c r="C51" s="14">
        <v>1</v>
      </c>
      <c r="D51" s="18">
        <v>3</v>
      </c>
    </row>
    <row r="52" spans="1:4" ht="18" customHeight="1" x14ac:dyDescent="0.15">
      <c r="A52" s="5">
        <v>39</v>
      </c>
      <c r="B52" s="22">
        <v>3</v>
      </c>
      <c r="C52" s="14">
        <v>2</v>
      </c>
      <c r="D52" s="18">
        <v>5</v>
      </c>
    </row>
    <row r="53" spans="1:4" ht="18" customHeight="1" x14ac:dyDescent="0.15">
      <c r="A53" s="5" t="s">
        <v>18</v>
      </c>
      <c r="B53" s="22">
        <v>12</v>
      </c>
      <c r="C53" s="14">
        <v>10</v>
      </c>
      <c r="D53" s="18">
        <v>22</v>
      </c>
    </row>
    <row r="54" spans="1:4" ht="18" customHeight="1" x14ac:dyDescent="0.15">
      <c r="A54" s="5">
        <v>40</v>
      </c>
      <c r="B54" s="22">
        <v>2</v>
      </c>
      <c r="C54" s="14">
        <v>3</v>
      </c>
      <c r="D54" s="18">
        <v>5</v>
      </c>
    </row>
    <row r="55" spans="1:4" ht="18" customHeight="1" x14ac:dyDescent="0.15">
      <c r="A55" s="5">
        <v>41</v>
      </c>
      <c r="B55" s="22">
        <v>6</v>
      </c>
      <c r="C55" s="14">
        <v>3</v>
      </c>
      <c r="D55" s="18">
        <v>9</v>
      </c>
    </row>
    <row r="56" spans="1:4" ht="18" customHeight="1" x14ac:dyDescent="0.15">
      <c r="A56" s="5">
        <v>42</v>
      </c>
      <c r="B56" s="22">
        <v>3</v>
      </c>
      <c r="C56" s="14">
        <v>1</v>
      </c>
      <c r="D56" s="18">
        <v>4</v>
      </c>
    </row>
    <row r="57" spans="1:4" ht="18" customHeight="1" x14ac:dyDescent="0.15">
      <c r="A57" s="5">
        <v>43</v>
      </c>
      <c r="B57" s="22">
        <v>4</v>
      </c>
      <c r="C57" s="14">
        <v>4</v>
      </c>
      <c r="D57" s="18">
        <v>8</v>
      </c>
    </row>
    <row r="58" spans="1:4" ht="18" customHeight="1" x14ac:dyDescent="0.15">
      <c r="A58" s="5">
        <v>44</v>
      </c>
      <c r="B58" s="22">
        <v>0</v>
      </c>
      <c r="C58" s="14">
        <v>5</v>
      </c>
      <c r="D58" s="18">
        <v>5</v>
      </c>
    </row>
    <row r="59" spans="1:4" ht="18" customHeight="1" x14ac:dyDescent="0.15">
      <c r="A59" s="5" t="s">
        <v>21</v>
      </c>
      <c r="B59" s="22">
        <v>15</v>
      </c>
      <c r="C59" s="14">
        <v>16</v>
      </c>
      <c r="D59" s="18">
        <v>31</v>
      </c>
    </row>
    <row r="60" spans="1:4" ht="18" customHeight="1" x14ac:dyDescent="0.15">
      <c r="A60" s="5">
        <v>45</v>
      </c>
      <c r="B60" s="22">
        <v>1</v>
      </c>
      <c r="C60" s="14">
        <v>0</v>
      </c>
      <c r="D60" s="18">
        <v>1</v>
      </c>
    </row>
    <row r="61" spans="1:4" ht="18" customHeight="1" x14ac:dyDescent="0.15">
      <c r="A61" s="5">
        <v>46</v>
      </c>
      <c r="B61" s="22">
        <v>3</v>
      </c>
      <c r="C61" s="14">
        <v>3</v>
      </c>
      <c r="D61" s="18">
        <v>6</v>
      </c>
    </row>
    <row r="62" spans="1:4" ht="18" customHeight="1" x14ac:dyDescent="0.15">
      <c r="A62" s="5">
        <v>47</v>
      </c>
      <c r="B62" s="22">
        <v>3</v>
      </c>
      <c r="C62" s="14">
        <v>3</v>
      </c>
      <c r="D62" s="18">
        <v>6</v>
      </c>
    </row>
    <row r="63" spans="1:4" ht="18" customHeight="1" x14ac:dyDescent="0.15">
      <c r="A63" s="5">
        <v>48</v>
      </c>
      <c r="B63" s="22">
        <v>2</v>
      </c>
      <c r="C63" s="14">
        <v>6</v>
      </c>
      <c r="D63" s="18">
        <v>8</v>
      </c>
    </row>
    <row r="64" spans="1:4" ht="18" customHeight="1" x14ac:dyDescent="0.15">
      <c r="A64" s="5">
        <v>49</v>
      </c>
      <c r="B64" s="22">
        <v>2</v>
      </c>
      <c r="C64" s="14">
        <v>0</v>
      </c>
      <c r="D64" s="18">
        <v>2</v>
      </c>
    </row>
    <row r="65" spans="1:4" ht="18" customHeight="1" x14ac:dyDescent="0.15">
      <c r="A65" s="5" t="s">
        <v>17</v>
      </c>
      <c r="B65" s="22">
        <v>11</v>
      </c>
      <c r="C65" s="14">
        <v>12</v>
      </c>
      <c r="D65" s="18">
        <v>23</v>
      </c>
    </row>
    <row r="66" spans="1:4" ht="18" customHeight="1" x14ac:dyDescent="0.15">
      <c r="A66" s="5">
        <v>50</v>
      </c>
      <c r="B66" s="22">
        <v>7</v>
      </c>
      <c r="C66" s="14">
        <v>2</v>
      </c>
      <c r="D66" s="18">
        <v>9</v>
      </c>
    </row>
    <row r="67" spans="1:4" ht="18" customHeight="1" x14ac:dyDescent="0.15">
      <c r="A67" s="5">
        <v>51</v>
      </c>
      <c r="B67" s="22">
        <v>5</v>
      </c>
      <c r="C67" s="14">
        <v>3</v>
      </c>
      <c r="D67" s="18">
        <v>8</v>
      </c>
    </row>
    <row r="68" spans="1:4" ht="18" customHeight="1" x14ac:dyDescent="0.15">
      <c r="A68" s="5">
        <v>52</v>
      </c>
      <c r="B68" s="22">
        <v>5</v>
      </c>
      <c r="C68" s="14">
        <v>6</v>
      </c>
      <c r="D68" s="18">
        <v>11</v>
      </c>
    </row>
    <row r="69" spans="1:4" ht="18" customHeight="1" x14ac:dyDescent="0.15">
      <c r="A69" s="5">
        <v>53</v>
      </c>
      <c r="B69" s="22">
        <v>6</v>
      </c>
      <c r="C69" s="14">
        <v>3</v>
      </c>
      <c r="D69" s="18">
        <v>9</v>
      </c>
    </row>
    <row r="70" spans="1:4" ht="18" customHeight="1" x14ac:dyDescent="0.15">
      <c r="A70" s="5">
        <v>54</v>
      </c>
      <c r="B70" s="22">
        <v>4</v>
      </c>
      <c r="C70" s="14">
        <v>7</v>
      </c>
      <c r="D70" s="18">
        <v>11</v>
      </c>
    </row>
    <row r="71" spans="1:4" ht="18" customHeight="1" x14ac:dyDescent="0.15">
      <c r="A71" s="5" t="s">
        <v>22</v>
      </c>
      <c r="B71" s="22">
        <v>27</v>
      </c>
      <c r="C71" s="14">
        <v>21</v>
      </c>
      <c r="D71" s="18">
        <v>48</v>
      </c>
    </row>
    <row r="72" spans="1:4" ht="18" customHeight="1" x14ac:dyDescent="0.15">
      <c r="A72" s="5">
        <v>55</v>
      </c>
      <c r="B72" s="22">
        <v>5</v>
      </c>
      <c r="C72" s="14">
        <v>5</v>
      </c>
      <c r="D72" s="18">
        <v>10</v>
      </c>
    </row>
    <row r="73" spans="1:4" ht="18" customHeight="1" x14ac:dyDescent="0.15">
      <c r="A73" s="5">
        <v>56</v>
      </c>
      <c r="B73" s="22">
        <v>6</v>
      </c>
      <c r="C73" s="14">
        <v>5</v>
      </c>
      <c r="D73" s="18">
        <v>11</v>
      </c>
    </row>
    <row r="74" spans="1:4" ht="18" customHeight="1" x14ac:dyDescent="0.15">
      <c r="A74" s="5">
        <v>57</v>
      </c>
      <c r="B74" s="22">
        <v>7</v>
      </c>
      <c r="C74" s="14">
        <v>5</v>
      </c>
      <c r="D74" s="18">
        <v>12</v>
      </c>
    </row>
    <row r="75" spans="1:4" ht="18" customHeight="1" x14ac:dyDescent="0.15">
      <c r="A75" s="5">
        <v>58</v>
      </c>
      <c r="B75" s="22">
        <v>3</v>
      </c>
      <c r="C75" s="14">
        <v>2</v>
      </c>
      <c r="D75" s="18">
        <v>5</v>
      </c>
    </row>
    <row r="76" spans="1:4" ht="18" customHeight="1" x14ac:dyDescent="0.15">
      <c r="A76" s="5">
        <v>59</v>
      </c>
      <c r="B76" s="22">
        <v>1</v>
      </c>
      <c r="C76" s="14">
        <v>3</v>
      </c>
      <c r="D76" s="18">
        <v>4</v>
      </c>
    </row>
    <row r="77" spans="1:4" ht="18" customHeight="1" x14ac:dyDescent="0.15">
      <c r="A77" s="5" t="s">
        <v>27</v>
      </c>
      <c r="B77" s="22">
        <v>22</v>
      </c>
      <c r="C77" s="14">
        <v>20</v>
      </c>
      <c r="D77" s="18">
        <v>42</v>
      </c>
    </row>
    <row r="78" spans="1:4" ht="18" customHeight="1" x14ac:dyDescent="0.15">
      <c r="A78" s="5">
        <v>60</v>
      </c>
      <c r="B78" s="22">
        <v>0</v>
      </c>
      <c r="C78" s="14">
        <v>5</v>
      </c>
      <c r="D78" s="18">
        <v>5</v>
      </c>
    </row>
    <row r="79" spans="1:4" ht="18" customHeight="1" x14ac:dyDescent="0.15">
      <c r="A79" s="5">
        <v>61</v>
      </c>
      <c r="B79" s="22">
        <v>0</v>
      </c>
      <c r="C79" s="14">
        <v>5</v>
      </c>
      <c r="D79" s="18">
        <v>5</v>
      </c>
    </row>
    <row r="80" spans="1:4" ht="18" customHeight="1" x14ac:dyDescent="0.15">
      <c r="A80" s="5">
        <v>62</v>
      </c>
      <c r="B80" s="22">
        <v>4</v>
      </c>
      <c r="C80" s="14">
        <v>6</v>
      </c>
      <c r="D80" s="18">
        <v>10</v>
      </c>
    </row>
    <row r="81" spans="1:4" ht="18" customHeight="1" x14ac:dyDescent="0.15">
      <c r="A81" s="5">
        <v>63</v>
      </c>
      <c r="B81" s="22">
        <v>10</v>
      </c>
      <c r="C81" s="14">
        <v>6</v>
      </c>
      <c r="D81" s="18">
        <v>16</v>
      </c>
    </row>
    <row r="82" spans="1:4" ht="18" customHeight="1" x14ac:dyDescent="0.15">
      <c r="A82" s="5">
        <v>64</v>
      </c>
      <c r="B82" s="22">
        <v>4</v>
      </c>
      <c r="C82" s="14">
        <v>5</v>
      </c>
      <c r="D82" s="18">
        <v>9</v>
      </c>
    </row>
    <row r="83" spans="1:4" ht="18" customHeight="1" x14ac:dyDescent="0.15">
      <c r="A83" s="5" t="s">
        <v>28</v>
      </c>
      <c r="B83" s="22">
        <v>18</v>
      </c>
      <c r="C83" s="14">
        <v>27</v>
      </c>
      <c r="D83" s="18">
        <v>45</v>
      </c>
    </row>
    <row r="84" spans="1:4" ht="18" customHeight="1" x14ac:dyDescent="0.15">
      <c r="A84" s="5" t="s">
        <v>31</v>
      </c>
      <c r="B84" s="22">
        <v>143</v>
      </c>
      <c r="C84" s="14">
        <v>143</v>
      </c>
      <c r="D84" s="18">
        <v>286</v>
      </c>
    </row>
    <row r="85" spans="1:4" ht="18" customHeight="1" x14ac:dyDescent="0.15">
      <c r="A85" s="5">
        <v>65</v>
      </c>
      <c r="B85" s="22">
        <v>4</v>
      </c>
      <c r="C85" s="14">
        <v>8</v>
      </c>
      <c r="D85" s="18">
        <v>12</v>
      </c>
    </row>
    <row r="86" spans="1:4" ht="18" customHeight="1" x14ac:dyDescent="0.15">
      <c r="A86" s="5">
        <v>66</v>
      </c>
      <c r="B86" s="22">
        <v>12</v>
      </c>
      <c r="C86" s="14">
        <v>7</v>
      </c>
      <c r="D86" s="18">
        <v>19</v>
      </c>
    </row>
    <row r="87" spans="1:4" ht="18" customHeight="1" x14ac:dyDescent="0.15">
      <c r="A87" s="5">
        <v>67</v>
      </c>
      <c r="B87" s="22">
        <v>7</v>
      </c>
      <c r="C87" s="14">
        <v>11</v>
      </c>
      <c r="D87" s="18">
        <v>18</v>
      </c>
    </row>
    <row r="88" spans="1:4" ht="18" customHeight="1" x14ac:dyDescent="0.15">
      <c r="A88" s="5">
        <v>68</v>
      </c>
      <c r="B88" s="22">
        <v>7</v>
      </c>
      <c r="C88" s="14">
        <v>5</v>
      </c>
      <c r="D88" s="18">
        <v>12</v>
      </c>
    </row>
    <row r="89" spans="1:4" ht="18" customHeight="1" x14ac:dyDescent="0.15">
      <c r="A89" s="5">
        <v>69</v>
      </c>
      <c r="B89" s="22">
        <v>3</v>
      </c>
      <c r="C89" s="14">
        <v>7</v>
      </c>
      <c r="D89" s="18">
        <v>10</v>
      </c>
    </row>
    <row r="90" spans="1:4" ht="18" customHeight="1" x14ac:dyDescent="0.15">
      <c r="A90" s="5" t="s">
        <v>20</v>
      </c>
      <c r="B90" s="22">
        <v>33</v>
      </c>
      <c r="C90" s="14">
        <v>38</v>
      </c>
      <c r="D90" s="18">
        <v>71</v>
      </c>
    </row>
    <row r="91" spans="1:4" ht="18" customHeight="1" x14ac:dyDescent="0.15">
      <c r="A91" s="5">
        <v>70</v>
      </c>
      <c r="B91" s="22">
        <v>4</v>
      </c>
      <c r="C91" s="14">
        <v>6</v>
      </c>
      <c r="D91" s="18">
        <v>10</v>
      </c>
    </row>
    <row r="92" spans="1:4" ht="18" customHeight="1" x14ac:dyDescent="0.15">
      <c r="A92" s="5">
        <v>71</v>
      </c>
      <c r="B92" s="22">
        <v>9</v>
      </c>
      <c r="C92" s="14">
        <v>6</v>
      </c>
      <c r="D92" s="18">
        <v>15</v>
      </c>
    </row>
    <row r="93" spans="1:4" ht="18" customHeight="1" x14ac:dyDescent="0.15">
      <c r="A93" s="5">
        <v>72</v>
      </c>
      <c r="B93" s="22">
        <v>3</v>
      </c>
      <c r="C93" s="14">
        <v>10</v>
      </c>
      <c r="D93" s="18">
        <v>13</v>
      </c>
    </row>
    <row r="94" spans="1:4" ht="18" customHeight="1" x14ac:dyDescent="0.15">
      <c r="A94" s="5">
        <v>73</v>
      </c>
      <c r="B94" s="22">
        <v>4</v>
      </c>
      <c r="C94" s="14">
        <v>4</v>
      </c>
      <c r="D94" s="18">
        <v>8</v>
      </c>
    </row>
    <row r="95" spans="1:4" ht="18" customHeight="1" x14ac:dyDescent="0.15">
      <c r="A95" s="5">
        <v>74</v>
      </c>
      <c r="B95" s="22">
        <v>3</v>
      </c>
      <c r="C95" s="14">
        <v>7</v>
      </c>
      <c r="D95" s="18">
        <v>10</v>
      </c>
    </row>
    <row r="96" spans="1:4" ht="18" customHeight="1" x14ac:dyDescent="0.15">
      <c r="A96" s="5" t="s">
        <v>33</v>
      </c>
      <c r="B96" s="22">
        <v>23</v>
      </c>
      <c r="C96" s="14">
        <v>33</v>
      </c>
      <c r="D96" s="18">
        <v>56</v>
      </c>
    </row>
    <row r="97" spans="1:4" ht="18" customHeight="1" x14ac:dyDescent="0.15">
      <c r="A97" s="5">
        <v>75</v>
      </c>
      <c r="B97" s="22">
        <v>11</v>
      </c>
      <c r="C97" s="14">
        <v>11</v>
      </c>
      <c r="D97" s="18">
        <v>22</v>
      </c>
    </row>
    <row r="98" spans="1:4" ht="18" customHeight="1" x14ac:dyDescent="0.15">
      <c r="A98" s="5">
        <v>76</v>
      </c>
      <c r="B98" s="22">
        <v>7</v>
      </c>
      <c r="C98" s="14">
        <v>10</v>
      </c>
      <c r="D98" s="18">
        <v>17</v>
      </c>
    </row>
    <row r="99" spans="1:4" ht="18" customHeight="1" x14ac:dyDescent="0.15">
      <c r="A99" s="5">
        <v>77</v>
      </c>
      <c r="B99" s="22">
        <v>9</v>
      </c>
      <c r="C99" s="14">
        <v>11</v>
      </c>
      <c r="D99" s="18">
        <v>20</v>
      </c>
    </row>
    <row r="100" spans="1:4" ht="18" customHeight="1" x14ac:dyDescent="0.15">
      <c r="A100" s="5">
        <v>78</v>
      </c>
      <c r="B100" s="22">
        <v>6</v>
      </c>
      <c r="C100" s="14">
        <v>12</v>
      </c>
      <c r="D100" s="18">
        <v>18</v>
      </c>
    </row>
    <row r="101" spans="1:4" ht="18" customHeight="1" x14ac:dyDescent="0.15">
      <c r="A101" s="5">
        <v>79</v>
      </c>
      <c r="B101" s="22">
        <v>11</v>
      </c>
      <c r="C101" s="14">
        <v>13</v>
      </c>
      <c r="D101" s="18">
        <v>24</v>
      </c>
    </row>
    <row r="102" spans="1:4" ht="18" customHeight="1" x14ac:dyDescent="0.15">
      <c r="A102" s="5" t="s">
        <v>0</v>
      </c>
      <c r="B102" s="22">
        <v>44</v>
      </c>
      <c r="C102" s="14">
        <v>57</v>
      </c>
      <c r="D102" s="18">
        <v>101</v>
      </c>
    </row>
    <row r="103" spans="1:4" ht="18" customHeight="1" x14ac:dyDescent="0.15">
      <c r="A103" s="5">
        <v>80</v>
      </c>
      <c r="B103" s="22">
        <v>3</v>
      </c>
      <c r="C103" s="14">
        <v>5</v>
      </c>
      <c r="D103" s="18">
        <v>8</v>
      </c>
    </row>
    <row r="104" spans="1:4" ht="18" customHeight="1" x14ac:dyDescent="0.15">
      <c r="A104" s="5">
        <v>81</v>
      </c>
      <c r="B104" s="22">
        <v>4</v>
      </c>
      <c r="C104" s="14">
        <v>9</v>
      </c>
      <c r="D104" s="18">
        <v>13</v>
      </c>
    </row>
    <row r="105" spans="1:4" ht="18" customHeight="1" x14ac:dyDescent="0.15">
      <c r="A105" s="5">
        <v>82</v>
      </c>
      <c r="B105" s="22">
        <v>6</v>
      </c>
      <c r="C105" s="14">
        <v>8</v>
      </c>
      <c r="D105" s="18">
        <v>14</v>
      </c>
    </row>
    <row r="106" spans="1:4" ht="18" customHeight="1" x14ac:dyDescent="0.15">
      <c r="A106" s="5">
        <v>83</v>
      </c>
      <c r="B106" s="22">
        <v>6</v>
      </c>
      <c r="C106" s="14">
        <v>6</v>
      </c>
      <c r="D106" s="18">
        <v>12</v>
      </c>
    </row>
    <row r="107" spans="1:4" ht="18" customHeight="1" x14ac:dyDescent="0.15">
      <c r="A107" s="5">
        <v>84</v>
      </c>
      <c r="B107" s="22">
        <v>5</v>
      </c>
      <c r="C107" s="14">
        <v>13</v>
      </c>
      <c r="D107" s="18">
        <v>18</v>
      </c>
    </row>
    <row r="108" spans="1:4" ht="18" customHeight="1" x14ac:dyDescent="0.15">
      <c r="A108" s="5" t="s">
        <v>35</v>
      </c>
      <c r="B108" s="22">
        <v>24</v>
      </c>
      <c r="C108" s="14">
        <v>41</v>
      </c>
      <c r="D108" s="18">
        <v>65</v>
      </c>
    </row>
    <row r="109" spans="1:4" ht="18" customHeight="1" x14ac:dyDescent="0.15">
      <c r="A109" s="5">
        <v>85</v>
      </c>
      <c r="B109" s="22">
        <v>8</v>
      </c>
      <c r="C109" s="14">
        <v>8</v>
      </c>
      <c r="D109" s="18">
        <v>16</v>
      </c>
    </row>
    <row r="110" spans="1:4" ht="18" customHeight="1" x14ac:dyDescent="0.15">
      <c r="A110" s="5">
        <v>86</v>
      </c>
      <c r="B110" s="22">
        <v>3</v>
      </c>
      <c r="C110" s="14">
        <v>5</v>
      </c>
      <c r="D110" s="18">
        <v>8</v>
      </c>
    </row>
    <row r="111" spans="1:4" ht="18" customHeight="1" x14ac:dyDescent="0.15">
      <c r="A111" s="5">
        <v>87</v>
      </c>
      <c r="B111" s="22">
        <v>2</v>
      </c>
      <c r="C111" s="14">
        <v>6</v>
      </c>
      <c r="D111" s="18">
        <v>8</v>
      </c>
    </row>
    <row r="112" spans="1:4" ht="18" customHeight="1" x14ac:dyDescent="0.15">
      <c r="A112" s="5">
        <v>88</v>
      </c>
      <c r="B112" s="22">
        <v>3</v>
      </c>
      <c r="C112" s="14">
        <v>9</v>
      </c>
      <c r="D112" s="18">
        <v>12</v>
      </c>
    </row>
    <row r="113" spans="1:4" ht="18" customHeight="1" x14ac:dyDescent="0.15">
      <c r="A113" s="5">
        <v>89</v>
      </c>
      <c r="B113" s="22">
        <v>5</v>
      </c>
      <c r="C113" s="14">
        <v>6</v>
      </c>
      <c r="D113" s="18">
        <v>11</v>
      </c>
    </row>
    <row r="114" spans="1:4" ht="18" customHeight="1" x14ac:dyDescent="0.15">
      <c r="A114" s="5" t="s">
        <v>37</v>
      </c>
      <c r="B114" s="22">
        <v>21</v>
      </c>
      <c r="C114" s="14">
        <v>34</v>
      </c>
      <c r="D114" s="18">
        <v>55</v>
      </c>
    </row>
    <row r="115" spans="1:4" ht="18" customHeight="1" x14ac:dyDescent="0.15">
      <c r="A115" s="5">
        <v>90</v>
      </c>
      <c r="B115" s="22">
        <v>1</v>
      </c>
      <c r="C115" s="14">
        <v>4</v>
      </c>
      <c r="D115" s="18">
        <v>5</v>
      </c>
    </row>
    <row r="116" spans="1:4" ht="18" customHeight="1" x14ac:dyDescent="0.15">
      <c r="A116" s="5">
        <v>91</v>
      </c>
      <c r="B116" s="22">
        <v>6</v>
      </c>
      <c r="C116" s="14">
        <v>8</v>
      </c>
      <c r="D116" s="18">
        <v>14</v>
      </c>
    </row>
    <row r="117" spans="1:4" ht="18" customHeight="1" x14ac:dyDescent="0.15">
      <c r="A117" s="5">
        <v>92</v>
      </c>
      <c r="B117" s="22">
        <v>6</v>
      </c>
      <c r="C117" s="14">
        <v>10</v>
      </c>
      <c r="D117" s="18">
        <v>16</v>
      </c>
    </row>
    <row r="118" spans="1:4" ht="18" customHeight="1" x14ac:dyDescent="0.15">
      <c r="A118" s="5">
        <v>93</v>
      </c>
      <c r="B118" s="22">
        <v>1</v>
      </c>
      <c r="C118" s="14">
        <v>3</v>
      </c>
      <c r="D118" s="18">
        <v>4</v>
      </c>
    </row>
    <row r="119" spans="1:4" ht="18" customHeight="1" x14ac:dyDescent="0.15">
      <c r="A119" s="5">
        <v>94</v>
      </c>
      <c r="B119" s="22">
        <v>2</v>
      </c>
      <c r="C119" s="14">
        <v>6</v>
      </c>
      <c r="D119" s="18">
        <v>8</v>
      </c>
    </row>
    <row r="120" spans="1:4" ht="18" customHeight="1" x14ac:dyDescent="0.15">
      <c r="A120" s="5" t="s">
        <v>39</v>
      </c>
      <c r="B120" s="22">
        <v>16</v>
      </c>
      <c r="C120" s="14">
        <v>31</v>
      </c>
      <c r="D120" s="18">
        <v>47</v>
      </c>
    </row>
    <row r="121" spans="1:4" ht="18" customHeight="1" x14ac:dyDescent="0.15">
      <c r="A121" s="5">
        <v>95</v>
      </c>
      <c r="B121" s="22">
        <v>1</v>
      </c>
      <c r="C121" s="14">
        <v>4</v>
      </c>
      <c r="D121" s="18">
        <v>5</v>
      </c>
    </row>
    <row r="122" spans="1:4" ht="18" customHeight="1" x14ac:dyDescent="0.15">
      <c r="A122" s="5">
        <v>96</v>
      </c>
      <c r="B122" s="22">
        <v>1</v>
      </c>
      <c r="C122" s="14">
        <v>3</v>
      </c>
      <c r="D122" s="18">
        <v>4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3</v>
      </c>
      <c r="C126" s="14">
        <v>9</v>
      </c>
      <c r="D126" s="18">
        <v>12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164</v>
      </c>
      <c r="C130" s="14">
        <v>245</v>
      </c>
      <c r="D130" s="18">
        <v>409</v>
      </c>
    </row>
    <row r="131" spans="1:4" ht="18" customHeight="1" x14ac:dyDescent="0.15">
      <c r="A131" s="7" t="s">
        <v>45</v>
      </c>
      <c r="B131" s="23">
        <v>318</v>
      </c>
      <c r="C131" s="15">
        <v>401</v>
      </c>
      <c r="D131" s="19">
        <v>71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B00-000000000000}">
  <sheetPr codeName="Sheet7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2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6</v>
      </c>
      <c r="C5" s="29">
        <v>3</v>
      </c>
      <c r="D5" s="31">
        <v>9</v>
      </c>
    </row>
    <row r="6" spans="1:4" ht="18" customHeight="1" x14ac:dyDescent="0.15">
      <c r="A6" s="5">
        <v>1</v>
      </c>
      <c r="B6" s="27">
        <v>9</v>
      </c>
      <c r="C6" s="14">
        <v>5</v>
      </c>
      <c r="D6" s="18">
        <v>14</v>
      </c>
    </row>
    <row r="7" spans="1:4" ht="18" customHeight="1" x14ac:dyDescent="0.15">
      <c r="A7" s="5">
        <v>2</v>
      </c>
      <c r="B7" s="27">
        <v>8</v>
      </c>
      <c r="C7" s="14">
        <v>5</v>
      </c>
      <c r="D7" s="18">
        <v>13</v>
      </c>
    </row>
    <row r="8" spans="1:4" ht="18" customHeight="1" x14ac:dyDescent="0.15">
      <c r="A8" s="5">
        <v>3</v>
      </c>
      <c r="B8" s="27">
        <v>5</v>
      </c>
      <c r="C8" s="14">
        <v>7</v>
      </c>
      <c r="D8" s="18">
        <v>12</v>
      </c>
    </row>
    <row r="9" spans="1:4" ht="18" customHeight="1" x14ac:dyDescent="0.15">
      <c r="A9" s="5">
        <v>4</v>
      </c>
      <c r="B9" s="28">
        <v>8</v>
      </c>
      <c r="C9" s="30">
        <v>12</v>
      </c>
      <c r="D9" s="32">
        <v>20</v>
      </c>
    </row>
    <row r="10" spans="1:4" ht="18" customHeight="1" x14ac:dyDescent="0.15">
      <c r="A10" s="5" t="s">
        <v>7</v>
      </c>
      <c r="B10" s="22">
        <v>36</v>
      </c>
      <c r="C10" s="14">
        <v>32</v>
      </c>
      <c r="D10" s="18">
        <v>68</v>
      </c>
    </row>
    <row r="11" spans="1:4" ht="18" customHeight="1" x14ac:dyDescent="0.15">
      <c r="A11" s="5">
        <v>5</v>
      </c>
      <c r="B11" s="27">
        <v>9</v>
      </c>
      <c r="C11" s="14">
        <v>10</v>
      </c>
      <c r="D11" s="18">
        <v>19</v>
      </c>
    </row>
    <row r="12" spans="1:4" ht="18" customHeight="1" x14ac:dyDescent="0.15">
      <c r="A12" s="5">
        <v>6</v>
      </c>
      <c r="B12" s="27">
        <v>11</v>
      </c>
      <c r="C12" s="14">
        <v>10</v>
      </c>
      <c r="D12" s="18">
        <v>21</v>
      </c>
    </row>
    <row r="13" spans="1:4" ht="18" customHeight="1" x14ac:dyDescent="0.15">
      <c r="A13" s="5">
        <v>7</v>
      </c>
      <c r="B13" s="27">
        <v>15</v>
      </c>
      <c r="C13" s="14">
        <v>16</v>
      </c>
      <c r="D13" s="18">
        <v>31</v>
      </c>
    </row>
    <row r="14" spans="1:4" ht="18" customHeight="1" x14ac:dyDescent="0.15">
      <c r="A14" s="5">
        <v>8</v>
      </c>
      <c r="B14" s="27">
        <v>13</v>
      </c>
      <c r="C14" s="14">
        <v>20</v>
      </c>
      <c r="D14" s="18">
        <v>33</v>
      </c>
    </row>
    <row r="15" spans="1:4" ht="18" customHeight="1" x14ac:dyDescent="0.15">
      <c r="A15" s="5">
        <v>9</v>
      </c>
      <c r="B15" s="27">
        <v>23</v>
      </c>
      <c r="C15" s="14">
        <v>9</v>
      </c>
      <c r="D15" s="18">
        <v>32</v>
      </c>
    </row>
    <row r="16" spans="1:4" ht="18" customHeight="1" x14ac:dyDescent="0.15">
      <c r="A16" s="5" t="s">
        <v>11</v>
      </c>
      <c r="B16" s="22">
        <v>71</v>
      </c>
      <c r="C16" s="14">
        <v>65</v>
      </c>
      <c r="D16" s="18">
        <v>136</v>
      </c>
    </row>
    <row r="17" spans="1:4" ht="18" customHeight="1" x14ac:dyDescent="0.15">
      <c r="A17" s="5">
        <v>10</v>
      </c>
      <c r="B17" s="22">
        <v>15</v>
      </c>
      <c r="C17" s="14">
        <v>13</v>
      </c>
      <c r="D17" s="18">
        <v>28</v>
      </c>
    </row>
    <row r="18" spans="1:4" ht="18" customHeight="1" x14ac:dyDescent="0.15">
      <c r="A18" s="5">
        <v>11</v>
      </c>
      <c r="B18" s="22">
        <v>22</v>
      </c>
      <c r="C18" s="14">
        <v>16</v>
      </c>
      <c r="D18" s="18">
        <v>38</v>
      </c>
    </row>
    <row r="19" spans="1:4" ht="18" customHeight="1" x14ac:dyDescent="0.15">
      <c r="A19" s="5">
        <v>12</v>
      </c>
      <c r="B19" s="22">
        <v>12</v>
      </c>
      <c r="C19" s="14">
        <v>22</v>
      </c>
      <c r="D19" s="18">
        <v>34</v>
      </c>
    </row>
    <row r="20" spans="1:4" ht="18" customHeight="1" x14ac:dyDescent="0.15">
      <c r="A20" s="5">
        <v>13</v>
      </c>
      <c r="B20" s="22">
        <v>29</v>
      </c>
      <c r="C20" s="14">
        <v>19</v>
      </c>
      <c r="D20" s="18">
        <v>48</v>
      </c>
    </row>
    <row r="21" spans="1:4" ht="18" customHeight="1" x14ac:dyDescent="0.15">
      <c r="A21" s="5">
        <v>14</v>
      </c>
      <c r="B21" s="22">
        <v>24</v>
      </c>
      <c r="C21" s="14">
        <v>11</v>
      </c>
      <c r="D21" s="18">
        <v>35</v>
      </c>
    </row>
    <row r="22" spans="1:4" ht="18" customHeight="1" x14ac:dyDescent="0.15">
      <c r="A22" s="5" t="s">
        <v>12</v>
      </c>
      <c r="B22" s="22">
        <v>102</v>
      </c>
      <c r="C22" s="14">
        <v>81</v>
      </c>
      <c r="D22" s="18">
        <v>183</v>
      </c>
    </row>
    <row r="23" spans="1:4" ht="18" customHeight="1" x14ac:dyDescent="0.15">
      <c r="A23" s="5" t="s">
        <v>6</v>
      </c>
      <c r="B23" s="22">
        <v>209</v>
      </c>
      <c r="C23" s="14">
        <v>178</v>
      </c>
      <c r="D23" s="18">
        <v>387</v>
      </c>
    </row>
    <row r="24" spans="1:4" ht="18" customHeight="1" x14ac:dyDescent="0.15">
      <c r="A24" s="5">
        <v>15</v>
      </c>
      <c r="B24" s="22">
        <v>14</v>
      </c>
      <c r="C24" s="14">
        <v>15</v>
      </c>
      <c r="D24" s="18">
        <v>29</v>
      </c>
    </row>
    <row r="25" spans="1:4" ht="18" customHeight="1" x14ac:dyDescent="0.15">
      <c r="A25" s="5">
        <v>16</v>
      </c>
      <c r="B25" s="22">
        <v>26</v>
      </c>
      <c r="C25" s="14">
        <v>22</v>
      </c>
      <c r="D25" s="18">
        <v>48</v>
      </c>
    </row>
    <row r="26" spans="1:4" ht="18" customHeight="1" x14ac:dyDescent="0.15">
      <c r="A26" s="5">
        <v>17</v>
      </c>
      <c r="B26" s="22">
        <v>30</v>
      </c>
      <c r="C26" s="14">
        <v>28</v>
      </c>
      <c r="D26" s="18">
        <v>58</v>
      </c>
    </row>
    <row r="27" spans="1:4" ht="18" customHeight="1" x14ac:dyDescent="0.15">
      <c r="A27" s="5">
        <v>18</v>
      </c>
      <c r="B27" s="22">
        <v>25</v>
      </c>
      <c r="C27" s="14">
        <v>24</v>
      </c>
      <c r="D27" s="18">
        <v>49</v>
      </c>
    </row>
    <row r="28" spans="1:4" ht="18" customHeight="1" x14ac:dyDescent="0.15">
      <c r="A28" s="5">
        <v>19</v>
      </c>
      <c r="B28" s="22">
        <v>24</v>
      </c>
      <c r="C28" s="14">
        <v>22</v>
      </c>
      <c r="D28" s="18">
        <v>46</v>
      </c>
    </row>
    <row r="29" spans="1:4" ht="18" customHeight="1" x14ac:dyDescent="0.15">
      <c r="A29" s="5" t="s">
        <v>14</v>
      </c>
      <c r="B29" s="22">
        <v>119</v>
      </c>
      <c r="C29" s="14">
        <v>111</v>
      </c>
      <c r="D29" s="18">
        <v>230</v>
      </c>
    </row>
    <row r="30" spans="1:4" ht="18" customHeight="1" x14ac:dyDescent="0.15">
      <c r="A30" s="5">
        <v>20</v>
      </c>
      <c r="B30" s="22">
        <v>20</v>
      </c>
      <c r="C30" s="14">
        <v>21</v>
      </c>
      <c r="D30" s="18">
        <v>41</v>
      </c>
    </row>
    <row r="31" spans="1:4" ht="18" customHeight="1" x14ac:dyDescent="0.15">
      <c r="A31" s="5">
        <v>21</v>
      </c>
      <c r="B31" s="22">
        <v>38</v>
      </c>
      <c r="C31" s="14">
        <v>29</v>
      </c>
      <c r="D31" s="18">
        <v>67</v>
      </c>
    </row>
    <row r="32" spans="1:4" ht="18" customHeight="1" x14ac:dyDescent="0.15">
      <c r="A32" s="5">
        <v>22</v>
      </c>
      <c r="B32" s="22">
        <v>32</v>
      </c>
      <c r="C32" s="14">
        <v>28</v>
      </c>
      <c r="D32" s="18">
        <v>60</v>
      </c>
    </row>
    <row r="33" spans="1:4" ht="18" customHeight="1" x14ac:dyDescent="0.15">
      <c r="A33" s="5">
        <v>23</v>
      </c>
      <c r="B33" s="22">
        <v>32</v>
      </c>
      <c r="C33" s="14">
        <v>20</v>
      </c>
      <c r="D33" s="18">
        <v>52</v>
      </c>
    </row>
    <row r="34" spans="1:4" ht="18" customHeight="1" x14ac:dyDescent="0.15">
      <c r="A34" s="5">
        <v>24</v>
      </c>
      <c r="B34" s="22">
        <v>18</v>
      </c>
      <c r="C34" s="14">
        <v>29</v>
      </c>
      <c r="D34" s="18">
        <v>47</v>
      </c>
    </row>
    <row r="35" spans="1:4" ht="18" customHeight="1" x14ac:dyDescent="0.15">
      <c r="A35" s="5" t="s">
        <v>9</v>
      </c>
      <c r="B35" s="22">
        <v>140</v>
      </c>
      <c r="C35" s="14">
        <v>127</v>
      </c>
      <c r="D35" s="18">
        <v>267</v>
      </c>
    </row>
    <row r="36" spans="1:4" ht="18" customHeight="1" x14ac:dyDescent="0.15">
      <c r="A36" s="5">
        <v>25</v>
      </c>
      <c r="B36" s="22">
        <v>25</v>
      </c>
      <c r="C36" s="14">
        <v>24</v>
      </c>
      <c r="D36" s="18">
        <v>49</v>
      </c>
    </row>
    <row r="37" spans="1:4" ht="18" customHeight="1" x14ac:dyDescent="0.15">
      <c r="A37" s="5">
        <v>26</v>
      </c>
      <c r="B37" s="22">
        <v>24</v>
      </c>
      <c r="C37" s="14">
        <v>12</v>
      </c>
      <c r="D37" s="18">
        <v>36</v>
      </c>
    </row>
    <row r="38" spans="1:4" ht="18" customHeight="1" x14ac:dyDescent="0.15">
      <c r="A38" s="5">
        <v>27</v>
      </c>
      <c r="B38" s="22">
        <v>21</v>
      </c>
      <c r="C38" s="14">
        <v>18</v>
      </c>
      <c r="D38" s="18">
        <v>39</v>
      </c>
    </row>
    <row r="39" spans="1:4" ht="18" customHeight="1" x14ac:dyDescent="0.15">
      <c r="A39" s="5">
        <v>28</v>
      </c>
      <c r="B39" s="22">
        <v>28</v>
      </c>
      <c r="C39" s="14">
        <v>22</v>
      </c>
      <c r="D39" s="18">
        <v>50</v>
      </c>
    </row>
    <row r="40" spans="1:4" ht="18" customHeight="1" x14ac:dyDescent="0.15">
      <c r="A40" s="5">
        <v>29</v>
      </c>
      <c r="B40" s="22">
        <v>19</v>
      </c>
      <c r="C40" s="14">
        <v>14</v>
      </c>
      <c r="D40" s="18">
        <v>33</v>
      </c>
    </row>
    <row r="41" spans="1:4" ht="18" customHeight="1" x14ac:dyDescent="0.15">
      <c r="A41" s="5" t="s">
        <v>2</v>
      </c>
      <c r="B41" s="22">
        <v>117</v>
      </c>
      <c r="C41" s="14">
        <v>90</v>
      </c>
      <c r="D41" s="18">
        <v>207</v>
      </c>
    </row>
    <row r="42" spans="1:4" ht="18" customHeight="1" x14ac:dyDescent="0.15">
      <c r="A42" s="5">
        <v>30</v>
      </c>
      <c r="B42" s="22">
        <v>19</v>
      </c>
      <c r="C42" s="14">
        <v>13</v>
      </c>
      <c r="D42" s="18">
        <v>32</v>
      </c>
    </row>
    <row r="43" spans="1:4" ht="18" customHeight="1" x14ac:dyDescent="0.15">
      <c r="A43" s="5">
        <v>31</v>
      </c>
      <c r="B43" s="22">
        <v>14</v>
      </c>
      <c r="C43" s="14">
        <v>19</v>
      </c>
      <c r="D43" s="18">
        <v>33</v>
      </c>
    </row>
    <row r="44" spans="1:4" ht="18" customHeight="1" x14ac:dyDescent="0.15">
      <c r="A44" s="5">
        <v>32</v>
      </c>
      <c r="B44" s="22">
        <v>13</v>
      </c>
      <c r="C44" s="14">
        <v>14</v>
      </c>
      <c r="D44" s="18">
        <v>27</v>
      </c>
    </row>
    <row r="45" spans="1:4" ht="18" customHeight="1" x14ac:dyDescent="0.15">
      <c r="A45" s="5">
        <v>33</v>
      </c>
      <c r="B45" s="22">
        <v>12</v>
      </c>
      <c r="C45" s="14">
        <v>13</v>
      </c>
      <c r="D45" s="18">
        <v>25</v>
      </c>
    </row>
    <row r="46" spans="1:4" ht="18" customHeight="1" x14ac:dyDescent="0.15">
      <c r="A46" s="5">
        <v>34</v>
      </c>
      <c r="B46" s="22">
        <v>13</v>
      </c>
      <c r="C46" s="14">
        <v>11</v>
      </c>
      <c r="D46" s="18">
        <v>24</v>
      </c>
    </row>
    <row r="47" spans="1:4" ht="18" customHeight="1" x14ac:dyDescent="0.15">
      <c r="A47" s="5" t="s">
        <v>15</v>
      </c>
      <c r="B47" s="22">
        <v>71</v>
      </c>
      <c r="C47" s="14">
        <v>70</v>
      </c>
      <c r="D47" s="18">
        <v>141</v>
      </c>
    </row>
    <row r="48" spans="1:4" ht="18" customHeight="1" x14ac:dyDescent="0.15">
      <c r="A48" s="5">
        <v>35</v>
      </c>
      <c r="B48" s="22">
        <v>7</v>
      </c>
      <c r="C48" s="14">
        <v>13</v>
      </c>
      <c r="D48" s="18">
        <v>20</v>
      </c>
    </row>
    <row r="49" spans="1:4" ht="18" customHeight="1" x14ac:dyDescent="0.15">
      <c r="A49" s="5">
        <v>36</v>
      </c>
      <c r="B49" s="22">
        <v>21</v>
      </c>
      <c r="C49" s="14">
        <v>18</v>
      </c>
      <c r="D49" s="18">
        <v>39</v>
      </c>
    </row>
    <row r="50" spans="1:4" ht="18" customHeight="1" x14ac:dyDescent="0.15">
      <c r="A50" s="5">
        <v>37</v>
      </c>
      <c r="B50" s="22">
        <v>23</v>
      </c>
      <c r="C50" s="14">
        <v>21</v>
      </c>
      <c r="D50" s="18">
        <v>44</v>
      </c>
    </row>
    <row r="51" spans="1:4" ht="18" customHeight="1" x14ac:dyDescent="0.15">
      <c r="A51" s="5">
        <v>38</v>
      </c>
      <c r="B51" s="22">
        <v>16</v>
      </c>
      <c r="C51" s="14">
        <v>11</v>
      </c>
      <c r="D51" s="18">
        <v>27</v>
      </c>
    </row>
    <row r="52" spans="1:4" ht="18" customHeight="1" x14ac:dyDescent="0.15">
      <c r="A52" s="5">
        <v>39</v>
      </c>
      <c r="B52" s="22">
        <v>18</v>
      </c>
      <c r="C52" s="14">
        <v>13</v>
      </c>
      <c r="D52" s="18">
        <v>31</v>
      </c>
    </row>
    <row r="53" spans="1:4" ht="18" customHeight="1" x14ac:dyDescent="0.15">
      <c r="A53" s="5" t="s">
        <v>18</v>
      </c>
      <c r="B53" s="22">
        <v>85</v>
      </c>
      <c r="C53" s="14">
        <v>76</v>
      </c>
      <c r="D53" s="18">
        <v>161</v>
      </c>
    </row>
    <row r="54" spans="1:4" ht="18" customHeight="1" x14ac:dyDescent="0.15">
      <c r="A54" s="5">
        <v>40</v>
      </c>
      <c r="B54" s="22">
        <v>12</v>
      </c>
      <c r="C54" s="14">
        <v>15</v>
      </c>
      <c r="D54" s="18">
        <v>27</v>
      </c>
    </row>
    <row r="55" spans="1:4" ht="18" customHeight="1" x14ac:dyDescent="0.15">
      <c r="A55" s="5">
        <v>41</v>
      </c>
      <c r="B55" s="22">
        <v>24</v>
      </c>
      <c r="C55" s="14">
        <v>17</v>
      </c>
      <c r="D55" s="18">
        <v>41</v>
      </c>
    </row>
    <row r="56" spans="1:4" ht="18" customHeight="1" x14ac:dyDescent="0.15">
      <c r="A56" s="5">
        <v>42</v>
      </c>
      <c r="B56" s="22">
        <v>21</v>
      </c>
      <c r="C56" s="14">
        <v>23</v>
      </c>
      <c r="D56" s="18">
        <v>44</v>
      </c>
    </row>
    <row r="57" spans="1:4" ht="18" customHeight="1" x14ac:dyDescent="0.15">
      <c r="A57" s="5">
        <v>43</v>
      </c>
      <c r="B57" s="22">
        <v>23</v>
      </c>
      <c r="C57" s="14">
        <v>33</v>
      </c>
      <c r="D57" s="18">
        <v>56</v>
      </c>
    </row>
    <row r="58" spans="1:4" ht="18" customHeight="1" x14ac:dyDescent="0.15">
      <c r="A58" s="5">
        <v>44</v>
      </c>
      <c r="B58" s="22">
        <v>19</v>
      </c>
      <c r="C58" s="14">
        <v>26</v>
      </c>
      <c r="D58" s="18">
        <v>45</v>
      </c>
    </row>
    <row r="59" spans="1:4" ht="18" customHeight="1" x14ac:dyDescent="0.15">
      <c r="A59" s="5" t="s">
        <v>21</v>
      </c>
      <c r="B59" s="22">
        <v>99</v>
      </c>
      <c r="C59" s="14">
        <v>114</v>
      </c>
      <c r="D59" s="18">
        <v>213</v>
      </c>
    </row>
    <row r="60" spans="1:4" ht="18" customHeight="1" x14ac:dyDescent="0.15">
      <c r="A60" s="5">
        <v>45</v>
      </c>
      <c r="B60" s="22">
        <v>23</v>
      </c>
      <c r="C60" s="14">
        <v>27</v>
      </c>
      <c r="D60" s="18">
        <v>50</v>
      </c>
    </row>
    <row r="61" spans="1:4" ht="18" customHeight="1" x14ac:dyDescent="0.15">
      <c r="A61" s="5">
        <v>46</v>
      </c>
      <c r="B61" s="22">
        <v>35</v>
      </c>
      <c r="C61" s="14">
        <v>25</v>
      </c>
      <c r="D61" s="18">
        <v>60</v>
      </c>
    </row>
    <row r="62" spans="1:4" ht="18" customHeight="1" x14ac:dyDescent="0.15">
      <c r="A62" s="5">
        <v>47</v>
      </c>
      <c r="B62" s="22">
        <v>29</v>
      </c>
      <c r="C62" s="14">
        <v>37</v>
      </c>
      <c r="D62" s="18">
        <v>66</v>
      </c>
    </row>
    <row r="63" spans="1:4" ht="18" customHeight="1" x14ac:dyDescent="0.15">
      <c r="A63" s="5">
        <v>48</v>
      </c>
      <c r="B63" s="22">
        <v>37</v>
      </c>
      <c r="C63" s="14">
        <v>31</v>
      </c>
      <c r="D63" s="18">
        <v>68</v>
      </c>
    </row>
    <row r="64" spans="1:4" ht="18" customHeight="1" x14ac:dyDescent="0.15">
      <c r="A64" s="5">
        <v>49</v>
      </c>
      <c r="B64" s="22">
        <v>47</v>
      </c>
      <c r="C64" s="14">
        <v>35</v>
      </c>
      <c r="D64" s="18">
        <v>82</v>
      </c>
    </row>
    <row r="65" spans="1:4" ht="18" customHeight="1" x14ac:dyDescent="0.15">
      <c r="A65" s="5" t="s">
        <v>17</v>
      </c>
      <c r="B65" s="22">
        <v>171</v>
      </c>
      <c r="C65" s="14">
        <v>155</v>
      </c>
      <c r="D65" s="18">
        <v>326</v>
      </c>
    </row>
    <row r="66" spans="1:4" ht="18" customHeight="1" x14ac:dyDescent="0.15">
      <c r="A66" s="5">
        <v>50</v>
      </c>
      <c r="B66" s="22">
        <v>38</v>
      </c>
      <c r="C66" s="14">
        <v>40</v>
      </c>
      <c r="D66" s="18">
        <v>78</v>
      </c>
    </row>
    <row r="67" spans="1:4" ht="18" customHeight="1" x14ac:dyDescent="0.15">
      <c r="A67" s="5">
        <v>51</v>
      </c>
      <c r="B67" s="22">
        <v>43</v>
      </c>
      <c r="C67" s="14">
        <v>46</v>
      </c>
      <c r="D67" s="18">
        <v>89</v>
      </c>
    </row>
    <row r="68" spans="1:4" ht="18" customHeight="1" x14ac:dyDescent="0.15">
      <c r="A68" s="5">
        <v>52</v>
      </c>
      <c r="B68" s="22">
        <v>54</v>
      </c>
      <c r="C68" s="14">
        <v>59</v>
      </c>
      <c r="D68" s="18">
        <v>113</v>
      </c>
    </row>
    <row r="69" spans="1:4" ht="18" customHeight="1" x14ac:dyDescent="0.15">
      <c r="A69" s="5">
        <v>53</v>
      </c>
      <c r="B69" s="22">
        <v>51</v>
      </c>
      <c r="C69" s="14">
        <v>56</v>
      </c>
      <c r="D69" s="18">
        <v>107</v>
      </c>
    </row>
    <row r="70" spans="1:4" ht="18" customHeight="1" x14ac:dyDescent="0.15">
      <c r="A70" s="5">
        <v>54</v>
      </c>
      <c r="B70" s="22">
        <v>45</v>
      </c>
      <c r="C70" s="14">
        <v>51</v>
      </c>
      <c r="D70" s="18">
        <v>96</v>
      </c>
    </row>
    <row r="71" spans="1:4" ht="18" customHeight="1" x14ac:dyDescent="0.15">
      <c r="A71" s="5" t="s">
        <v>22</v>
      </c>
      <c r="B71" s="22">
        <v>231</v>
      </c>
      <c r="C71" s="14">
        <v>252</v>
      </c>
      <c r="D71" s="18">
        <v>483</v>
      </c>
    </row>
    <row r="72" spans="1:4" ht="18" customHeight="1" x14ac:dyDescent="0.15">
      <c r="A72" s="5">
        <v>55</v>
      </c>
      <c r="B72" s="22">
        <v>48</v>
      </c>
      <c r="C72" s="14">
        <v>55</v>
      </c>
      <c r="D72" s="18">
        <v>103</v>
      </c>
    </row>
    <row r="73" spans="1:4" ht="18" customHeight="1" x14ac:dyDescent="0.15">
      <c r="A73" s="5">
        <v>56</v>
      </c>
      <c r="B73" s="22">
        <v>52</v>
      </c>
      <c r="C73" s="14">
        <v>43</v>
      </c>
      <c r="D73" s="18">
        <v>95</v>
      </c>
    </row>
    <row r="74" spans="1:4" ht="18" customHeight="1" x14ac:dyDescent="0.15">
      <c r="A74" s="5">
        <v>57</v>
      </c>
      <c r="B74" s="22">
        <v>35</v>
      </c>
      <c r="C74" s="14">
        <v>36</v>
      </c>
      <c r="D74" s="18">
        <v>71</v>
      </c>
    </row>
    <row r="75" spans="1:4" ht="18" customHeight="1" x14ac:dyDescent="0.15">
      <c r="A75" s="5">
        <v>58</v>
      </c>
      <c r="B75" s="22">
        <v>52</v>
      </c>
      <c r="C75" s="14">
        <v>46</v>
      </c>
      <c r="D75" s="18">
        <v>98</v>
      </c>
    </row>
    <row r="76" spans="1:4" ht="18" customHeight="1" x14ac:dyDescent="0.15">
      <c r="A76" s="5">
        <v>59</v>
      </c>
      <c r="B76" s="22">
        <v>33</v>
      </c>
      <c r="C76" s="14">
        <v>29</v>
      </c>
      <c r="D76" s="18">
        <v>62</v>
      </c>
    </row>
    <row r="77" spans="1:4" ht="18" customHeight="1" x14ac:dyDescent="0.15">
      <c r="A77" s="5" t="s">
        <v>27</v>
      </c>
      <c r="B77" s="22">
        <v>220</v>
      </c>
      <c r="C77" s="14">
        <v>209</v>
      </c>
      <c r="D77" s="18">
        <v>429</v>
      </c>
    </row>
    <row r="78" spans="1:4" ht="18" customHeight="1" x14ac:dyDescent="0.15">
      <c r="A78" s="5">
        <v>60</v>
      </c>
      <c r="B78" s="22">
        <v>31</v>
      </c>
      <c r="C78" s="14">
        <v>22</v>
      </c>
      <c r="D78" s="18">
        <v>53</v>
      </c>
    </row>
    <row r="79" spans="1:4" ht="18" customHeight="1" x14ac:dyDescent="0.15">
      <c r="A79" s="5">
        <v>61</v>
      </c>
      <c r="B79" s="22">
        <v>31</v>
      </c>
      <c r="C79" s="14">
        <v>34</v>
      </c>
      <c r="D79" s="18">
        <v>65</v>
      </c>
    </row>
    <row r="80" spans="1:4" ht="18" customHeight="1" x14ac:dyDescent="0.15">
      <c r="A80" s="5">
        <v>62</v>
      </c>
      <c r="B80" s="22">
        <v>38</v>
      </c>
      <c r="C80" s="14">
        <v>21</v>
      </c>
      <c r="D80" s="18">
        <v>59</v>
      </c>
    </row>
    <row r="81" spans="1:4" ht="18" customHeight="1" x14ac:dyDescent="0.15">
      <c r="A81" s="5">
        <v>63</v>
      </c>
      <c r="B81" s="22">
        <v>38</v>
      </c>
      <c r="C81" s="14">
        <v>46</v>
      </c>
      <c r="D81" s="18">
        <v>84</v>
      </c>
    </row>
    <row r="82" spans="1:4" ht="18" customHeight="1" x14ac:dyDescent="0.15">
      <c r="A82" s="5">
        <v>64</v>
      </c>
      <c r="B82" s="22">
        <v>32</v>
      </c>
      <c r="C82" s="14">
        <v>28</v>
      </c>
      <c r="D82" s="18">
        <v>60</v>
      </c>
    </row>
    <row r="83" spans="1:4" ht="18" customHeight="1" x14ac:dyDescent="0.15">
      <c r="A83" s="5" t="s">
        <v>28</v>
      </c>
      <c r="B83" s="22">
        <v>170</v>
      </c>
      <c r="C83" s="14">
        <v>151</v>
      </c>
      <c r="D83" s="18">
        <v>321</v>
      </c>
    </row>
    <row r="84" spans="1:4" ht="18" customHeight="1" x14ac:dyDescent="0.15">
      <c r="A84" s="5" t="s">
        <v>31</v>
      </c>
      <c r="B84" s="22">
        <v>1423</v>
      </c>
      <c r="C84" s="14">
        <v>1355</v>
      </c>
      <c r="D84" s="18">
        <v>2778</v>
      </c>
    </row>
    <row r="85" spans="1:4" ht="18" customHeight="1" x14ac:dyDescent="0.15">
      <c r="A85" s="5">
        <v>65</v>
      </c>
      <c r="B85" s="22">
        <v>18</v>
      </c>
      <c r="C85" s="14">
        <v>32</v>
      </c>
      <c r="D85" s="18">
        <v>50</v>
      </c>
    </row>
    <row r="86" spans="1:4" ht="18" customHeight="1" x14ac:dyDescent="0.15">
      <c r="A86" s="5">
        <v>66</v>
      </c>
      <c r="B86" s="22">
        <v>30</v>
      </c>
      <c r="C86" s="14">
        <v>33</v>
      </c>
      <c r="D86" s="18">
        <v>63</v>
      </c>
    </row>
    <row r="87" spans="1:4" ht="18" customHeight="1" x14ac:dyDescent="0.15">
      <c r="A87" s="5">
        <v>67</v>
      </c>
      <c r="B87" s="22">
        <v>36</v>
      </c>
      <c r="C87" s="14">
        <v>28</v>
      </c>
      <c r="D87" s="18">
        <v>64</v>
      </c>
    </row>
    <row r="88" spans="1:4" ht="18" customHeight="1" x14ac:dyDescent="0.15">
      <c r="A88" s="5">
        <v>68</v>
      </c>
      <c r="B88" s="22">
        <v>27</v>
      </c>
      <c r="C88" s="14">
        <v>28</v>
      </c>
      <c r="D88" s="18">
        <v>55</v>
      </c>
    </row>
    <row r="89" spans="1:4" ht="18" customHeight="1" x14ac:dyDescent="0.15">
      <c r="A89" s="5">
        <v>69</v>
      </c>
      <c r="B89" s="22">
        <v>30</v>
      </c>
      <c r="C89" s="14">
        <v>22</v>
      </c>
      <c r="D89" s="18">
        <v>52</v>
      </c>
    </row>
    <row r="90" spans="1:4" ht="18" customHeight="1" x14ac:dyDescent="0.15">
      <c r="A90" s="5" t="s">
        <v>20</v>
      </c>
      <c r="B90" s="22">
        <v>141</v>
      </c>
      <c r="C90" s="14">
        <v>143</v>
      </c>
      <c r="D90" s="18">
        <v>284</v>
      </c>
    </row>
    <row r="91" spans="1:4" ht="18" customHeight="1" x14ac:dyDescent="0.15">
      <c r="A91" s="5">
        <v>70</v>
      </c>
      <c r="B91" s="22">
        <v>28</v>
      </c>
      <c r="C91" s="14">
        <v>34</v>
      </c>
      <c r="D91" s="18">
        <v>62</v>
      </c>
    </row>
    <row r="92" spans="1:4" ht="18" customHeight="1" x14ac:dyDescent="0.15">
      <c r="A92" s="5">
        <v>71</v>
      </c>
      <c r="B92" s="22">
        <v>37</v>
      </c>
      <c r="C92" s="14">
        <v>31</v>
      </c>
      <c r="D92" s="18">
        <v>68</v>
      </c>
    </row>
    <row r="93" spans="1:4" ht="18" customHeight="1" x14ac:dyDescent="0.15">
      <c r="A93" s="5">
        <v>72</v>
      </c>
      <c r="B93" s="22">
        <v>32</v>
      </c>
      <c r="C93" s="14">
        <v>34</v>
      </c>
      <c r="D93" s="18">
        <v>66</v>
      </c>
    </row>
    <row r="94" spans="1:4" ht="18" customHeight="1" x14ac:dyDescent="0.15">
      <c r="A94" s="5">
        <v>73</v>
      </c>
      <c r="B94" s="22">
        <v>30</v>
      </c>
      <c r="C94" s="14">
        <v>35</v>
      </c>
      <c r="D94" s="18">
        <v>65</v>
      </c>
    </row>
    <row r="95" spans="1:4" ht="18" customHeight="1" x14ac:dyDescent="0.15">
      <c r="A95" s="5">
        <v>74</v>
      </c>
      <c r="B95" s="22">
        <v>33</v>
      </c>
      <c r="C95" s="14">
        <v>29</v>
      </c>
      <c r="D95" s="18">
        <v>62</v>
      </c>
    </row>
    <row r="96" spans="1:4" ht="18" customHeight="1" x14ac:dyDescent="0.15">
      <c r="A96" s="5" t="s">
        <v>33</v>
      </c>
      <c r="B96" s="22">
        <v>160</v>
      </c>
      <c r="C96" s="14">
        <v>163</v>
      </c>
      <c r="D96" s="18">
        <v>323</v>
      </c>
    </row>
    <row r="97" spans="1:4" ht="18" customHeight="1" x14ac:dyDescent="0.15">
      <c r="A97" s="5">
        <v>75</v>
      </c>
      <c r="B97" s="22">
        <v>27</v>
      </c>
      <c r="C97" s="14">
        <v>31</v>
      </c>
      <c r="D97" s="18">
        <v>58</v>
      </c>
    </row>
    <row r="98" spans="1:4" ht="18" customHeight="1" x14ac:dyDescent="0.15">
      <c r="A98" s="5">
        <v>76</v>
      </c>
      <c r="B98" s="22">
        <v>35</v>
      </c>
      <c r="C98" s="14">
        <v>41</v>
      </c>
      <c r="D98" s="18">
        <v>76</v>
      </c>
    </row>
    <row r="99" spans="1:4" ht="18" customHeight="1" x14ac:dyDescent="0.15">
      <c r="A99" s="5">
        <v>77</v>
      </c>
      <c r="B99" s="22">
        <v>38</v>
      </c>
      <c r="C99" s="14">
        <v>49</v>
      </c>
      <c r="D99" s="18">
        <v>87</v>
      </c>
    </row>
    <row r="100" spans="1:4" ht="18" customHeight="1" x14ac:dyDescent="0.15">
      <c r="A100" s="5">
        <v>78</v>
      </c>
      <c r="B100" s="22">
        <v>33</v>
      </c>
      <c r="C100" s="14">
        <v>50</v>
      </c>
      <c r="D100" s="18">
        <v>83</v>
      </c>
    </row>
    <row r="101" spans="1:4" ht="18" customHeight="1" x14ac:dyDescent="0.15">
      <c r="A101" s="5">
        <v>79</v>
      </c>
      <c r="B101" s="22">
        <v>27</v>
      </c>
      <c r="C101" s="14">
        <v>40</v>
      </c>
      <c r="D101" s="18">
        <v>67</v>
      </c>
    </row>
    <row r="102" spans="1:4" ht="18" customHeight="1" x14ac:dyDescent="0.15">
      <c r="A102" s="5" t="s">
        <v>0</v>
      </c>
      <c r="B102" s="22">
        <v>160</v>
      </c>
      <c r="C102" s="14">
        <v>211</v>
      </c>
      <c r="D102" s="18">
        <v>371</v>
      </c>
    </row>
    <row r="103" spans="1:4" ht="18" customHeight="1" x14ac:dyDescent="0.15">
      <c r="A103" s="5">
        <v>80</v>
      </c>
      <c r="B103" s="22">
        <v>23</v>
      </c>
      <c r="C103" s="14">
        <v>25</v>
      </c>
      <c r="D103" s="18">
        <v>48</v>
      </c>
    </row>
    <row r="104" spans="1:4" ht="18" customHeight="1" x14ac:dyDescent="0.15">
      <c r="A104" s="5">
        <v>81</v>
      </c>
      <c r="B104" s="22">
        <v>15</v>
      </c>
      <c r="C104" s="14">
        <v>33</v>
      </c>
      <c r="D104" s="18">
        <v>48</v>
      </c>
    </row>
    <row r="105" spans="1:4" ht="18" customHeight="1" x14ac:dyDescent="0.15">
      <c r="A105" s="5">
        <v>82</v>
      </c>
      <c r="B105" s="22">
        <v>19</v>
      </c>
      <c r="C105" s="14">
        <v>25</v>
      </c>
      <c r="D105" s="18">
        <v>44</v>
      </c>
    </row>
    <row r="106" spans="1:4" ht="18" customHeight="1" x14ac:dyDescent="0.15">
      <c r="A106" s="5">
        <v>83</v>
      </c>
      <c r="B106" s="22">
        <v>19</v>
      </c>
      <c r="C106" s="14">
        <v>19</v>
      </c>
      <c r="D106" s="18">
        <v>38</v>
      </c>
    </row>
    <row r="107" spans="1:4" ht="18" customHeight="1" x14ac:dyDescent="0.15">
      <c r="A107" s="5">
        <v>84</v>
      </c>
      <c r="B107" s="22">
        <v>15</v>
      </c>
      <c r="C107" s="14">
        <v>23</v>
      </c>
      <c r="D107" s="18">
        <v>38</v>
      </c>
    </row>
    <row r="108" spans="1:4" ht="18" customHeight="1" x14ac:dyDescent="0.15">
      <c r="A108" s="5" t="s">
        <v>35</v>
      </c>
      <c r="B108" s="22">
        <v>91</v>
      </c>
      <c r="C108" s="14">
        <v>125</v>
      </c>
      <c r="D108" s="18">
        <v>216</v>
      </c>
    </row>
    <row r="109" spans="1:4" ht="18" customHeight="1" x14ac:dyDescent="0.15">
      <c r="A109" s="5">
        <v>85</v>
      </c>
      <c r="B109" s="22">
        <v>9</v>
      </c>
      <c r="C109" s="14">
        <v>23</v>
      </c>
      <c r="D109" s="18">
        <v>32</v>
      </c>
    </row>
    <row r="110" spans="1:4" ht="18" customHeight="1" x14ac:dyDescent="0.15">
      <c r="A110" s="5">
        <v>86</v>
      </c>
      <c r="B110" s="22">
        <v>11</v>
      </c>
      <c r="C110" s="14">
        <v>22</v>
      </c>
      <c r="D110" s="18">
        <v>33</v>
      </c>
    </row>
    <row r="111" spans="1:4" ht="18" customHeight="1" x14ac:dyDescent="0.15">
      <c r="A111" s="5">
        <v>87</v>
      </c>
      <c r="B111" s="22">
        <v>6</v>
      </c>
      <c r="C111" s="14">
        <v>16</v>
      </c>
      <c r="D111" s="18">
        <v>22</v>
      </c>
    </row>
    <row r="112" spans="1:4" ht="18" customHeight="1" x14ac:dyDescent="0.15">
      <c r="A112" s="5">
        <v>88</v>
      </c>
      <c r="B112" s="22">
        <v>8</v>
      </c>
      <c r="C112" s="14">
        <v>10</v>
      </c>
      <c r="D112" s="18">
        <v>18</v>
      </c>
    </row>
    <row r="113" spans="1:4" ht="18" customHeight="1" x14ac:dyDescent="0.15">
      <c r="A113" s="5">
        <v>89</v>
      </c>
      <c r="B113" s="22">
        <v>4</v>
      </c>
      <c r="C113" s="14">
        <v>14</v>
      </c>
      <c r="D113" s="18">
        <v>18</v>
      </c>
    </row>
    <row r="114" spans="1:4" ht="18" customHeight="1" x14ac:dyDescent="0.15">
      <c r="A114" s="5" t="s">
        <v>37</v>
      </c>
      <c r="B114" s="22">
        <v>38</v>
      </c>
      <c r="C114" s="14">
        <v>85</v>
      </c>
      <c r="D114" s="18">
        <v>123</v>
      </c>
    </row>
    <row r="115" spans="1:4" ht="18" customHeight="1" x14ac:dyDescent="0.15">
      <c r="A115" s="5">
        <v>90</v>
      </c>
      <c r="B115" s="22">
        <v>7</v>
      </c>
      <c r="C115" s="14">
        <v>19</v>
      </c>
      <c r="D115" s="18">
        <v>26</v>
      </c>
    </row>
    <row r="116" spans="1:4" ht="18" customHeight="1" x14ac:dyDescent="0.15">
      <c r="A116" s="5">
        <v>91</v>
      </c>
      <c r="B116" s="22">
        <v>5</v>
      </c>
      <c r="C116" s="14">
        <v>8</v>
      </c>
      <c r="D116" s="18">
        <v>13</v>
      </c>
    </row>
    <row r="117" spans="1:4" ht="18" customHeight="1" x14ac:dyDescent="0.15">
      <c r="A117" s="5">
        <v>92</v>
      </c>
      <c r="B117" s="22">
        <v>3</v>
      </c>
      <c r="C117" s="14">
        <v>16</v>
      </c>
      <c r="D117" s="18">
        <v>19</v>
      </c>
    </row>
    <row r="118" spans="1:4" ht="18" customHeight="1" x14ac:dyDescent="0.15">
      <c r="A118" s="5">
        <v>93</v>
      </c>
      <c r="B118" s="22">
        <v>1</v>
      </c>
      <c r="C118" s="14">
        <v>9</v>
      </c>
      <c r="D118" s="18">
        <v>10</v>
      </c>
    </row>
    <row r="119" spans="1:4" ht="18" customHeight="1" x14ac:dyDescent="0.15">
      <c r="A119" s="5">
        <v>94</v>
      </c>
      <c r="B119" s="22">
        <v>0</v>
      </c>
      <c r="C119" s="14">
        <v>6</v>
      </c>
      <c r="D119" s="18">
        <v>6</v>
      </c>
    </row>
    <row r="120" spans="1:4" ht="18" customHeight="1" x14ac:dyDescent="0.15">
      <c r="A120" s="5" t="s">
        <v>39</v>
      </c>
      <c r="B120" s="22">
        <v>16</v>
      </c>
      <c r="C120" s="14">
        <v>58</v>
      </c>
      <c r="D120" s="18">
        <v>74</v>
      </c>
    </row>
    <row r="121" spans="1:4" ht="18" customHeight="1" x14ac:dyDescent="0.15">
      <c r="A121" s="5">
        <v>95</v>
      </c>
      <c r="B121" s="22">
        <v>3</v>
      </c>
      <c r="C121" s="14">
        <v>4</v>
      </c>
      <c r="D121" s="18">
        <v>7</v>
      </c>
    </row>
    <row r="122" spans="1:4" ht="18" customHeight="1" x14ac:dyDescent="0.15">
      <c r="A122" s="5">
        <v>96</v>
      </c>
      <c r="B122" s="22">
        <v>0</v>
      </c>
      <c r="C122" s="14">
        <v>3</v>
      </c>
      <c r="D122" s="18">
        <v>3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2</v>
      </c>
      <c r="C124" s="14">
        <v>4</v>
      </c>
      <c r="D124" s="18">
        <v>6</v>
      </c>
    </row>
    <row r="125" spans="1:4" ht="18" customHeight="1" x14ac:dyDescent="0.15">
      <c r="A125" s="5">
        <v>99</v>
      </c>
      <c r="B125" s="22">
        <v>0</v>
      </c>
      <c r="C125" s="14">
        <v>4</v>
      </c>
      <c r="D125" s="18">
        <v>4</v>
      </c>
    </row>
    <row r="126" spans="1:4" ht="18" customHeight="1" x14ac:dyDescent="0.15">
      <c r="A126" s="5" t="s">
        <v>40</v>
      </c>
      <c r="B126" s="22">
        <v>6</v>
      </c>
      <c r="C126" s="14">
        <v>18</v>
      </c>
      <c r="D126" s="18">
        <v>24</v>
      </c>
    </row>
    <row r="127" spans="1:4" ht="18" customHeight="1" x14ac:dyDescent="0.15">
      <c r="A127" s="5">
        <v>100</v>
      </c>
      <c r="B127" s="22">
        <v>0</v>
      </c>
      <c r="C127" s="14">
        <v>5</v>
      </c>
      <c r="D127" s="18">
        <v>5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9</v>
      </c>
      <c r="D129" s="18">
        <v>9</v>
      </c>
    </row>
    <row r="130" spans="1:4" ht="18" customHeight="1" x14ac:dyDescent="0.15">
      <c r="A130" s="5" t="s">
        <v>46</v>
      </c>
      <c r="B130" s="22">
        <v>612</v>
      </c>
      <c r="C130" s="14">
        <v>812</v>
      </c>
      <c r="D130" s="18">
        <v>1424</v>
      </c>
    </row>
    <row r="131" spans="1:4" ht="18" customHeight="1" x14ac:dyDescent="0.15">
      <c r="A131" s="7" t="s">
        <v>45</v>
      </c>
      <c r="B131" s="23">
        <v>2244</v>
      </c>
      <c r="C131" s="15">
        <v>2345</v>
      </c>
      <c r="D131" s="19">
        <v>458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C00-000000000000}">
  <sheetPr codeName="Sheet7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2</v>
      </c>
      <c r="C5" s="29">
        <v>1</v>
      </c>
      <c r="D5" s="31">
        <v>3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1</v>
      </c>
      <c r="C7" s="14">
        <v>0</v>
      </c>
      <c r="D7" s="18">
        <v>1</v>
      </c>
    </row>
    <row r="8" spans="1:4" ht="18" customHeight="1" x14ac:dyDescent="0.15">
      <c r="A8" s="5">
        <v>3</v>
      </c>
      <c r="B8" s="27">
        <v>0</v>
      </c>
      <c r="C8" s="14">
        <v>1</v>
      </c>
      <c r="D8" s="18">
        <v>1</v>
      </c>
    </row>
    <row r="9" spans="1:4" ht="18" customHeight="1" x14ac:dyDescent="0.15">
      <c r="A9" s="5">
        <v>4</v>
      </c>
      <c r="B9" s="28">
        <v>1</v>
      </c>
      <c r="C9" s="30">
        <v>2</v>
      </c>
      <c r="D9" s="32">
        <v>3</v>
      </c>
    </row>
    <row r="10" spans="1:4" ht="18" customHeight="1" x14ac:dyDescent="0.15">
      <c r="A10" s="5" t="s">
        <v>7</v>
      </c>
      <c r="B10" s="22">
        <v>4</v>
      </c>
      <c r="C10" s="14">
        <v>4</v>
      </c>
      <c r="D10" s="18">
        <v>8</v>
      </c>
    </row>
    <row r="11" spans="1:4" ht="18" customHeight="1" x14ac:dyDescent="0.15">
      <c r="A11" s="5">
        <v>5</v>
      </c>
      <c r="B11" s="27">
        <v>1</v>
      </c>
      <c r="C11" s="14">
        <v>1</v>
      </c>
      <c r="D11" s="18">
        <v>2</v>
      </c>
    </row>
    <row r="12" spans="1:4" ht="18" customHeight="1" x14ac:dyDescent="0.15">
      <c r="A12" s="5">
        <v>6</v>
      </c>
      <c r="B12" s="27">
        <v>0</v>
      </c>
      <c r="C12" s="14">
        <v>1</v>
      </c>
      <c r="D12" s="18">
        <v>1</v>
      </c>
    </row>
    <row r="13" spans="1:4" ht="18" customHeight="1" x14ac:dyDescent="0.15">
      <c r="A13" s="5">
        <v>7</v>
      </c>
      <c r="B13" s="27">
        <v>2</v>
      </c>
      <c r="C13" s="14">
        <v>0</v>
      </c>
      <c r="D13" s="18">
        <v>2</v>
      </c>
    </row>
    <row r="14" spans="1:4" ht="18" customHeight="1" x14ac:dyDescent="0.15">
      <c r="A14" s="5">
        <v>8</v>
      </c>
      <c r="B14" s="27">
        <v>3</v>
      </c>
      <c r="C14" s="14">
        <v>3</v>
      </c>
      <c r="D14" s="18">
        <v>6</v>
      </c>
    </row>
    <row r="15" spans="1:4" ht="18" customHeight="1" x14ac:dyDescent="0.15">
      <c r="A15" s="5">
        <v>9</v>
      </c>
      <c r="B15" s="27">
        <v>5</v>
      </c>
      <c r="C15" s="14">
        <v>2</v>
      </c>
      <c r="D15" s="18">
        <v>7</v>
      </c>
    </row>
    <row r="16" spans="1:4" ht="18" customHeight="1" x14ac:dyDescent="0.15">
      <c r="A16" s="5" t="s">
        <v>11</v>
      </c>
      <c r="B16" s="22">
        <v>11</v>
      </c>
      <c r="C16" s="14">
        <v>7</v>
      </c>
      <c r="D16" s="18">
        <v>18</v>
      </c>
    </row>
    <row r="17" spans="1:4" ht="18" customHeight="1" x14ac:dyDescent="0.15">
      <c r="A17" s="5">
        <v>10</v>
      </c>
      <c r="B17" s="22">
        <v>3</v>
      </c>
      <c r="C17" s="14">
        <v>3</v>
      </c>
      <c r="D17" s="18">
        <v>6</v>
      </c>
    </row>
    <row r="18" spans="1:4" ht="18" customHeight="1" x14ac:dyDescent="0.15">
      <c r="A18" s="5">
        <v>11</v>
      </c>
      <c r="B18" s="22">
        <v>1</v>
      </c>
      <c r="C18" s="14">
        <v>2</v>
      </c>
      <c r="D18" s="18">
        <v>3</v>
      </c>
    </row>
    <row r="19" spans="1:4" ht="18" customHeight="1" x14ac:dyDescent="0.15">
      <c r="A19" s="5">
        <v>12</v>
      </c>
      <c r="B19" s="22">
        <v>0</v>
      </c>
      <c r="C19" s="14">
        <v>1</v>
      </c>
      <c r="D19" s="18">
        <v>1</v>
      </c>
    </row>
    <row r="20" spans="1:4" ht="18" customHeight="1" x14ac:dyDescent="0.15">
      <c r="A20" s="5">
        <v>13</v>
      </c>
      <c r="B20" s="22">
        <v>3</v>
      </c>
      <c r="C20" s="14">
        <v>3</v>
      </c>
      <c r="D20" s="18">
        <v>6</v>
      </c>
    </row>
    <row r="21" spans="1:4" ht="18" customHeight="1" x14ac:dyDescent="0.15">
      <c r="A21" s="5">
        <v>14</v>
      </c>
      <c r="B21" s="22">
        <v>2</v>
      </c>
      <c r="C21" s="14">
        <v>3</v>
      </c>
      <c r="D21" s="18">
        <v>5</v>
      </c>
    </row>
    <row r="22" spans="1:4" ht="18" customHeight="1" x14ac:dyDescent="0.15">
      <c r="A22" s="5" t="s">
        <v>12</v>
      </c>
      <c r="B22" s="22">
        <v>9</v>
      </c>
      <c r="C22" s="14">
        <v>12</v>
      </c>
      <c r="D22" s="18">
        <v>21</v>
      </c>
    </row>
    <row r="23" spans="1:4" ht="18" customHeight="1" x14ac:dyDescent="0.15">
      <c r="A23" s="5" t="s">
        <v>6</v>
      </c>
      <c r="B23" s="22">
        <v>24</v>
      </c>
      <c r="C23" s="14">
        <v>23</v>
      </c>
      <c r="D23" s="18">
        <v>47</v>
      </c>
    </row>
    <row r="24" spans="1:4" ht="18" customHeight="1" x14ac:dyDescent="0.15">
      <c r="A24" s="5">
        <v>15</v>
      </c>
      <c r="B24" s="22">
        <v>5</v>
      </c>
      <c r="C24" s="14">
        <v>1</v>
      </c>
      <c r="D24" s="18">
        <v>6</v>
      </c>
    </row>
    <row r="25" spans="1:4" ht="18" customHeight="1" x14ac:dyDescent="0.15">
      <c r="A25" s="5">
        <v>16</v>
      </c>
      <c r="B25" s="22">
        <v>3</v>
      </c>
      <c r="C25" s="14">
        <v>4</v>
      </c>
      <c r="D25" s="18">
        <v>7</v>
      </c>
    </row>
    <row r="26" spans="1:4" ht="18" customHeight="1" x14ac:dyDescent="0.15">
      <c r="A26" s="5">
        <v>17</v>
      </c>
      <c r="B26" s="22">
        <v>3</v>
      </c>
      <c r="C26" s="14">
        <v>3</v>
      </c>
      <c r="D26" s="18">
        <v>6</v>
      </c>
    </row>
    <row r="27" spans="1:4" ht="18" customHeight="1" x14ac:dyDescent="0.15">
      <c r="A27" s="5">
        <v>18</v>
      </c>
      <c r="B27" s="22">
        <v>1</v>
      </c>
      <c r="C27" s="14">
        <v>1</v>
      </c>
      <c r="D27" s="18">
        <v>2</v>
      </c>
    </row>
    <row r="28" spans="1:4" ht="18" customHeight="1" x14ac:dyDescent="0.15">
      <c r="A28" s="5">
        <v>19</v>
      </c>
      <c r="B28" s="22">
        <v>4</v>
      </c>
      <c r="C28" s="14">
        <v>3</v>
      </c>
      <c r="D28" s="18">
        <v>7</v>
      </c>
    </row>
    <row r="29" spans="1:4" ht="18" customHeight="1" x14ac:dyDescent="0.15">
      <c r="A29" s="5" t="s">
        <v>14</v>
      </c>
      <c r="B29" s="22">
        <v>16</v>
      </c>
      <c r="C29" s="14">
        <v>12</v>
      </c>
      <c r="D29" s="18">
        <v>28</v>
      </c>
    </row>
    <row r="30" spans="1:4" ht="18" customHeight="1" x14ac:dyDescent="0.15">
      <c r="A30" s="5">
        <v>20</v>
      </c>
      <c r="B30" s="22">
        <v>4</v>
      </c>
      <c r="C30" s="14">
        <v>1</v>
      </c>
      <c r="D30" s="18">
        <v>5</v>
      </c>
    </row>
    <row r="31" spans="1:4" ht="18" customHeight="1" x14ac:dyDescent="0.15">
      <c r="A31" s="5">
        <v>21</v>
      </c>
      <c r="B31" s="22">
        <v>7</v>
      </c>
      <c r="C31" s="14">
        <v>4</v>
      </c>
      <c r="D31" s="18">
        <v>11</v>
      </c>
    </row>
    <row r="32" spans="1:4" ht="18" customHeight="1" x14ac:dyDescent="0.15">
      <c r="A32" s="5">
        <v>22</v>
      </c>
      <c r="B32" s="22">
        <v>2</v>
      </c>
      <c r="C32" s="14">
        <v>3</v>
      </c>
      <c r="D32" s="18">
        <v>5</v>
      </c>
    </row>
    <row r="33" spans="1:4" ht="18" customHeight="1" x14ac:dyDescent="0.15">
      <c r="A33" s="5">
        <v>23</v>
      </c>
      <c r="B33" s="22">
        <v>3</v>
      </c>
      <c r="C33" s="14">
        <v>2</v>
      </c>
      <c r="D33" s="18">
        <v>5</v>
      </c>
    </row>
    <row r="34" spans="1:4" ht="18" customHeight="1" x14ac:dyDescent="0.15">
      <c r="A34" s="5">
        <v>24</v>
      </c>
      <c r="B34" s="22">
        <v>2</v>
      </c>
      <c r="C34" s="14">
        <v>2</v>
      </c>
      <c r="D34" s="18">
        <v>4</v>
      </c>
    </row>
    <row r="35" spans="1:4" ht="18" customHeight="1" x14ac:dyDescent="0.15">
      <c r="A35" s="5" t="s">
        <v>9</v>
      </c>
      <c r="B35" s="22">
        <v>18</v>
      </c>
      <c r="C35" s="14">
        <v>12</v>
      </c>
      <c r="D35" s="18">
        <v>30</v>
      </c>
    </row>
    <row r="36" spans="1:4" ht="18" customHeight="1" x14ac:dyDescent="0.15">
      <c r="A36" s="5">
        <v>25</v>
      </c>
      <c r="B36" s="22">
        <v>4</v>
      </c>
      <c r="C36" s="14">
        <v>6</v>
      </c>
      <c r="D36" s="18">
        <v>10</v>
      </c>
    </row>
    <row r="37" spans="1:4" ht="18" customHeight="1" x14ac:dyDescent="0.15">
      <c r="A37" s="5">
        <v>26</v>
      </c>
      <c r="B37" s="22">
        <v>3</v>
      </c>
      <c r="C37" s="14">
        <v>1</v>
      </c>
      <c r="D37" s="18">
        <v>4</v>
      </c>
    </row>
    <row r="38" spans="1:4" ht="18" customHeight="1" x14ac:dyDescent="0.15">
      <c r="A38" s="5">
        <v>27</v>
      </c>
      <c r="B38" s="22">
        <v>5</v>
      </c>
      <c r="C38" s="14">
        <v>2</v>
      </c>
      <c r="D38" s="18">
        <v>7</v>
      </c>
    </row>
    <row r="39" spans="1:4" ht="18" customHeight="1" x14ac:dyDescent="0.15">
      <c r="A39" s="5">
        <v>28</v>
      </c>
      <c r="B39" s="22">
        <v>2</v>
      </c>
      <c r="C39" s="14">
        <v>2</v>
      </c>
      <c r="D39" s="18">
        <v>4</v>
      </c>
    </row>
    <row r="40" spans="1:4" ht="18" customHeight="1" x14ac:dyDescent="0.15">
      <c r="A40" s="5">
        <v>29</v>
      </c>
      <c r="B40" s="22">
        <v>1</v>
      </c>
      <c r="C40" s="14">
        <v>3</v>
      </c>
      <c r="D40" s="18">
        <v>4</v>
      </c>
    </row>
    <row r="41" spans="1:4" ht="18" customHeight="1" x14ac:dyDescent="0.15">
      <c r="A41" s="5" t="s">
        <v>2</v>
      </c>
      <c r="B41" s="22">
        <v>15</v>
      </c>
      <c r="C41" s="14">
        <v>14</v>
      </c>
      <c r="D41" s="18">
        <v>29</v>
      </c>
    </row>
    <row r="42" spans="1:4" ht="18" customHeight="1" x14ac:dyDescent="0.15">
      <c r="A42" s="5">
        <v>30</v>
      </c>
      <c r="B42" s="22">
        <v>3</v>
      </c>
      <c r="C42" s="14">
        <v>6</v>
      </c>
      <c r="D42" s="18">
        <v>9</v>
      </c>
    </row>
    <row r="43" spans="1:4" ht="18" customHeight="1" x14ac:dyDescent="0.15">
      <c r="A43" s="5">
        <v>31</v>
      </c>
      <c r="B43" s="22">
        <v>2</v>
      </c>
      <c r="C43" s="14">
        <v>1</v>
      </c>
      <c r="D43" s="18">
        <v>3</v>
      </c>
    </row>
    <row r="44" spans="1:4" ht="18" customHeight="1" x14ac:dyDescent="0.15">
      <c r="A44" s="5">
        <v>32</v>
      </c>
      <c r="B44" s="22">
        <v>4</v>
      </c>
      <c r="C44" s="14">
        <v>1</v>
      </c>
      <c r="D44" s="18">
        <v>5</v>
      </c>
    </row>
    <row r="45" spans="1:4" ht="18" customHeight="1" x14ac:dyDescent="0.15">
      <c r="A45" s="5">
        <v>33</v>
      </c>
      <c r="B45" s="22">
        <v>4</v>
      </c>
      <c r="C45" s="14">
        <v>0</v>
      </c>
      <c r="D45" s="18">
        <v>4</v>
      </c>
    </row>
    <row r="46" spans="1:4" ht="18" customHeight="1" x14ac:dyDescent="0.15">
      <c r="A46" s="5">
        <v>34</v>
      </c>
      <c r="B46" s="22">
        <v>1</v>
      </c>
      <c r="C46" s="14">
        <v>0</v>
      </c>
      <c r="D46" s="18">
        <v>1</v>
      </c>
    </row>
    <row r="47" spans="1:4" ht="18" customHeight="1" x14ac:dyDescent="0.15">
      <c r="A47" s="5" t="s">
        <v>15</v>
      </c>
      <c r="B47" s="22">
        <v>14</v>
      </c>
      <c r="C47" s="14">
        <v>8</v>
      </c>
      <c r="D47" s="18">
        <v>22</v>
      </c>
    </row>
    <row r="48" spans="1:4" ht="18" customHeight="1" x14ac:dyDescent="0.15">
      <c r="A48" s="5">
        <v>35</v>
      </c>
      <c r="B48" s="22">
        <v>3</v>
      </c>
      <c r="C48" s="14">
        <v>4</v>
      </c>
      <c r="D48" s="18">
        <v>7</v>
      </c>
    </row>
    <row r="49" spans="1:4" ht="18" customHeight="1" x14ac:dyDescent="0.15">
      <c r="A49" s="5">
        <v>36</v>
      </c>
      <c r="B49" s="22">
        <v>8</v>
      </c>
      <c r="C49" s="14">
        <v>2</v>
      </c>
      <c r="D49" s="18">
        <v>10</v>
      </c>
    </row>
    <row r="50" spans="1:4" ht="18" customHeight="1" x14ac:dyDescent="0.15">
      <c r="A50" s="5">
        <v>37</v>
      </c>
      <c r="B50" s="22">
        <v>6</v>
      </c>
      <c r="C50" s="14">
        <v>2</v>
      </c>
      <c r="D50" s="18">
        <v>8</v>
      </c>
    </row>
    <row r="51" spans="1:4" ht="18" customHeight="1" x14ac:dyDescent="0.15">
      <c r="A51" s="5">
        <v>38</v>
      </c>
      <c r="B51" s="22">
        <v>3</v>
      </c>
      <c r="C51" s="14">
        <v>2</v>
      </c>
      <c r="D51" s="18">
        <v>5</v>
      </c>
    </row>
    <row r="52" spans="1:4" ht="18" customHeight="1" x14ac:dyDescent="0.15">
      <c r="A52" s="5">
        <v>39</v>
      </c>
      <c r="B52" s="22">
        <v>7</v>
      </c>
      <c r="C52" s="14">
        <v>3</v>
      </c>
      <c r="D52" s="18">
        <v>10</v>
      </c>
    </row>
    <row r="53" spans="1:4" ht="18" customHeight="1" x14ac:dyDescent="0.15">
      <c r="A53" s="5" t="s">
        <v>18</v>
      </c>
      <c r="B53" s="22">
        <v>27</v>
      </c>
      <c r="C53" s="14">
        <v>13</v>
      </c>
      <c r="D53" s="18">
        <v>40</v>
      </c>
    </row>
    <row r="54" spans="1:4" ht="18" customHeight="1" x14ac:dyDescent="0.15">
      <c r="A54" s="5">
        <v>40</v>
      </c>
      <c r="B54" s="22">
        <v>4</v>
      </c>
      <c r="C54" s="14">
        <v>2</v>
      </c>
      <c r="D54" s="18">
        <v>6</v>
      </c>
    </row>
    <row r="55" spans="1:4" ht="18" customHeight="1" x14ac:dyDescent="0.15">
      <c r="A55" s="5">
        <v>41</v>
      </c>
      <c r="B55" s="22">
        <v>3</v>
      </c>
      <c r="C55" s="14">
        <v>4</v>
      </c>
      <c r="D55" s="18">
        <v>7</v>
      </c>
    </row>
    <row r="56" spans="1:4" ht="18" customHeight="1" x14ac:dyDescent="0.15">
      <c r="A56" s="5">
        <v>42</v>
      </c>
      <c r="B56" s="22">
        <v>1</v>
      </c>
      <c r="C56" s="14">
        <v>3</v>
      </c>
      <c r="D56" s="18">
        <v>4</v>
      </c>
    </row>
    <row r="57" spans="1:4" ht="18" customHeight="1" x14ac:dyDescent="0.15">
      <c r="A57" s="5">
        <v>43</v>
      </c>
      <c r="B57" s="22">
        <v>3</v>
      </c>
      <c r="C57" s="14">
        <v>6</v>
      </c>
      <c r="D57" s="18">
        <v>9</v>
      </c>
    </row>
    <row r="58" spans="1:4" ht="18" customHeight="1" x14ac:dyDescent="0.15">
      <c r="A58" s="5">
        <v>44</v>
      </c>
      <c r="B58" s="22">
        <v>5</v>
      </c>
      <c r="C58" s="14">
        <v>4</v>
      </c>
      <c r="D58" s="18">
        <v>9</v>
      </c>
    </row>
    <row r="59" spans="1:4" ht="18" customHeight="1" x14ac:dyDescent="0.15">
      <c r="A59" s="5" t="s">
        <v>21</v>
      </c>
      <c r="B59" s="22">
        <v>16</v>
      </c>
      <c r="C59" s="14">
        <v>19</v>
      </c>
      <c r="D59" s="18">
        <v>35</v>
      </c>
    </row>
    <row r="60" spans="1:4" ht="18" customHeight="1" x14ac:dyDescent="0.15">
      <c r="A60" s="5">
        <v>45</v>
      </c>
      <c r="B60" s="22">
        <v>1</v>
      </c>
      <c r="C60" s="14">
        <v>1</v>
      </c>
      <c r="D60" s="18">
        <v>2</v>
      </c>
    </row>
    <row r="61" spans="1:4" ht="18" customHeight="1" x14ac:dyDescent="0.15">
      <c r="A61" s="5">
        <v>46</v>
      </c>
      <c r="B61" s="22">
        <v>3</v>
      </c>
      <c r="C61" s="14">
        <v>8</v>
      </c>
      <c r="D61" s="18">
        <v>11</v>
      </c>
    </row>
    <row r="62" spans="1:4" ht="18" customHeight="1" x14ac:dyDescent="0.15">
      <c r="A62" s="5">
        <v>47</v>
      </c>
      <c r="B62" s="22">
        <v>8</v>
      </c>
      <c r="C62" s="14">
        <v>0</v>
      </c>
      <c r="D62" s="18">
        <v>8</v>
      </c>
    </row>
    <row r="63" spans="1:4" ht="18" customHeight="1" x14ac:dyDescent="0.15">
      <c r="A63" s="5">
        <v>48</v>
      </c>
      <c r="B63" s="22">
        <v>5</v>
      </c>
      <c r="C63" s="14">
        <v>1</v>
      </c>
      <c r="D63" s="18">
        <v>6</v>
      </c>
    </row>
    <row r="64" spans="1:4" ht="18" customHeight="1" x14ac:dyDescent="0.15">
      <c r="A64" s="5">
        <v>49</v>
      </c>
      <c r="B64" s="22">
        <v>4</v>
      </c>
      <c r="C64" s="14">
        <v>3</v>
      </c>
      <c r="D64" s="18">
        <v>7</v>
      </c>
    </row>
    <row r="65" spans="1:4" ht="18" customHeight="1" x14ac:dyDescent="0.15">
      <c r="A65" s="5" t="s">
        <v>17</v>
      </c>
      <c r="B65" s="22">
        <v>21</v>
      </c>
      <c r="C65" s="14">
        <v>13</v>
      </c>
      <c r="D65" s="18">
        <v>34</v>
      </c>
    </row>
    <row r="66" spans="1:4" ht="18" customHeight="1" x14ac:dyDescent="0.15">
      <c r="A66" s="5">
        <v>50</v>
      </c>
      <c r="B66" s="22">
        <v>7</v>
      </c>
      <c r="C66" s="14">
        <v>10</v>
      </c>
      <c r="D66" s="18">
        <v>17</v>
      </c>
    </row>
    <row r="67" spans="1:4" ht="18" customHeight="1" x14ac:dyDescent="0.15">
      <c r="A67" s="5">
        <v>51</v>
      </c>
      <c r="B67" s="22">
        <v>6</v>
      </c>
      <c r="C67" s="14">
        <v>3</v>
      </c>
      <c r="D67" s="18">
        <v>9</v>
      </c>
    </row>
    <row r="68" spans="1:4" ht="18" customHeight="1" x14ac:dyDescent="0.15">
      <c r="A68" s="5">
        <v>52</v>
      </c>
      <c r="B68" s="22">
        <v>5</v>
      </c>
      <c r="C68" s="14">
        <v>6</v>
      </c>
      <c r="D68" s="18">
        <v>11</v>
      </c>
    </row>
    <row r="69" spans="1:4" ht="18" customHeight="1" x14ac:dyDescent="0.15">
      <c r="A69" s="5">
        <v>53</v>
      </c>
      <c r="B69" s="22">
        <v>4</v>
      </c>
      <c r="C69" s="14">
        <v>7</v>
      </c>
      <c r="D69" s="18">
        <v>11</v>
      </c>
    </row>
    <row r="70" spans="1:4" ht="18" customHeight="1" x14ac:dyDescent="0.15">
      <c r="A70" s="5">
        <v>54</v>
      </c>
      <c r="B70" s="22">
        <v>3</v>
      </c>
      <c r="C70" s="14">
        <v>4</v>
      </c>
      <c r="D70" s="18">
        <v>7</v>
      </c>
    </row>
    <row r="71" spans="1:4" ht="18" customHeight="1" x14ac:dyDescent="0.15">
      <c r="A71" s="5" t="s">
        <v>22</v>
      </c>
      <c r="B71" s="22">
        <v>25</v>
      </c>
      <c r="C71" s="14">
        <v>30</v>
      </c>
      <c r="D71" s="18">
        <v>55</v>
      </c>
    </row>
    <row r="72" spans="1:4" ht="18" customHeight="1" x14ac:dyDescent="0.15">
      <c r="A72" s="5">
        <v>55</v>
      </c>
      <c r="B72" s="22">
        <v>4</v>
      </c>
      <c r="C72" s="14">
        <v>3</v>
      </c>
      <c r="D72" s="18">
        <v>7</v>
      </c>
    </row>
    <row r="73" spans="1:4" ht="18" customHeight="1" x14ac:dyDescent="0.15">
      <c r="A73" s="5">
        <v>56</v>
      </c>
      <c r="B73" s="22">
        <v>6</v>
      </c>
      <c r="C73" s="14">
        <v>3</v>
      </c>
      <c r="D73" s="18">
        <v>9</v>
      </c>
    </row>
    <row r="74" spans="1:4" ht="18" customHeight="1" x14ac:dyDescent="0.15">
      <c r="A74" s="5">
        <v>57</v>
      </c>
      <c r="B74" s="22">
        <v>9</v>
      </c>
      <c r="C74" s="14">
        <v>5</v>
      </c>
      <c r="D74" s="18">
        <v>14</v>
      </c>
    </row>
    <row r="75" spans="1:4" ht="18" customHeight="1" x14ac:dyDescent="0.15">
      <c r="A75" s="5">
        <v>58</v>
      </c>
      <c r="B75" s="22">
        <v>5</v>
      </c>
      <c r="C75" s="14">
        <v>11</v>
      </c>
      <c r="D75" s="18">
        <v>16</v>
      </c>
    </row>
    <row r="76" spans="1:4" ht="18" customHeight="1" x14ac:dyDescent="0.15">
      <c r="A76" s="5">
        <v>59</v>
      </c>
      <c r="B76" s="22">
        <v>5</v>
      </c>
      <c r="C76" s="14">
        <v>5</v>
      </c>
      <c r="D76" s="18">
        <v>10</v>
      </c>
    </row>
    <row r="77" spans="1:4" ht="18" customHeight="1" x14ac:dyDescent="0.15">
      <c r="A77" s="5" t="s">
        <v>27</v>
      </c>
      <c r="B77" s="22">
        <v>29</v>
      </c>
      <c r="C77" s="14">
        <v>27</v>
      </c>
      <c r="D77" s="18">
        <v>56</v>
      </c>
    </row>
    <row r="78" spans="1:4" ht="18" customHeight="1" x14ac:dyDescent="0.15">
      <c r="A78" s="5">
        <v>60</v>
      </c>
      <c r="B78" s="22">
        <v>3</v>
      </c>
      <c r="C78" s="14">
        <v>7</v>
      </c>
      <c r="D78" s="18">
        <v>10</v>
      </c>
    </row>
    <row r="79" spans="1:4" ht="18" customHeight="1" x14ac:dyDescent="0.15">
      <c r="A79" s="5">
        <v>61</v>
      </c>
      <c r="B79" s="22">
        <v>8</v>
      </c>
      <c r="C79" s="14">
        <v>3</v>
      </c>
      <c r="D79" s="18">
        <v>11</v>
      </c>
    </row>
    <row r="80" spans="1:4" ht="18" customHeight="1" x14ac:dyDescent="0.15">
      <c r="A80" s="5">
        <v>62</v>
      </c>
      <c r="B80" s="22">
        <v>7</v>
      </c>
      <c r="C80" s="14">
        <v>7</v>
      </c>
      <c r="D80" s="18">
        <v>14</v>
      </c>
    </row>
    <row r="81" spans="1:4" ht="18" customHeight="1" x14ac:dyDescent="0.15">
      <c r="A81" s="5">
        <v>63</v>
      </c>
      <c r="B81" s="22">
        <v>8</v>
      </c>
      <c r="C81" s="14">
        <v>6</v>
      </c>
      <c r="D81" s="18">
        <v>14</v>
      </c>
    </row>
    <row r="82" spans="1:4" ht="18" customHeight="1" x14ac:dyDescent="0.15">
      <c r="A82" s="5">
        <v>64</v>
      </c>
      <c r="B82" s="22">
        <v>7</v>
      </c>
      <c r="C82" s="14">
        <v>8</v>
      </c>
      <c r="D82" s="18">
        <v>15</v>
      </c>
    </row>
    <row r="83" spans="1:4" ht="18" customHeight="1" x14ac:dyDescent="0.15">
      <c r="A83" s="5" t="s">
        <v>28</v>
      </c>
      <c r="B83" s="22">
        <v>33</v>
      </c>
      <c r="C83" s="14">
        <v>31</v>
      </c>
      <c r="D83" s="18">
        <v>64</v>
      </c>
    </row>
    <row r="84" spans="1:4" ht="18" customHeight="1" x14ac:dyDescent="0.15">
      <c r="A84" s="5" t="s">
        <v>31</v>
      </c>
      <c r="B84" s="22">
        <v>214</v>
      </c>
      <c r="C84" s="14">
        <v>179</v>
      </c>
      <c r="D84" s="18">
        <v>393</v>
      </c>
    </row>
    <row r="85" spans="1:4" ht="18" customHeight="1" x14ac:dyDescent="0.15">
      <c r="A85" s="5">
        <v>65</v>
      </c>
      <c r="B85" s="22">
        <v>11</v>
      </c>
      <c r="C85" s="14">
        <v>8</v>
      </c>
      <c r="D85" s="18">
        <v>19</v>
      </c>
    </row>
    <row r="86" spans="1:4" ht="18" customHeight="1" x14ac:dyDescent="0.15">
      <c r="A86" s="5">
        <v>66</v>
      </c>
      <c r="B86" s="22">
        <v>8</v>
      </c>
      <c r="C86" s="14">
        <v>6</v>
      </c>
      <c r="D86" s="18">
        <v>14</v>
      </c>
    </row>
    <row r="87" spans="1:4" ht="18" customHeight="1" x14ac:dyDescent="0.15">
      <c r="A87" s="5">
        <v>67</v>
      </c>
      <c r="B87" s="22">
        <v>8</v>
      </c>
      <c r="C87" s="14">
        <v>5</v>
      </c>
      <c r="D87" s="18">
        <v>13</v>
      </c>
    </row>
    <row r="88" spans="1:4" ht="18" customHeight="1" x14ac:dyDescent="0.15">
      <c r="A88" s="5">
        <v>68</v>
      </c>
      <c r="B88" s="22">
        <v>3</v>
      </c>
      <c r="C88" s="14">
        <v>4</v>
      </c>
      <c r="D88" s="18">
        <v>7</v>
      </c>
    </row>
    <row r="89" spans="1:4" ht="18" customHeight="1" x14ac:dyDescent="0.15">
      <c r="A89" s="5">
        <v>69</v>
      </c>
      <c r="B89" s="22">
        <v>7</v>
      </c>
      <c r="C89" s="14">
        <v>5</v>
      </c>
      <c r="D89" s="18">
        <v>12</v>
      </c>
    </row>
    <row r="90" spans="1:4" ht="18" customHeight="1" x14ac:dyDescent="0.15">
      <c r="A90" s="5" t="s">
        <v>20</v>
      </c>
      <c r="B90" s="22">
        <v>37</v>
      </c>
      <c r="C90" s="14">
        <v>28</v>
      </c>
      <c r="D90" s="18">
        <v>65</v>
      </c>
    </row>
    <row r="91" spans="1:4" ht="18" customHeight="1" x14ac:dyDescent="0.15">
      <c r="A91" s="5">
        <v>70</v>
      </c>
      <c r="B91" s="22">
        <v>6</v>
      </c>
      <c r="C91" s="14">
        <v>3</v>
      </c>
      <c r="D91" s="18">
        <v>9</v>
      </c>
    </row>
    <row r="92" spans="1:4" ht="18" customHeight="1" x14ac:dyDescent="0.15">
      <c r="A92" s="5">
        <v>71</v>
      </c>
      <c r="B92" s="22">
        <v>6</v>
      </c>
      <c r="C92" s="14">
        <v>5</v>
      </c>
      <c r="D92" s="18">
        <v>11</v>
      </c>
    </row>
    <row r="93" spans="1:4" ht="18" customHeight="1" x14ac:dyDescent="0.15">
      <c r="A93" s="5">
        <v>72</v>
      </c>
      <c r="B93" s="22">
        <v>10</v>
      </c>
      <c r="C93" s="14">
        <v>7</v>
      </c>
      <c r="D93" s="18">
        <v>17</v>
      </c>
    </row>
    <row r="94" spans="1:4" ht="18" customHeight="1" x14ac:dyDescent="0.15">
      <c r="A94" s="5">
        <v>73</v>
      </c>
      <c r="B94" s="22">
        <v>5</v>
      </c>
      <c r="C94" s="14">
        <v>6</v>
      </c>
      <c r="D94" s="18">
        <v>11</v>
      </c>
    </row>
    <row r="95" spans="1:4" ht="18" customHeight="1" x14ac:dyDescent="0.15">
      <c r="A95" s="5">
        <v>74</v>
      </c>
      <c r="B95" s="22">
        <v>3</v>
      </c>
      <c r="C95" s="14">
        <v>5</v>
      </c>
      <c r="D95" s="18">
        <v>8</v>
      </c>
    </row>
    <row r="96" spans="1:4" ht="18" customHeight="1" x14ac:dyDescent="0.15">
      <c r="A96" s="5" t="s">
        <v>33</v>
      </c>
      <c r="B96" s="22">
        <v>30</v>
      </c>
      <c r="C96" s="14">
        <v>26</v>
      </c>
      <c r="D96" s="18">
        <v>56</v>
      </c>
    </row>
    <row r="97" spans="1:4" ht="18" customHeight="1" x14ac:dyDescent="0.15">
      <c r="A97" s="5">
        <v>75</v>
      </c>
      <c r="B97" s="22">
        <v>8</v>
      </c>
      <c r="C97" s="14">
        <v>10</v>
      </c>
      <c r="D97" s="18">
        <v>18</v>
      </c>
    </row>
    <row r="98" spans="1:4" ht="18" customHeight="1" x14ac:dyDescent="0.15">
      <c r="A98" s="5">
        <v>76</v>
      </c>
      <c r="B98" s="22">
        <v>10</v>
      </c>
      <c r="C98" s="14">
        <v>10</v>
      </c>
      <c r="D98" s="18">
        <v>20</v>
      </c>
    </row>
    <row r="99" spans="1:4" ht="18" customHeight="1" x14ac:dyDescent="0.15">
      <c r="A99" s="5">
        <v>77</v>
      </c>
      <c r="B99" s="22">
        <v>8</v>
      </c>
      <c r="C99" s="14">
        <v>5</v>
      </c>
      <c r="D99" s="18">
        <v>13</v>
      </c>
    </row>
    <row r="100" spans="1:4" ht="18" customHeight="1" x14ac:dyDescent="0.15">
      <c r="A100" s="5">
        <v>78</v>
      </c>
      <c r="B100" s="22">
        <v>3</v>
      </c>
      <c r="C100" s="14">
        <v>14</v>
      </c>
      <c r="D100" s="18">
        <v>17</v>
      </c>
    </row>
    <row r="101" spans="1:4" ht="18" customHeight="1" x14ac:dyDescent="0.15">
      <c r="A101" s="5">
        <v>79</v>
      </c>
      <c r="B101" s="22">
        <v>6</v>
      </c>
      <c r="C101" s="14">
        <v>5</v>
      </c>
      <c r="D101" s="18">
        <v>11</v>
      </c>
    </row>
    <row r="102" spans="1:4" ht="18" customHeight="1" x14ac:dyDescent="0.15">
      <c r="A102" s="5" t="s">
        <v>0</v>
      </c>
      <c r="B102" s="22">
        <v>35</v>
      </c>
      <c r="C102" s="14">
        <v>44</v>
      </c>
      <c r="D102" s="18">
        <v>79</v>
      </c>
    </row>
    <row r="103" spans="1:4" ht="18" customHeight="1" x14ac:dyDescent="0.15">
      <c r="A103" s="5">
        <v>80</v>
      </c>
      <c r="B103" s="22">
        <v>4</v>
      </c>
      <c r="C103" s="14">
        <v>5</v>
      </c>
      <c r="D103" s="18">
        <v>9</v>
      </c>
    </row>
    <row r="104" spans="1:4" ht="18" customHeight="1" x14ac:dyDescent="0.15">
      <c r="A104" s="5">
        <v>81</v>
      </c>
      <c r="B104" s="22">
        <v>2</v>
      </c>
      <c r="C104" s="14">
        <v>5</v>
      </c>
      <c r="D104" s="18">
        <v>7</v>
      </c>
    </row>
    <row r="105" spans="1:4" ht="18" customHeight="1" x14ac:dyDescent="0.15">
      <c r="A105" s="5">
        <v>82</v>
      </c>
      <c r="B105" s="22">
        <v>6</v>
      </c>
      <c r="C105" s="14">
        <v>9</v>
      </c>
      <c r="D105" s="18">
        <v>15</v>
      </c>
    </row>
    <row r="106" spans="1:4" ht="18" customHeight="1" x14ac:dyDescent="0.15">
      <c r="A106" s="5">
        <v>83</v>
      </c>
      <c r="B106" s="22">
        <v>3</v>
      </c>
      <c r="C106" s="14">
        <v>8</v>
      </c>
      <c r="D106" s="18">
        <v>11</v>
      </c>
    </row>
    <row r="107" spans="1:4" ht="18" customHeight="1" x14ac:dyDescent="0.15">
      <c r="A107" s="5">
        <v>84</v>
      </c>
      <c r="B107" s="22">
        <v>7</v>
      </c>
      <c r="C107" s="14">
        <v>4</v>
      </c>
      <c r="D107" s="18">
        <v>11</v>
      </c>
    </row>
    <row r="108" spans="1:4" ht="18" customHeight="1" x14ac:dyDescent="0.15">
      <c r="A108" s="5" t="s">
        <v>35</v>
      </c>
      <c r="B108" s="22">
        <v>22</v>
      </c>
      <c r="C108" s="14">
        <v>31</v>
      </c>
      <c r="D108" s="18">
        <v>53</v>
      </c>
    </row>
    <row r="109" spans="1:4" ht="18" customHeight="1" x14ac:dyDescent="0.15">
      <c r="A109" s="5">
        <v>85</v>
      </c>
      <c r="B109" s="22">
        <v>7</v>
      </c>
      <c r="C109" s="14">
        <v>8</v>
      </c>
      <c r="D109" s="18">
        <v>15</v>
      </c>
    </row>
    <row r="110" spans="1:4" ht="18" customHeight="1" x14ac:dyDescent="0.15">
      <c r="A110" s="5">
        <v>86</v>
      </c>
      <c r="B110" s="22">
        <v>2</v>
      </c>
      <c r="C110" s="14">
        <v>4</v>
      </c>
      <c r="D110" s="18">
        <v>6</v>
      </c>
    </row>
    <row r="111" spans="1:4" ht="18" customHeight="1" x14ac:dyDescent="0.15">
      <c r="A111" s="5">
        <v>87</v>
      </c>
      <c r="B111" s="22">
        <v>1</v>
      </c>
      <c r="C111" s="14">
        <v>9</v>
      </c>
      <c r="D111" s="18">
        <v>10</v>
      </c>
    </row>
    <row r="112" spans="1:4" ht="18" customHeight="1" x14ac:dyDescent="0.15">
      <c r="A112" s="5">
        <v>88</v>
      </c>
      <c r="B112" s="22">
        <v>4</v>
      </c>
      <c r="C112" s="14">
        <v>11</v>
      </c>
      <c r="D112" s="18">
        <v>15</v>
      </c>
    </row>
    <row r="113" spans="1:4" ht="18" customHeight="1" x14ac:dyDescent="0.15">
      <c r="A113" s="5">
        <v>89</v>
      </c>
      <c r="B113" s="22">
        <v>2</v>
      </c>
      <c r="C113" s="14">
        <v>3</v>
      </c>
      <c r="D113" s="18">
        <v>5</v>
      </c>
    </row>
    <row r="114" spans="1:4" ht="18" customHeight="1" x14ac:dyDescent="0.15">
      <c r="A114" s="5" t="s">
        <v>37</v>
      </c>
      <c r="B114" s="22">
        <v>16</v>
      </c>
      <c r="C114" s="14">
        <v>35</v>
      </c>
      <c r="D114" s="18">
        <v>51</v>
      </c>
    </row>
    <row r="115" spans="1:4" ht="18" customHeight="1" x14ac:dyDescent="0.15">
      <c r="A115" s="5">
        <v>90</v>
      </c>
      <c r="B115" s="22">
        <v>1</v>
      </c>
      <c r="C115" s="14">
        <v>6</v>
      </c>
      <c r="D115" s="18">
        <v>7</v>
      </c>
    </row>
    <row r="116" spans="1:4" ht="18" customHeight="1" x14ac:dyDescent="0.15">
      <c r="A116" s="5">
        <v>91</v>
      </c>
      <c r="B116" s="22">
        <v>1</v>
      </c>
      <c r="C116" s="14">
        <v>4</v>
      </c>
      <c r="D116" s="18">
        <v>5</v>
      </c>
    </row>
    <row r="117" spans="1:4" ht="18" customHeight="1" x14ac:dyDescent="0.15">
      <c r="A117" s="5">
        <v>92</v>
      </c>
      <c r="B117" s="22">
        <v>0</v>
      </c>
      <c r="C117" s="14">
        <v>0</v>
      </c>
      <c r="D117" s="18">
        <v>0</v>
      </c>
    </row>
    <row r="118" spans="1:4" ht="18" customHeight="1" x14ac:dyDescent="0.15">
      <c r="A118" s="5">
        <v>93</v>
      </c>
      <c r="B118" s="22">
        <v>0</v>
      </c>
      <c r="C118" s="14">
        <v>2</v>
      </c>
      <c r="D118" s="18">
        <v>2</v>
      </c>
    </row>
    <row r="119" spans="1:4" ht="18" customHeight="1" x14ac:dyDescent="0.15">
      <c r="A119" s="5">
        <v>94</v>
      </c>
      <c r="B119" s="22">
        <v>0</v>
      </c>
      <c r="C119" s="14">
        <v>1</v>
      </c>
      <c r="D119" s="18">
        <v>1</v>
      </c>
    </row>
    <row r="120" spans="1:4" ht="18" customHeight="1" x14ac:dyDescent="0.15">
      <c r="A120" s="5" t="s">
        <v>39</v>
      </c>
      <c r="B120" s="22">
        <v>2</v>
      </c>
      <c r="C120" s="14">
        <v>13</v>
      </c>
      <c r="D120" s="18">
        <v>15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2</v>
      </c>
      <c r="C124" s="14">
        <v>1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2</v>
      </c>
      <c r="C126" s="14">
        <v>5</v>
      </c>
      <c r="D126" s="18">
        <v>7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144</v>
      </c>
      <c r="C130" s="14">
        <v>184</v>
      </c>
      <c r="D130" s="18">
        <v>328</v>
      </c>
    </row>
    <row r="131" spans="1:4" ht="18" customHeight="1" x14ac:dyDescent="0.15">
      <c r="A131" s="7" t="s">
        <v>45</v>
      </c>
      <c r="B131" s="23">
        <v>382</v>
      </c>
      <c r="C131" s="15">
        <v>386</v>
      </c>
      <c r="D131" s="19">
        <v>76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D00-000000000000}">
  <sheetPr codeName="Sheet7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2</v>
      </c>
      <c r="C5" s="29">
        <v>9</v>
      </c>
      <c r="D5" s="31">
        <v>21</v>
      </c>
    </row>
    <row r="6" spans="1:4" ht="18" customHeight="1" x14ac:dyDescent="0.15">
      <c r="A6" s="5">
        <v>1</v>
      </c>
      <c r="B6" s="27">
        <v>13</v>
      </c>
      <c r="C6" s="14">
        <v>7</v>
      </c>
      <c r="D6" s="18">
        <v>20</v>
      </c>
    </row>
    <row r="7" spans="1:4" ht="18" customHeight="1" x14ac:dyDescent="0.15">
      <c r="A7" s="5">
        <v>2</v>
      </c>
      <c r="B7" s="27">
        <v>13</v>
      </c>
      <c r="C7" s="14">
        <v>12</v>
      </c>
      <c r="D7" s="18">
        <v>25</v>
      </c>
    </row>
    <row r="8" spans="1:4" ht="18" customHeight="1" x14ac:dyDescent="0.15">
      <c r="A8" s="5">
        <v>3</v>
      </c>
      <c r="B8" s="27">
        <v>9</v>
      </c>
      <c r="C8" s="14">
        <v>13</v>
      </c>
      <c r="D8" s="18">
        <v>22</v>
      </c>
    </row>
    <row r="9" spans="1:4" ht="18" customHeight="1" x14ac:dyDescent="0.15">
      <c r="A9" s="5">
        <v>4</v>
      </c>
      <c r="B9" s="28">
        <v>13</v>
      </c>
      <c r="C9" s="30">
        <v>19</v>
      </c>
      <c r="D9" s="32">
        <v>32</v>
      </c>
    </row>
    <row r="10" spans="1:4" ht="18" customHeight="1" x14ac:dyDescent="0.15">
      <c r="A10" s="5" t="s">
        <v>7</v>
      </c>
      <c r="B10" s="22">
        <v>60</v>
      </c>
      <c r="C10" s="14">
        <v>60</v>
      </c>
      <c r="D10" s="18">
        <v>120</v>
      </c>
    </row>
    <row r="11" spans="1:4" ht="18" customHeight="1" x14ac:dyDescent="0.15">
      <c r="A11" s="5">
        <v>5</v>
      </c>
      <c r="B11" s="27">
        <v>16</v>
      </c>
      <c r="C11" s="14">
        <v>16</v>
      </c>
      <c r="D11" s="18">
        <v>32</v>
      </c>
    </row>
    <row r="12" spans="1:4" ht="18" customHeight="1" x14ac:dyDescent="0.15">
      <c r="A12" s="5">
        <v>6</v>
      </c>
      <c r="B12" s="27">
        <v>13</v>
      </c>
      <c r="C12" s="14">
        <v>18</v>
      </c>
      <c r="D12" s="18">
        <v>31</v>
      </c>
    </row>
    <row r="13" spans="1:4" ht="18" customHeight="1" x14ac:dyDescent="0.15">
      <c r="A13" s="5">
        <v>7</v>
      </c>
      <c r="B13" s="27">
        <v>23</v>
      </c>
      <c r="C13" s="14">
        <v>21</v>
      </c>
      <c r="D13" s="18">
        <v>44</v>
      </c>
    </row>
    <row r="14" spans="1:4" ht="18" customHeight="1" x14ac:dyDescent="0.15">
      <c r="A14" s="5">
        <v>8</v>
      </c>
      <c r="B14" s="27">
        <v>23</v>
      </c>
      <c r="C14" s="14">
        <v>30</v>
      </c>
      <c r="D14" s="18">
        <v>53</v>
      </c>
    </row>
    <row r="15" spans="1:4" ht="18" customHeight="1" x14ac:dyDescent="0.15">
      <c r="A15" s="5">
        <v>9</v>
      </c>
      <c r="B15" s="27">
        <v>34</v>
      </c>
      <c r="C15" s="14">
        <v>19</v>
      </c>
      <c r="D15" s="18">
        <v>53</v>
      </c>
    </row>
    <row r="16" spans="1:4" ht="18" customHeight="1" x14ac:dyDescent="0.15">
      <c r="A16" s="5" t="s">
        <v>11</v>
      </c>
      <c r="B16" s="22">
        <v>109</v>
      </c>
      <c r="C16" s="14">
        <v>104</v>
      </c>
      <c r="D16" s="18">
        <v>213</v>
      </c>
    </row>
    <row r="17" spans="1:4" ht="18" customHeight="1" x14ac:dyDescent="0.15">
      <c r="A17" s="5">
        <v>10</v>
      </c>
      <c r="B17" s="22">
        <v>30</v>
      </c>
      <c r="C17" s="14">
        <v>25</v>
      </c>
      <c r="D17" s="18">
        <v>55</v>
      </c>
    </row>
    <row r="18" spans="1:4" ht="18" customHeight="1" x14ac:dyDescent="0.15">
      <c r="A18" s="5">
        <v>11</v>
      </c>
      <c r="B18" s="22">
        <v>33</v>
      </c>
      <c r="C18" s="14">
        <v>25</v>
      </c>
      <c r="D18" s="18">
        <v>58</v>
      </c>
    </row>
    <row r="19" spans="1:4" ht="18" customHeight="1" x14ac:dyDescent="0.15">
      <c r="A19" s="5">
        <v>12</v>
      </c>
      <c r="B19" s="22">
        <v>19</v>
      </c>
      <c r="C19" s="14">
        <v>26</v>
      </c>
      <c r="D19" s="18">
        <v>45</v>
      </c>
    </row>
    <row r="20" spans="1:4" ht="18" customHeight="1" x14ac:dyDescent="0.15">
      <c r="A20" s="5">
        <v>13</v>
      </c>
      <c r="B20" s="22">
        <v>41</v>
      </c>
      <c r="C20" s="14">
        <v>29</v>
      </c>
      <c r="D20" s="18">
        <v>70</v>
      </c>
    </row>
    <row r="21" spans="1:4" ht="18" customHeight="1" x14ac:dyDescent="0.15">
      <c r="A21" s="5">
        <v>14</v>
      </c>
      <c r="B21" s="22">
        <v>34</v>
      </c>
      <c r="C21" s="14">
        <v>27</v>
      </c>
      <c r="D21" s="18">
        <v>61</v>
      </c>
    </row>
    <row r="22" spans="1:4" ht="18" customHeight="1" x14ac:dyDescent="0.15">
      <c r="A22" s="5" t="s">
        <v>12</v>
      </c>
      <c r="B22" s="22">
        <v>157</v>
      </c>
      <c r="C22" s="14">
        <v>132</v>
      </c>
      <c r="D22" s="18">
        <v>289</v>
      </c>
    </row>
    <row r="23" spans="1:4" ht="18" customHeight="1" x14ac:dyDescent="0.15">
      <c r="A23" s="5" t="s">
        <v>6</v>
      </c>
      <c r="B23" s="22">
        <v>326</v>
      </c>
      <c r="C23" s="14">
        <v>296</v>
      </c>
      <c r="D23" s="18">
        <v>622</v>
      </c>
    </row>
    <row r="24" spans="1:4" ht="18" customHeight="1" x14ac:dyDescent="0.15">
      <c r="A24" s="5">
        <v>15</v>
      </c>
      <c r="B24" s="22">
        <v>30</v>
      </c>
      <c r="C24" s="14">
        <v>20</v>
      </c>
      <c r="D24" s="18">
        <v>50</v>
      </c>
    </row>
    <row r="25" spans="1:4" ht="18" customHeight="1" x14ac:dyDescent="0.15">
      <c r="A25" s="5">
        <v>16</v>
      </c>
      <c r="B25" s="22">
        <v>36</v>
      </c>
      <c r="C25" s="14">
        <v>34</v>
      </c>
      <c r="D25" s="18">
        <v>70</v>
      </c>
    </row>
    <row r="26" spans="1:4" ht="18" customHeight="1" x14ac:dyDescent="0.15">
      <c r="A26" s="5">
        <v>17</v>
      </c>
      <c r="B26" s="22">
        <v>41</v>
      </c>
      <c r="C26" s="14">
        <v>35</v>
      </c>
      <c r="D26" s="18">
        <v>76</v>
      </c>
    </row>
    <row r="27" spans="1:4" ht="18" customHeight="1" x14ac:dyDescent="0.15">
      <c r="A27" s="5">
        <v>18</v>
      </c>
      <c r="B27" s="22">
        <v>32</v>
      </c>
      <c r="C27" s="14">
        <v>38</v>
      </c>
      <c r="D27" s="18">
        <v>70</v>
      </c>
    </row>
    <row r="28" spans="1:4" ht="18" customHeight="1" x14ac:dyDescent="0.15">
      <c r="A28" s="5">
        <v>19</v>
      </c>
      <c r="B28" s="22">
        <v>45</v>
      </c>
      <c r="C28" s="14">
        <v>35</v>
      </c>
      <c r="D28" s="18">
        <v>80</v>
      </c>
    </row>
    <row r="29" spans="1:4" ht="18" customHeight="1" x14ac:dyDescent="0.15">
      <c r="A29" s="5" t="s">
        <v>14</v>
      </c>
      <c r="B29" s="22">
        <v>184</v>
      </c>
      <c r="C29" s="14">
        <v>162</v>
      </c>
      <c r="D29" s="18">
        <v>346</v>
      </c>
    </row>
    <row r="30" spans="1:4" ht="18" customHeight="1" x14ac:dyDescent="0.15">
      <c r="A30" s="5">
        <v>20</v>
      </c>
      <c r="B30" s="22">
        <v>34</v>
      </c>
      <c r="C30" s="14">
        <v>32</v>
      </c>
      <c r="D30" s="18">
        <v>66</v>
      </c>
    </row>
    <row r="31" spans="1:4" ht="18" customHeight="1" x14ac:dyDescent="0.15">
      <c r="A31" s="5">
        <v>21</v>
      </c>
      <c r="B31" s="22">
        <v>56</v>
      </c>
      <c r="C31" s="14">
        <v>43</v>
      </c>
      <c r="D31" s="18">
        <v>99</v>
      </c>
    </row>
    <row r="32" spans="1:4" ht="18" customHeight="1" x14ac:dyDescent="0.15">
      <c r="A32" s="5">
        <v>22</v>
      </c>
      <c r="B32" s="22">
        <v>42</v>
      </c>
      <c r="C32" s="14">
        <v>38</v>
      </c>
      <c r="D32" s="18">
        <v>80</v>
      </c>
    </row>
    <row r="33" spans="1:4" ht="18" customHeight="1" x14ac:dyDescent="0.15">
      <c r="A33" s="5">
        <v>23</v>
      </c>
      <c r="B33" s="22">
        <v>46</v>
      </c>
      <c r="C33" s="14">
        <v>33</v>
      </c>
      <c r="D33" s="18">
        <v>79</v>
      </c>
    </row>
    <row r="34" spans="1:4" ht="18" customHeight="1" x14ac:dyDescent="0.15">
      <c r="A34" s="5">
        <v>24</v>
      </c>
      <c r="B34" s="22">
        <v>35</v>
      </c>
      <c r="C34" s="14">
        <v>38</v>
      </c>
      <c r="D34" s="18">
        <v>73</v>
      </c>
    </row>
    <row r="35" spans="1:4" ht="18" customHeight="1" x14ac:dyDescent="0.15">
      <c r="A35" s="5" t="s">
        <v>9</v>
      </c>
      <c r="B35" s="22">
        <v>213</v>
      </c>
      <c r="C35" s="14">
        <v>184</v>
      </c>
      <c r="D35" s="18">
        <v>397</v>
      </c>
    </row>
    <row r="36" spans="1:4" ht="18" customHeight="1" x14ac:dyDescent="0.15">
      <c r="A36" s="5">
        <v>25</v>
      </c>
      <c r="B36" s="22">
        <v>40</v>
      </c>
      <c r="C36" s="14">
        <v>37</v>
      </c>
      <c r="D36" s="18">
        <v>77</v>
      </c>
    </row>
    <row r="37" spans="1:4" ht="18" customHeight="1" x14ac:dyDescent="0.15">
      <c r="A37" s="5">
        <v>26</v>
      </c>
      <c r="B37" s="22">
        <v>38</v>
      </c>
      <c r="C37" s="14">
        <v>26</v>
      </c>
      <c r="D37" s="18">
        <v>64</v>
      </c>
    </row>
    <row r="38" spans="1:4" ht="18" customHeight="1" x14ac:dyDescent="0.15">
      <c r="A38" s="5">
        <v>27</v>
      </c>
      <c r="B38" s="22">
        <v>35</v>
      </c>
      <c r="C38" s="14">
        <v>31</v>
      </c>
      <c r="D38" s="18">
        <v>66</v>
      </c>
    </row>
    <row r="39" spans="1:4" ht="18" customHeight="1" x14ac:dyDescent="0.15">
      <c r="A39" s="5">
        <v>28</v>
      </c>
      <c r="B39" s="22">
        <v>39</v>
      </c>
      <c r="C39" s="14">
        <v>30</v>
      </c>
      <c r="D39" s="18">
        <v>69</v>
      </c>
    </row>
    <row r="40" spans="1:4" ht="18" customHeight="1" x14ac:dyDescent="0.15">
      <c r="A40" s="5">
        <v>29</v>
      </c>
      <c r="B40" s="22">
        <v>31</v>
      </c>
      <c r="C40" s="14">
        <v>29</v>
      </c>
      <c r="D40" s="18">
        <v>60</v>
      </c>
    </row>
    <row r="41" spans="1:4" ht="18" customHeight="1" x14ac:dyDescent="0.15">
      <c r="A41" s="5" t="s">
        <v>2</v>
      </c>
      <c r="B41" s="22">
        <v>183</v>
      </c>
      <c r="C41" s="14">
        <v>153</v>
      </c>
      <c r="D41" s="18">
        <v>336</v>
      </c>
    </row>
    <row r="42" spans="1:4" ht="18" customHeight="1" x14ac:dyDescent="0.15">
      <c r="A42" s="5">
        <v>30</v>
      </c>
      <c r="B42" s="22">
        <v>31</v>
      </c>
      <c r="C42" s="14">
        <v>26</v>
      </c>
      <c r="D42" s="18">
        <v>57</v>
      </c>
    </row>
    <row r="43" spans="1:4" ht="18" customHeight="1" x14ac:dyDescent="0.15">
      <c r="A43" s="5">
        <v>31</v>
      </c>
      <c r="B43" s="22">
        <v>29</v>
      </c>
      <c r="C43" s="14">
        <v>31</v>
      </c>
      <c r="D43" s="18">
        <v>60</v>
      </c>
    </row>
    <row r="44" spans="1:4" ht="18" customHeight="1" x14ac:dyDescent="0.15">
      <c r="A44" s="5">
        <v>32</v>
      </c>
      <c r="B44" s="22">
        <v>24</v>
      </c>
      <c r="C44" s="14">
        <v>22</v>
      </c>
      <c r="D44" s="18">
        <v>46</v>
      </c>
    </row>
    <row r="45" spans="1:4" ht="18" customHeight="1" x14ac:dyDescent="0.15">
      <c r="A45" s="5">
        <v>33</v>
      </c>
      <c r="B45" s="22">
        <v>28</v>
      </c>
      <c r="C45" s="14">
        <v>23</v>
      </c>
      <c r="D45" s="18">
        <v>51</v>
      </c>
    </row>
    <row r="46" spans="1:4" ht="18" customHeight="1" x14ac:dyDescent="0.15">
      <c r="A46" s="5">
        <v>34</v>
      </c>
      <c r="B46" s="22">
        <v>22</v>
      </c>
      <c r="C46" s="14">
        <v>24</v>
      </c>
      <c r="D46" s="18">
        <v>46</v>
      </c>
    </row>
    <row r="47" spans="1:4" ht="18" customHeight="1" x14ac:dyDescent="0.15">
      <c r="A47" s="5" t="s">
        <v>15</v>
      </c>
      <c r="B47" s="22">
        <v>134</v>
      </c>
      <c r="C47" s="14">
        <v>126</v>
      </c>
      <c r="D47" s="18">
        <v>260</v>
      </c>
    </row>
    <row r="48" spans="1:4" ht="18" customHeight="1" x14ac:dyDescent="0.15">
      <c r="A48" s="5">
        <v>35</v>
      </c>
      <c r="B48" s="22">
        <v>16</v>
      </c>
      <c r="C48" s="14">
        <v>22</v>
      </c>
      <c r="D48" s="18">
        <v>38</v>
      </c>
    </row>
    <row r="49" spans="1:4" ht="18" customHeight="1" x14ac:dyDescent="0.15">
      <c r="A49" s="5">
        <v>36</v>
      </c>
      <c r="B49" s="22">
        <v>37</v>
      </c>
      <c r="C49" s="14">
        <v>28</v>
      </c>
      <c r="D49" s="18">
        <v>65</v>
      </c>
    </row>
    <row r="50" spans="1:4" ht="18" customHeight="1" x14ac:dyDescent="0.15">
      <c r="A50" s="5">
        <v>37</v>
      </c>
      <c r="B50" s="22">
        <v>38</v>
      </c>
      <c r="C50" s="14">
        <v>32</v>
      </c>
      <c r="D50" s="18">
        <v>70</v>
      </c>
    </row>
    <row r="51" spans="1:4" ht="18" customHeight="1" x14ac:dyDescent="0.15">
      <c r="A51" s="5">
        <v>38</v>
      </c>
      <c r="B51" s="22">
        <v>30</v>
      </c>
      <c r="C51" s="14">
        <v>19</v>
      </c>
      <c r="D51" s="18">
        <v>49</v>
      </c>
    </row>
    <row r="52" spans="1:4" ht="18" customHeight="1" x14ac:dyDescent="0.15">
      <c r="A52" s="5">
        <v>39</v>
      </c>
      <c r="B52" s="22">
        <v>39</v>
      </c>
      <c r="C52" s="14">
        <v>26</v>
      </c>
      <c r="D52" s="18">
        <v>65</v>
      </c>
    </row>
    <row r="53" spans="1:4" ht="18" customHeight="1" x14ac:dyDescent="0.15">
      <c r="A53" s="5" t="s">
        <v>18</v>
      </c>
      <c r="B53" s="22">
        <v>160</v>
      </c>
      <c r="C53" s="14">
        <v>127</v>
      </c>
      <c r="D53" s="18">
        <v>287</v>
      </c>
    </row>
    <row r="54" spans="1:4" ht="18" customHeight="1" x14ac:dyDescent="0.15">
      <c r="A54" s="5">
        <v>40</v>
      </c>
      <c r="B54" s="22">
        <v>25</v>
      </c>
      <c r="C54" s="14">
        <v>31</v>
      </c>
      <c r="D54" s="18">
        <v>56</v>
      </c>
    </row>
    <row r="55" spans="1:4" ht="18" customHeight="1" x14ac:dyDescent="0.15">
      <c r="A55" s="5">
        <v>41</v>
      </c>
      <c r="B55" s="22">
        <v>55</v>
      </c>
      <c r="C55" s="14">
        <v>35</v>
      </c>
      <c r="D55" s="18">
        <v>90</v>
      </c>
    </row>
    <row r="56" spans="1:4" ht="18" customHeight="1" x14ac:dyDescent="0.15">
      <c r="A56" s="5">
        <v>42</v>
      </c>
      <c r="B56" s="22">
        <v>40</v>
      </c>
      <c r="C56" s="14">
        <v>41</v>
      </c>
      <c r="D56" s="18">
        <v>81</v>
      </c>
    </row>
    <row r="57" spans="1:4" ht="18" customHeight="1" x14ac:dyDescent="0.15">
      <c r="A57" s="5">
        <v>43</v>
      </c>
      <c r="B57" s="22">
        <v>46</v>
      </c>
      <c r="C57" s="14">
        <v>51</v>
      </c>
      <c r="D57" s="18">
        <v>97</v>
      </c>
    </row>
    <row r="58" spans="1:4" ht="18" customHeight="1" x14ac:dyDescent="0.15">
      <c r="A58" s="5">
        <v>44</v>
      </c>
      <c r="B58" s="22">
        <v>32</v>
      </c>
      <c r="C58" s="14">
        <v>44</v>
      </c>
      <c r="D58" s="18">
        <v>76</v>
      </c>
    </row>
    <row r="59" spans="1:4" ht="18" customHeight="1" x14ac:dyDescent="0.15">
      <c r="A59" s="5" t="s">
        <v>21</v>
      </c>
      <c r="B59" s="22">
        <v>198</v>
      </c>
      <c r="C59" s="14">
        <v>202</v>
      </c>
      <c r="D59" s="18">
        <v>400</v>
      </c>
    </row>
    <row r="60" spans="1:4" ht="18" customHeight="1" x14ac:dyDescent="0.15">
      <c r="A60" s="5">
        <v>45</v>
      </c>
      <c r="B60" s="22">
        <v>35</v>
      </c>
      <c r="C60" s="14">
        <v>36</v>
      </c>
      <c r="D60" s="18">
        <v>71</v>
      </c>
    </row>
    <row r="61" spans="1:4" ht="18" customHeight="1" x14ac:dyDescent="0.15">
      <c r="A61" s="5">
        <v>46</v>
      </c>
      <c r="B61" s="22">
        <v>49</v>
      </c>
      <c r="C61" s="14">
        <v>45</v>
      </c>
      <c r="D61" s="18">
        <v>94</v>
      </c>
    </row>
    <row r="62" spans="1:4" ht="18" customHeight="1" x14ac:dyDescent="0.15">
      <c r="A62" s="5">
        <v>47</v>
      </c>
      <c r="B62" s="22">
        <v>49</v>
      </c>
      <c r="C62" s="14">
        <v>53</v>
      </c>
      <c r="D62" s="18">
        <v>102</v>
      </c>
    </row>
    <row r="63" spans="1:4" ht="18" customHeight="1" x14ac:dyDescent="0.15">
      <c r="A63" s="5">
        <v>48</v>
      </c>
      <c r="B63" s="22">
        <v>60</v>
      </c>
      <c r="C63" s="14">
        <v>56</v>
      </c>
      <c r="D63" s="18">
        <v>116</v>
      </c>
    </row>
    <row r="64" spans="1:4" ht="18" customHeight="1" x14ac:dyDescent="0.15">
      <c r="A64" s="5">
        <v>49</v>
      </c>
      <c r="B64" s="22">
        <v>69</v>
      </c>
      <c r="C64" s="14">
        <v>47</v>
      </c>
      <c r="D64" s="18">
        <v>116</v>
      </c>
    </row>
    <row r="65" spans="1:4" ht="18" customHeight="1" x14ac:dyDescent="0.15">
      <c r="A65" s="5" t="s">
        <v>17</v>
      </c>
      <c r="B65" s="22">
        <v>262</v>
      </c>
      <c r="C65" s="14">
        <v>237</v>
      </c>
      <c r="D65" s="18">
        <v>499</v>
      </c>
    </row>
    <row r="66" spans="1:4" ht="18" customHeight="1" x14ac:dyDescent="0.15">
      <c r="A66" s="5">
        <v>50</v>
      </c>
      <c r="B66" s="22">
        <v>70</v>
      </c>
      <c r="C66" s="14">
        <v>70</v>
      </c>
      <c r="D66" s="18">
        <v>140</v>
      </c>
    </row>
    <row r="67" spans="1:4" ht="18" customHeight="1" x14ac:dyDescent="0.15">
      <c r="A67" s="5">
        <v>51</v>
      </c>
      <c r="B67" s="22">
        <v>67</v>
      </c>
      <c r="C67" s="14">
        <v>68</v>
      </c>
      <c r="D67" s="18">
        <v>135</v>
      </c>
    </row>
    <row r="68" spans="1:4" ht="18" customHeight="1" x14ac:dyDescent="0.15">
      <c r="A68" s="5">
        <v>52</v>
      </c>
      <c r="B68" s="22">
        <v>79</v>
      </c>
      <c r="C68" s="14">
        <v>86</v>
      </c>
      <c r="D68" s="18">
        <v>165</v>
      </c>
    </row>
    <row r="69" spans="1:4" ht="18" customHeight="1" x14ac:dyDescent="0.15">
      <c r="A69" s="5">
        <v>53</v>
      </c>
      <c r="B69" s="22">
        <v>77</v>
      </c>
      <c r="C69" s="14">
        <v>88</v>
      </c>
      <c r="D69" s="18">
        <v>165</v>
      </c>
    </row>
    <row r="70" spans="1:4" ht="18" customHeight="1" x14ac:dyDescent="0.15">
      <c r="A70" s="5">
        <v>54</v>
      </c>
      <c r="B70" s="22">
        <v>78</v>
      </c>
      <c r="C70" s="14">
        <v>82</v>
      </c>
      <c r="D70" s="18">
        <v>160</v>
      </c>
    </row>
    <row r="71" spans="1:4" ht="18" customHeight="1" x14ac:dyDescent="0.15">
      <c r="A71" s="5" t="s">
        <v>22</v>
      </c>
      <c r="B71" s="22">
        <v>371</v>
      </c>
      <c r="C71" s="14">
        <v>394</v>
      </c>
      <c r="D71" s="18">
        <v>765</v>
      </c>
    </row>
    <row r="72" spans="1:4" ht="18" customHeight="1" x14ac:dyDescent="0.15">
      <c r="A72" s="5">
        <v>55</v>
      </c>
      <c r="B72" s="22">
        <v>88</v>
      </c>
      <c r="C72" s="14">
        <v>83</v>
      </c>
      <c r="D72" s="18">
        <v>171</v>
      </c>
    </row>
    <row r="73" spans="1:4" ht="18" customHeight="1" x14ac:dyDescent="0.15">
      <c r="A73" s="5">
        <v>56</v>
      </c>
      <c r="B73" s="22">
        <v>76</v>
      </c>
      <c r="C73" s="14">
        <v>70</v>
      </c>
      <c r="D73" s="18">
        <v>146</v>
      </c>
    </row>
    <row r="74" spans="1:4" ht="18" customHeight="1" x14ac:dyDescent="0.15">
      <c r="A74" s="5">
        <v>57</v>
      </c>
      <c r="B74" s="22">
        <v>70</v>
      </c>
      <c r="C74" s="14">
        <v>68</v>
      </c>
      <c r="D74" s="18">
        <v>138</v>
      </c>
    </row>
    <row r="75" spans="1:4" ht="18" customHeight="1" x14ac:dyDescent="0.15">
      <c r="A75" s="5">
        <v>58</v>
      </c>
      <c r="B75" s="22">
        <v>71</v>
      </c>
      <c r="C75" s="14">
        <v>76</v>
      </c>
      <c r="D75" s="18">
        <v>147</v>
      </c>
    </row>
    <row r="76" spans="1:4" ht="18" customHeight="1" x14ac:dyDescent="0.15">
      <c r="A76" s="5">
        <v>59</v>
      </c>
      <c r="B76" s="22">
        <v>57</v>
      </c>
      <c r="C76" s="14">
        <v>51</v>
      </c>
      <c r="D76" s="18">
        <v>108</v>
      </c>
    </row>
    <row r="77" spans="1:4" ht="18" customHeight="1" x14ac:dyDescent="0.15">
      <c r="A77" s="5" t="s">
        <v>27</v>
      </c>
      <c r="B77" s="22">
        <v>362</v>
      </c>
      <c r="C77" s="14">
        <v>348</v>
      </c>
      <c r="D77" s="18">
        <v>710</v>
      </c>
    </row>
    <row r="78" spans="1:4" ht="18" customHeight="1" x14ac:dyDescent="0.15">
      <c r="A78" s="5">
        <v>60</v>
      </c>
      <c r="B78" s="22">
        <v>48</v>
      </c>
      <c r="C78" s="14">
        <v>48</v>
      </c>
      <c r="D78" s="18">
        <v>96</v>
      </c>
    </row>
    <row r="79" spans="1:4" ht="18" customHeight="1" x14ac:dyDescent="0.15">
      <c r="A79" s="5">
        <v>61</v>
      </c>
      <c r="B79" s="22">
        <v>57</v>
      </c>
      <c r="C79" s="14">
        <v>58</v>
      </c>
      <c r="D79" s="18">
        <v>115</v>
      </c>
    </row>
    <row r="80" spans="1:4" ht="18" customHeight="1" x14ac:dyDescent="0.15">
      <c r="A80" s="5">
        <v>62</v>
      </c>
      <c r="B80" s="22">
        <v>62</v>
      </c>
      <c r="C80" s="14">
        <v>53</v>
      </c>
      <c r="D80" s="18">
        <v>115</v>
      </c>
    </row>
    <row r="81" spans="1:4" ht="18" customHeight="1" x14ac:dyDescent="0.15">
      <c r="A81" s="5">
        <v>63</v>
      </c>
      <c r="B81" s="22">
        <v>68</v>
      </c>
      <c r="C81" s="14">
        <v>66</v>
      </c>
      <c r="D81" s="18">
        <v>134</v>
      </c>
    </row>
    <row r="82" spans="1:4" ht="18" customHeight="1" x14ac:dyDescent="0.15">
      <c r="A82" s="5">
        <v>64</v>
      </c>
      <c r="B82" s="22">
        <v>62</v>
      </c>
      <c r="C82" s="14">
        <v>53</v>
      </c>
      <c r="D82" s="18">
        <v>115</v>
      </c>
    </row>
    <row r="83" spans="1:4" ht="18" customHeight="1" x14ac:dyDescent="0.15">
      <c r="A83" s="5" t="s">
        <v>28</v>
      </c>
      <c r="B83" s="22">
        <v>297</v>
      </c>
      <c r="C83" s="14">
        <v>278</v>
      </c>
      <c r="D83" s="18">
        <v>575</v>
      </c>
    </row>
    <row r="84" spans="1:4" ht="18" customHeight="1" x14ac:dyDescent="0.15">
      <c r="A84" s="5" t="s">
        <v>31</v>
      </c>
      <c r="B84" s="22">
        <v>2364</v>
      </c>
      <c r="C84" s="14">
        <v>2211</v>
      </c>
      <c r="D84" s="18">
        <v>4575</v>
      </c>
    </row>
    <row r="85" spans="1:4" ht="18" customHeight="1" x14ac:dyDescent="0.15">
      <c r="A85" s="5">
        <v>65</v>
      </c>
      <c r="B85" s="22">
        <v>52</v>
      </c>
      <c r="C85" s="14">
        <v>57</v>
      </c>
      <c r="D85" s="18">
        <v>109</v>
      </c>
    </row>
    <row r="86" spans="1:4" ht="18" customHeight="1" x14ac:dyDescent="0.15">
      <c r="A86" s="5">
        <v>66</v>
      </c>
      <c r="B86" s="22">
        <v>66</v>
      </c>
      <c r="C86" s="14">
        <v>62</v>
      </c>
      <c r="D86" s="18">
        <v>128</v>
      </c>
    </row>
    <row r="87" spans="1:4" ht="18" customHeight="1" x14ac:dyDescent="0.15">
      <c r="A87" s="5">
        <v>67</v>
      </c>
      <c r="B87" s="22">
        <v>66</v>
      </c>
      <c r="C87" s="14">
        <v>72</v>
      </c>
      <c r="D87" s="18">
        <v>138</v>
      </c>
    </row>
    <row r="88" spans="1:4" ht="18" customHeight="1" x14ac:dyDescent="0.15">
      <c r="A88" s="5">
        <v>68</v>
      </c>
      <c r="B88" s="22">
        <v>60</v>
      </c>
      <c r="C88" s="14">
        <v>52</v>
      </c>
      <c r="D88" s="18">
        <v>112</v>
      </c>
    </row>
    <row r="89" spans="1:4" ht="18" customHeight="1" x14ac:dyDescent="0.15">
      <c r="A89" s="5">
        <v>69</v>
      </c>
      <c r="B89" s="22">
        <v>58</v>
      </c>
      <c r="C89" s="14">
        <v>60</v>
      </c>
      <c r="D89" s="18">
        <v>118</v>
      </c>
    </row>
    <row r="90" spans="1:4" ht="18" customHeight="1" x14ac:dyDescent="0.15">
      <c r="A90" s="5" t="s">
        <v>20</v>
      </c>
      <c r="B90" s="22">
        <v>302</v>
      </c>
      <c r="C90" s="14">
        <v>303</v>
      </c>
      <c r="D90" s="18">
        <v>605</v>
      </c>
    </row>
    <row r="91" spans="1:4" ht="18" customHeight="1" x14ac:dyDescent="0.15">
      <c r="A91" s="5">
        <v>70</v>
      </c>
      <c r="B91" s="22">
        <v>48</v>
      </c>
      <c r="C91" s="14">
        <v>59</v>
      </c>
      <c r="D91" s="18">
        <v>107</v>
      </c>
    </row>
    <row r="92" spans="1:4" ht="18" customHeight="1" x14ac:dyDescent="0.15">
      <c r="A92" s="5">
        <v>71</v>
      </c>
      <c r="B92" s="22">
        <v>59</v>
      </c>
      <c r="C92" s="14">
        <v>60</v>
      </c>
      <c r="D92" s="18">
        <v>119</v>
      </c>
    </row>
    <row r="93" spans="1:4" ht="18" customHeight="1" x14ac:dyDescent="0.15">
      <c r="A93" s="5">
        <v>72</v>
      </c>
      <c r="B93" s="22">
        <v>61</v>
      </c>
      <c r="C93" s="14">
        <v>75</v>
      </c>
      <c r="D93" s="18">
        <v>136</v>
      </c>
    </row>
    <row r="94" spans="1:4" ht="18" customHeight="1" x14ac:dyDescent="0.15">
      <c r="A94" s="5">
        <v>73</v>
      </c>
      <c r="B94" s="22">
        <v>53</v>
      </c>
      <c r="C94" s="14">
        <v>72</v>
      </c>
      <c r="D94" s="18">
        <v>125</v>
      </c>
    </row>
    <row r="95" spans="1:4" ht="18" customHeight="1" x14ac:dyDescent="0.15">
      <c r="A95" s="5">
        <v>74</v>
      </c>
      <c r="B95" s="22">
        <v>64</v>
      </c>
      <c r="C95" s="14">
        <v>59</v>
      </c>
      <c r="D95" s="18">
        <v>123</v>
      </c>
    </row>
    <row r="96" spans="1:4" ht="18" customHeight="1" x14ac:dyDescent="0.15">
      <c r="A96" s="5" t="s">
        <v>33</v>
      </c>
      <c r="B96" s="22">
        <v>285</v>
      </c>
      <c r="C96" s="14">
        <v>325</v>
      </c>
      <c r="D96" s="18">
        <v>610</v>
      </c>
    </row>
    <row r="97" spans="1:4" ht="18" customHeight="1" x14ac:dyDescent="0.15">
      <c r="A97" s="5">
        <v>75</v>
      </c>
      <c r="B97" s="22">
        <v>71</v>
      </c>
      <c r="C97" s="14">
        <v>84</v>
      </c>
      <c r="D97" s="18">
        <v>155</v>
      </c>
    </row>
    <row r="98" spans="1:4" ht="18" customHeight="1" x14ac:dyDescent="0.15">
      <c r="A98" s="5">
        <v>76</v>
      </c>
      <c r="B98" s="22">
        <v>77</v>
      </c>
      <c r="C98" s="14">
        <v>89</v>
      </c>
      <c r="D98" s="18">
        <v>166</v>
      </c>
    </row>
    <row r="99" spans="1:4" ht="18" customHeight="1" x14ac:dyDescent="0.15">
      <c r="A99" s="5">
        <v>77</v>
      </c>
      <c r="B99" s="22">
        <v>78</v>
      </c>
      <c r="C99" s="14">
        <v>92</v>
      </c>
      <c r="D99" s="18">
        <v>170</v>
      </c>
    </row>
    <row r="100" spans="1:4" ht="18" customHeight="1" x14ac:dyDescent="0.15">
      <c r="A100" s="5">
        <v>78</v>
      </c>
      <c r="B100" s="22">
        <v>79</v>
      </c>
      <c r="C100" s="14">
        <v>103</v>
      </c>
      <c r="D100" s="18">
        <v>182</v>
      </c>
    </row>
    <row r="101" spans="1:4" ht="18" customHeight="1" x14ac:dyDescent="0.15">
      <c r="A101" s="5">
        <v>79</v>
      </c>
      <c r="B101" s="22">
        <v>66</v>
      </c>
      <c r="C101" s="14">
        <v>82</v>
      </c>
      <c r="D101" s="18">
        <v>148</v>
      </c>
    </row>
    <row r="102" spans="1:4" ht="18" customHeight="1" x14ac:dyDescent="0.15">
      <c r="A102" s="5" t="s">
        <v>0</v>
      </c>
      <c r="B102" s="22">
        <v>371</v>
      </c>
      <c r="C102" s="14">
        <v>450</v>
      </c>
      <c r="D102" s="18">
        <v>821</v>
      </c>
    </row>
    <row r="103" spans="1:4" ht="18" customHeight="1" x14ac:dyDescent="0.15">
      <c r="A103" s="5">
        <v>80</v>
      </c>
      <c r="B103" s="22">
        <v>38</v>
      </c>
      <c r="C103" s="14">
        <v>47</v>
      </c>
      <c r="D103" s="18">
        <v>85</v>
      </c>
    </row>
    <row r="104" spans="1:4" ht="18" customHeight="1" x14ac:dyDescent="0.15">
      <c r="A104" s="5">
        <v>81</v>
      </c>
      <c r="B104" s="22">
        <v>40</v>
      </c>
      <c r="C104" s="14">
        <v>75</v>
      </c>
      <c r="D104" s="18">
        <v>115</v>
      </c>
    </row>
    <row r="105" spans="1:4" ht="18" customHeight="1" x14ac:dyDescent="0.15">
      <c r="A105" s="5">
        <v>82</v>
      </c>
      <c r="B105" s="22">
        <v>43</v>
      </c>
      <c r="C105" s="14">
        <v>62</v>
      </c>
      <c r="D105" s="18">
        <v>105</v>
      </c>
    </row>
    <row r="106" spans="1:4" ht="18" customHeight="1" x14ac:dyDescent="0.15">
      <c r="A106" s="5">
        <v>83</v>
      </c>
      <c r="B106" s="22">
        <v>41</v>
      </c>
      <c r="C106" s="14">
        <v>58</v>
      </c>
      <c r="D106" s="18">
        <v>99</v>
      </c>
    </row>
    <row r="107" spans="1:4" ht="18" customHeight="1" x14ac:dyDescent="0.15">
      <c r="A107" s="5">
        <v>84</v>
      </c>
      <c r="B107" s="22">
        <v>41</v>
      </c>
      <c r="C107" s="14">
        <v>62</v>
      </c>
      <c r="D107" s="18">
        <v>103</v>
      </c>
    </row>
    <row r="108" spans="1:4" ht="18" customHeight="1" x14ac:dyDescent="0.15">
      <c r="A108" s="5" t="s">
        <v>35</v>
      </c>
      <c r="B108" s="22">
        <v>203</v>
      </c>
      <c r="C108" s="14">
        <v>304</v>
      </c>
      <c r="D108" s="18">
        <v>507</v>
      </c>
    </row>
    <row r="109" spans="1:4" ht="18" customHeight="1" x14ac:dyDescent="0.15">
      <c r="A109" s="5">
        <v>85</v>
      </c>
      <c r="B109" s="22">
        <v>31</v>
      </c>
      <c r="C109" s="14">
        <v>57</v>
      </c>
      <c r="D109" s="18">
        <v>88</v>
      </c>
    </row>
    <row r="110" spans="1:4" ht="18" customHeight="1" x14ac:dyDescent="0.15">
      <c r="A110" s="5">
        <v>86</v>
      </c>
      <c r="B110" s="22">
        <v>24</v>
      </c>
      <c r="C110" s="14">
        <v>41</v>
      </c>
      <c r="D110" s="18">
        <v>65</v>
      </c>
    </row>
    <row r="111" spans="1:4" ht="18" customHeight="1" x14ac:dyDescent="0.15">
      <c r="A111" s="5">
        <v>87</v>
      </c>
      <c r="B111" s="22">
        <v>18</v>
      </c>
      <c r="C111" s="14">
        <v>44</v>
      </c>
      <c r="D111" s="18">
        <v>62</v>
      </c>
    </row>
    <row r="112" spans="1:4" ht="18" customHeight="1" x14ac:dyDescent="0.15">
      <c r="A112" s="5">
        <v>88</v>
      </c>
      <c r="B112" s="22">
        <v>21</v>
      </c>
      <c r="C112" s="14">
        <v>55</v>
      </c>
      <c r="D112" s="18">
        <v>76</v>
      </c>
    </row>
    <row r="113" spans="1:4" ht="18" customHeight="1" x14ac:dyDescent="0.15">
      <c r="A113" s="5">
        <v>89</v>
      </c>
      <c r="B113" s="22">
        <v>16</v>
      </c>
      <c r="C113" s="14">
        <v>36</v>
      </c>
      <c r="D113" s="18">
        <v>52</v>
      </c>
    </row>
    <row r="114" spans="1:4" ht="18" customHeight="1" x14ac:dyDescent="0.15">
      <c r="A114" s="5" t="s">
        <v>37</v>
      </c>
      <c r="B114" s="22">
        <v>110</v>
      </c>
      <c r="C114" s="14">
        <v>233</v>
      </c>
      <c r="D114" s="18">
        <v>343</v>
      </c>
    </row>
    <row r="115" spans="1:4" ht="18" customHeight="1" x14ac:dyDescent="0.15">
      <c r="A115" s="5">
        <v>90</v>
      </c>
      <c r="B115" s="22">
        <v>14</v>
      </c>
      <c r="C115" s="14">
        <v>40</v>
      </c>
      <c r="D115" s="18">
        <v>54</v>
      </c>
    </row>
    <row r="116" spans="1:4" ht="18" customHeight="1" x14ac:dyDescent="0.15">
      <c r="A116" s="5">
        <v>91</v>
      </c>
      <c r="B116" s="22">
        <v>17</v>
      </c>
      <c r="C116" s="14">
        <v>33</v>
      </c>
      <c r="D116" s="18">
        <v>50</v>
      </c>
    </row>
    <row r="117" spans="1:4" ht="18" customHeight="1" x14ac:dyDescent="0.15">
      <c r="A117" s="5">
        <v>92</v>
      </c>
      <c r="B117" s="22">
        <v>17</v>
      </c>
      <c r="C117" s="14">
        <v>37</v>
      </c>
      <c r="D117" s="18">
        <v>54</v>
      </c>
    </row>
    <row r="118" spans="1:4" ht="18" customHeight="1" x14ac:dyDescent="0.15">
      <c r="A118" s="5">
        <v>93</v>
      </c>
      <c r="B118" s="22">
        <v>3</v>
      </c>
      <c r="C118" s="14">
        <v>21</v>
      </c>
      <c r="D118" s="18">
        <v>24</v>
      </c>
    </row>
    <row r="119" spans="1:4" ht="18" customHeight="1" x14ac:dyDescent="0.15">
      <c r="A119" s="5">
        <v>94</v>
      </c>
      <c r="B119" s="22">
        <v>2</v>
      </c>
      <c r="C119" s="14">
        <v>20</v>
      </c>
      <c r="D119" s="18">
        <v>22</v>
      </c>
    </row>
    <row r="120" spans="1:4" ht="18" customHeight="1" x14ac:dyDescent="0.15">
      <c r="A120" s="5" t="s">
        <v>39</v>
      </c>
      <c r="B120" s="22">
        <v>53</v>
      </c>
      <c r="C120" s="14">
        <v>151</v>
      </c>
      <c r="D120" s="18">
        <v>204</v>
      </c>
    </row>
    <row r="121" spans="1:4" ht="18" customHeight="1" x14ac:dyDescent="0.15">
      <c r="A121" s="5">
        <v>95</v>
      </c>
      <c r="B121" s="22">
        <v>7</v>
      </c>
      <c r="C121" s="14">
        <v>15</v>
      </c>
      <c r="D121" s="18">
        <v>22</v>
      </c>
    </row>
    <row r="122" spans="1:4" ht="18" customHeight="1" x14ac:dyDescent="0.15">
      <c r="A122" s="5">
        <v>96</v>
      </c>
      <c r="B122" s="22">
        <v>2</v>
      </c>
      <c r="C122" s="14">
        <v>12</v>
      </c>
      <c r="D122" s="18">
        <v>14</v>
      </c>
    </row>
    <row r="123" spans="1:4" ht="18" customHeight="1" x14ac:dyDescent="0.15">
      <c r="A123" s="5">
        <v>97</v>
      </c>
      <c r="B123" s="22">
        <v>3</v>
      </c>
      <c r="C123" s="14">
        <v>12</v>
      </c>
      <c r="D123" s="18">
        <v>15</v>
      </c>
    </row>
    <row r="124" spans="1:4" ht="18" customHeight="1" x14ac:dyDescent="0.15">
      <c r="A124" s="5">
        <v>98</v>
      </c>
      <c r="B124" s="22">
        <v>4</v>
      </c>
      <c r="C124" s="14">
        <v>9</v>
      </c>
      <c r="D124" s="18">
        <v>13</v>
      </c>
    </row>
    <row r="125" spans="1:4" ht="18" customHeight="1" x14ac:dyDescent="0.15">
      <c r="A125" s="5">
        <v>99</v>
      </c>
      <c r="B125" s="22">
        <v>0</v>
      </c>
      <c r="C125" s="14">
        <v>7</v>
      </c>
      <c r="D125" s="18">
        <v>7</v>
      </c>
    </row>
    <row r="126" spans="1:4" ht="18" customHeight="1" x14ac:dyDescent="0.15">
      <c r="A126" s="5" t="s">
        <v>40</v>
      </c>
      <c r="B126" s="22">
        <v>16</v>
      </c>
      <c r="C126" s="14">
        <v>55</v>
      </c>
      <c r="D126" s="18">
        <v>71</v>
      </c>
    </row>
    <row r="127" spans="1:4" ht="18" customHeight="1" x14ac:dyDescent="0.15">
      <c r="A127" s="5">
        <v>100</v>
      </c>
      <c r="B127" s="22">
        <v>0</v>
      </c>
      <c r="C127" s="14">
        <v>6</v>
      </c>
      <c r="D127" s="18">
        <v>6</v>
      </c>
    </row>
    <row r="128" spans="1:4" ht="18" customHeight="1" x14ac:dyDescent="0.15">
      <c r="A128" s="6" t="s">
        <v>43</v>
      </c>
      <c r="B128" s="22">
        <v>0</v>
      </c>
      <c r="C128" s="14">
        <v>10</v>
      </c>
      <c r="D128" s="18">
        <v>10</v>
      </c>
    </row>
    <row r="129" spans="1:4" ht="18" customHeight="1" x14ac:dyDescent="0.15">
      <c r="A129" s="5" t="s">
        <v>44</v>
      </c>
      <c r="B129" s="22">
        <v>0</v>
      </c>
      <c r="C129" s="14">
        <v>16</v>
      </c>
      <c r="D129" s="18">
        <v>16</v>
      </c>
    </row>
    <row r="130" spans="1:4" ht="18" customHeight="1" x14ac:dyDescent="0.15">
      <c r="A130" s="5" t="s">
        <v>46</v>
      </c>
      <c r="B130" s="22">
        <v>1340</v>
      </c>
      <c r="C130" s="14">
        <v>1837</v>
      </c>
      <c r="D130" s="18">
        <v>3177</v>
      </c>
    </row>
    <row r="131" spans="1:4" ht="18" customHeight="1" x14ac:dyDescent="0.15">
      <c r="A131" s="7" t="s">
        <v>45</v>
      </c>
      <c r="B131" s="23">
        <v>4030</v>
      </c>
      <c r="C131" s="15">
        <v>4344</v>
      </c>
      <c r="D131" s="19">
        <v>837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E00-000000000000}">
  <sheetPr codeName="Sheet7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2</v>
      </c>
      <c r="C6" s="14">
        <v>4</v>
      </c>
      <c r="D6" s="18">
        <v>6</v>
      </c>
    </row>
    <row r="7" spans="1:4" ht="18" customHeight="1" x14ac:dyDescent="0.15">
      <c r="A7" s="5">
        <v>2</v>
      </c>
      <c r="B7" s="27">
        <v>3</v>
      </c>
      <c r="C7" s="14">
        <v>4</v>
      </c>
      <c r="D7" s="18">
        <v>7</v>
      </c>
    </row>
    <row r="8" spans="1:4" ht="18" customHeight="1" x14ac:dyDescent="0.15">
      <c r="A8" s="5">
        <v>3</v>
      </c>
      <c r="B8" s="27">
        <v>1</v>
      </c>
      <c r="C8" s="14">
        <v>4</v>
      </c>
      <c r="D8" s="18">
        <v>5</v>
      </c>
    </row>
    <row r="9" spans="1:4" ht="18" customHeight="1" x14ac:dyDescent="0.15">
      <c r="A9" s="5">
        <v>4</v>
      </c>
      <c r="B9" s="28">
        <v>4</v>
      </c>
      <c r="C9" s="30">
        <v>3</v>
      </c>
      <c r="D9" s="32">
        <v>7</v>
      </c>
    </row>
    <row r="10" spans="1:4" ht="18" customHeight="1" x14ac:dyDescent="0.15">
      <c r="A10" s="5" t="s">
        <v>7</v>
      </c>
      <c r="B10" s="22">
        <v>10</v>
      </c>
      <c r="C10" s="14">
        <v>15</v>
      </c>
      <c r="D10" s="18">
        <v>25</v>
      </c>
    </row>
    <row r="11" spans="1:4" ht="18" customHeight="1" x14ac:dyDescent="0.15">
      <c r="A11" s="5">
        <v>5</v>
      </c>
      <c r="B11" s="27">
        <v>3</v>
      </c>
      <c r="C11" s="14">
        <v>4</v>
      </c>
      <c r="D11" s="18">
        <v>7</v>
      </c>
    </row>
    <row r="12" spans="1:4" ht="18" customHeight="1" x14ac:dyDescent="0.15">
      <c r="A12" s="5">
        <v>6</v>
      </c>
      <c r="B12" s="27">
        <v>3</v>
      </c>
      <c r="C12" s="14">
        <v>6</v>
      </c>
      <c r="D12" s="18">
        <v>9</v>
      </c>
    </row>
    <row r="13" spans="1:4" ht="18" customHeight="1" x14ac:dyDescent="0.15">
      <c r="A13" s="5">
        <v>7</v>
      </c>
      <c r="B13" s="27">
        <v>3</v>
      </c>
      <c r="C13" s="14">
        <v>5</v>
      </c>
      <c r="D13" s="18">
        <v>8</v>
      </c>
    </row>
    <row r="14" spans="1:4" ht="18" customHeight="1" x14ac:dyDescent="0.15">
      <c r="A14" s="5">
        <v>8</v>
      </c>
      <c r="B14" s="27">
        <v>3</v>
      </c>
      <c r="C14" s="14">
        <v>4</v>
      </c>
      <c r="D14" s="18">
        <v>7</v>
      </c>
    </row>
    <row r="15" spans="1:4" ht="18" customHeight="1" x14ac:dyDescent="0.15">
      <c r="A15" s="5">
        <v>9</v>
      </c>
      <c r="B15" s="27">
        <v>3</v>
      </c>
      <c r="C15" s="14">
        <v>2</v>
      </c>
      <c r="D15" s="18">
        <v>5</v>
      </c>
    </row>
    <row r="16" spans="1:4" ht="18" customHeight="1" x14ac:dyDescent="0.15">
      <c r="A16" s="5" t="s">
        <v>11</v>
      </c>
      <c r="B16" s="22">
        <v>15</v>
      </c>
      <c r="C16" s="14">
        <v>21</v>
      </c>
      <c r="D16" s="18">
        <v>36</v>
      </c>
    </row>
    <row r="17" spans="1:4" ht="18" customHeight="1" x14ac:dyDescent="0.15">
      <c r="A17" s="5">
        <v>10</v>
      </c>
      <c r="B17" s="22">
        <v>3</v>
      </c>
      <c r="C17" s="14">
        <v>7</v>
      </c>
      <c r="D17" s="18">
        <v>10</v>
      </c>
    </row>
    <row r="18" spans="1:4" ht="18" customHeight="1" x14ac:dyDescent="0.15">
      <c r="A18" s="5">
        <v>11</v>
      </c>
      <c r="B18" s="22">
        <v>6</v>
      </c>
      <c r="C18" s="14">
        <v>4</v>
      </c>
      <c r="D18" s="18">
        <v>10</v>
      </c>
    </row>
    <row r="19" spans="1:4" ht="18" customHeight="1" x14ac:dyDescent="0.15">
      <c r="A19" s="5">
        <v>12</v>
      </c>
      <c r="B19" s="22">
        <v>5</v>
      </c>
      <c r="C19" s="14">
        <v>5</v>
      </c>
      <c r="D19" s="18">
        <v>10</v>
      </c>
    </row>
    <row r="20" spans="1:4" ht="18" customHeight="1" x14ac:dyDescent="0.15">
      <c r="A20" s="5">
        <v>13</v>
      </c>
      <c r="B20" s="22">
        <v>4</v>
      </c>
      <c r="C20" s="14">
        <v>8</v>
      </c>
      <c r="D20" s="18">
        <v>12</v>
      </c>
    </row>
    <row r="21" spans="1:4" ht="18" customHeight="1" x14ac:dyDescent="0.15">
      <c r="A21" s="5">
        <v>14</v>
      </c>
      <c r="B21" s="22">
        <v>5</v>
      </c>
      <c r="C21" s="14">
        <v>10</v>
      </c>
      <c r="D21" s="18">
        <v>15</v>
      </c>
    </row>
    <row r="22" spans="1:4" ht="18" customHeight="1" x14ac:dyDescent="0.15">
      <c r="A22" s="5" t="s">
        <v>12</v>
      </c>
      <c r="B22" s="22">
        <v>23</v>
      </c>
      <c r="C22" s="14">
        <v>34</v>
      </c>
      <c r="D22" s="18">
        <v>57</v>
      </c>
    </row>
    <row r="23" spans="1:4" ht="18" customHeight="1" x14ac:dyDescent="0.15">
      <c r="A23" s="5" t="s">
        <v>6</v>
      </c>
      <c r="B23" s="22">
        <v>48</v>
      </c>
      <c r="C23" s="14">
        <v>70</v>
      </c>
      <c r="D23" s="18">
        <v>118</v>
      </c>
    </row>
    <row r="24" spans="1:4" ht="18" customHeight="1" x14ac:dyDescent="0.15">
      <c r="A24" s="5">
        <v>15</v>
      </c>
      <c r="B24" s="22">
        <v>7</v>
      </c>
      <c r="C24" s="14">
        <v>3</v>
      </c>
      <c r="D24" s="18">
        <v>10</v>
      </c>
    </row>
    <row r="25" spans="1:4" ht="18" customHeight="1" x14ac:dyDescent="0.15">
      <c r="A25" s="5">
        <v>16</v>
      </c>
      <c r="B25" s="22">
        <v>11</v>
      </c>
      <c r="C25" s="14">
        <v>8</v>
      </c>
      <c r="D25" s="18">
        <v>19</v>
      </c>
    </row>
    <row r="26" spans="1:4" ht="18" customHeight="1" x14ac:dyDescent="0.15">
      <c r="A26" s="5">
        <v>17</v>
      </c>
      <c r="B26" s="22">
        <v>8</v>
      </c>
      <c r="C26" s="14">
        <v>6</v>
      </c>
      <c r="D26" s="18">
        <v>14</v>
      </c>
    </row>
    <row r="27" spans="1:4" ht="18" customHeight="1" x14ac:dyDescent="0.15">
      <c r="A27" s="5">
        <v>18</v>
      </c>
      <c r="B27" s="22">
        <v>11</v>
      </c>
      <c r="C27" s="14">
        <v>8</v>
      </c>
      <c r="D27" s="18">
        <v>19</v>
      </c>
    </row>
    <row r="28" spans="1:4" ht="18" customHeight="1" x14ac:dyDescent="0.15">
      <c r="A28" s="5">
        <v>19</v>
      </c>
      <c r="B28" s="22">
        <v>12</v>
      </c>
      <c r="C28" s="14">
        <v>7</v>
      </c>
      <c r="D28" s="18">
        <v>19</v>
      </c>
    </row>
    <row r="29" spans="1:4" ht="18" customHeight="1" x14ac:dyDescent="0.15">
      <c r="A29" s="5" t="s">
        <v>14</v>
      </c>
      <c r="B29" s="22">
        <v>49</v>
      </c>
      <c r="C29" s="14">
        <v>32</v>
      </c>
      <c r="D29" s="18">
        <v>81</v>
      </c>
    </row>
    <row r="30" spans="1:4" ht="18" customHeight="1" x14ac:dyDescent="0.15">
      <c r="A30" s="5">
        <v>20</v>
      </c>
      <c r="B30" s="22">
        <v>4</v>
      </c>
      <c r="C30" s="14">
        <v>6</v>
      </c>
      <c r="D30" s="18">
        <v>10</v>
      </c>
    </row>
    <row r="31" spans="1:4" ht="18" customHeight="1" x14ac:dyDescent="0.15">
      <c r="A31" s="5">
        <v>21</v>
      </c>
      <c r="B31" s="22">
        <v>5</v>
      </c>
      <c r="C31" s="14">
        <v>7</v>
      </c>
      <c r="D31" s="18">
        <v>12</v>
      </c>
    </row>
    <row r="32" spans="1:4" ht="18" customHeight="1" x14ac:dyDescent="0.15">
      <c r="A32" s="5">
        <v>22</v>
      </c>
      <c r="B32" s="22">
        <v>4</v>
      </c>
      <c r="C32" s="14">
        <v>5</v>
      </c>
      <c r="D32" s="18">
        <v>9</v>
      </c>
    </row>
    <row r="33" spans="1:4" ht="18" customHeight="1" x14ac:dyDescent="0.15">
      <c r="A33" s="5">
        <v>23</v>
      </c>
      <c r="B33" s="22">
        <v>15</v>
      </c>
      <c r="C33" s="14">
        <v>8</v>
      </c>
      <c r="D33" s="18">
        <v>23</v>
      </c>
    </row>
    <row r="34" spans="1:4" ht="18" customHeight="1" x14ac:dyDescent="0.15">
      <c r="A34" s="5">
        <v>24</v>
      </c>
      <c r="B34" s="22">
        <v>5</v>
      </c>
      <c r="C34" s="14">
        <v>4</v>
      </c>
      <c r="D34" s="18">
        <v>9</v>
      </c>
    </row>
    <row r="35" spans="1:4" ht="18" customHeight="1" x14ac:dyDescent="0.15">
      <c r="A35" s="5" t="s">
        <v>9</v>
      </c>
      <c r="B35" s="22">
        <v>33</v>
      </c>
      <c r="C35" s="14">
        <v>30</v>
      </c>
      <c r="D35" s="18">
        <v>63</v>
      </c>
    </row>
    <row r="36" spans="1:4" ht="18" customHeight="1" x14ac:dyDescent="0.15">
      <c r="A36" s="5">
        <v>25</v>
      </c>
      <c r="B36" s="22">
        <v>9</v>
      </c>
      <c r="C36" s="14">
        <v>5</v>
      </c>
      <c r="D36" s="18">
        <v>14</v>
      </c>
    </row>
    <row r="37" spans="1:4" ht="18" customHeight="1" x14ac:dyDescent="0.15">
      <c r="A37" s="5">
        <v>26</v>
      </c>
      <c r="B37" s="22">
        <v>15</v>
      </c>
      <c r="C37" s="14">
        <v>4</v>
      </c>
      <c r="D37" s="18">
        <v>19</v>
      </c>
    </row>
    <row r="38" spans="1:4" ht="18" customHeight="1" x14ac:dyDescent="0.15">
      <c r="A38" s="5">
        <v>27</v>
      </c>
      <c r="B38" s="22">
        <v>13</v>
      </c>
      <c r="C38" s="14">
        <v>4</v>
      </c>
      <c r="D38" s="18">
        <v>17</v>
      </c>
    </row>
    <row r="39" spans="1:4" ht="18" customHeight="1" x14ac:dyDescent="0.15">
      <c r="A39" s="5">
        <v>28</v>
      </c>
      <c r="B39" s="22">
        <v>6</v>
      </c>
      <c r="C39" s="14">
        <v>6</v>
      </c>
      <c r="D39" s="18">
        <v>12</v>
      </c>
    </row>
    <row r="40" spans="1:4" ht="18" customHeight="1" x14ac:dyDescent="0.15">
      <c r="A40" s="5">
        <v>29</v>
      </c>
      <c r="B40" s="22">
        <v>12</v>
      </c>
      <c r="C40" s="14">
        <v>5</v>
      </c>
      <c r="D40" s="18">
        <v>17</v>
      </c>
    </row>
    <row r="41" spans="1:4" ht="18" customHeight="1" x14ac:dyDescent="0.15">
      <c r="A41" s="5" t="s">
        <v>2</v>
      </c>
      <c r="B41" s="22">
        <v>55</v>
      </c>
      <c r="C41" s="14">
        <v>24</v>
      </c>
      <c r="D41" s="18">
        <v>79</v>
      </c>
    </row>
    <row r="42" spans="1:4" ht="18" customHeight="1" x14ac:dyDescent="0.15">
      <c r="A42" s="5">
        <v>30</v>
      </c>
      <c r="B42" s="22">
        <v>5</v>
      </c>
      <c r="C42" s="14">
        <v>5</v>
      </c>
      <c r="D42" s="18">
        <v>10</v>
      </c>
    </row>
    <row r="43" spans="1:4" ht="18" customHeight="1" x14ac:dyDescent="0.15">
      <c r="A43" s="5">
        <v>31</v>
      </c>
      <c r="B43" s="22">
        <v>5</v>
      </c>
      <c r="C43" s="14">
        <v>3</v>
      </c>
      <c r="D43" s="18">
        <v>8</v>
      </c>
    </row>
    <row r="44" spans="1:4" ht="18" customHeight="1" x14ac:dyDescent="0.15">
      <c r="A44" s="5">
        <v>32</v>
      </c>
      <c r="B44" s="22">
        <v>5</v>
      </c>
      <c r="C44" s="14">
        <v>1</v>
      </c>
      <c r="D44" s="18">
        <v>6</v>
      </c>
    </row>
    <row r="45" spans="1:4" ht="18" customHeight="1" x14ac:dyDescent="0.15">
      <c r="A45" s="5">
        <v>33</v>
      </c>
      <c r="B45" s="22">
        <v>5</v>
      </c>
      <c r="C45" s="14">
        <v>4</v>
      </c>
      <c r="D45" s="18">
        <v>9</v>
      </c>
    </row>
    <row r="46" spans="1:4" ht="18" customHeight="1" x14ac:dyDescent="0.15">
      <c r="A46" s="5">
        <v>34</v>
      </c>
      <c r="B46" s="22">
        <v>3</v>
      </c>
      <c r="C46" s="14">
        <v>5</v>
      </c>
      <c r="D46" s="18">
        <v>8</v>
      </c>
    </row>
    <row r="47" spans="1:4" ht="18" customHeight="1" x14ac:dyDescent="0.15">
      <c r="A47" s="5" t="s">
        <v>15</v>
      </c>
      <c r="B47" s="22">
        <v>23</v>
      </c>
      <c r="C47" s="14">
        <v>18</v>
      </c>
      <c r="D47" s="18">
        <v>41</v>
      </c>
    </row>
    <row r="48" spans="1:4" ht="18" customHeight="1" x14ac:dyDescent="0.15">
      <c r="A48" s="5">
        <v>35</v>
      </c>
      <c r="B48" s="22">
        <v>6</v>
      </c>
      <c r="C48" s="14">
        <v>3</v>
      </c>
      <c r="D48" s="18">
        <v>9</v>
      </c>
    </row>
    <row r="49" spans="1:4" ht="18" customHeight="1" x14ac:dyDescent="0.15">
      <c r="A49" s="5">
        <v>36</v>
      </c>
      <c r="B49" s="22">
        <v>8</v>
      </c>
      <c r="C49" s="14">
        <v>4</v>
      </c>
      <c r="D49" s="18">
        <v>12</v>
      </c>
    </row>
    <row r="50" spans="1:4" ht="18" customHeight="1" x14ac:dyDescent="0.15">
      <c r="A50" s="5">
        <v>37</v>
      </c>
      <c r="B50" s="22">
        <v>2</v>
      </c>
      <c r="C50" s="14">
        <v>3</v>
      </c>
      <c r="D50" s="18">
        <v>5</v>
      </c>
    </row>
    <row r="51" spans="1:4" ht="18" customHeight="1" x14ac:dyDescent="0.15">
      <c r="A51" s="5">
        <v>38</v>
      </c>
      <c r="B51" s="22">
        <v>0</v>
      </c>
      <c r="C51" s="14">
        <v>3</v>
      </c>
      <c r="D51" s="18">
        <v>3</v>
      </c>
    </row>
    <row r="52" spans="1:4" ht="18" customHeight="1" x14ac:dyDescent="0.15">
      <c r="A52" s="5">
        <v>39</v>
      </c>
      <c r="B52" s="22">
        <v>10</v>
      </c>
      <c r="C52" s="14">
        <v>6</v>
      </c>
      <c r="D52" s="18">
        <v>16</v>
      </c>
    </row>
    <row r="53" spans="1:4" ht="18" customHeight="1" x14ac:dyDescent="0.15">
      <c r="A53" s="5" t="s">
        <v>18</v>
      </c>
      <c r="B53" s="22">
        <v>26</v>
      </c>
      <c r="C53" s="14">
        <v>19</v>
      </c>
      <c r="D53" s="18">
        <v>45</v>
      </c>
    </row>
    <row r="54" spans="1:4" ht="18" customHeight="1" x14ac:dyDescent="0.15">
      <c r="A54" s="5">
        <v>40</v>
      </c>
      <c r="B54" s="22">
        <v>7</v>
      </c>
      <c r="C54" s="14">
        <v>4</v>
      </c>
      <c r="D54" s="18">
        <v>11</v>
      </c>
    </row>
    <row r="55" spans="1:4" ht="18" customHeight="1" x14ac:dyDescent="0.15">
      <c r="A55" s="5">
        <v>41</v>
      </c>
      <c r="B55" s="22">
        <v>14</v>
      </c>
      <c r="C55" s="14">
        <v>11</v>
      </c>
      <c r="D55" s="18">
        <v>25</v>
      </c>
    </row>
    <row r="56" spans="1:4" ht="18" customHeight="1" x14ac:dyDescent="0.15">
      <c r="A56" s="5">
        <v>42</v>
      </c>
      <c r="B56" s="22">
        <v>5</v>
      </c>
      <c r="C56" s="14">
        <v>8</v>
      </c>
      <c r="D56" s="18">
        <v>13</v>
      </c>
    </row>
    <row r="57" spans="1:4" ht="18" customHeight="1" x14ac:dyDescent="0.15">
      <c r="A57" s="5">
        <v>43</v>
      </c>
      <c r="B57" s="22">
        <v>8</v>
      </c>
      <c r="C57" s="14">
        <v>10</v>
      </c>
      <c r="D57" s="18">
        <v>18</v>
      </c>
    </row>
    <row r="58" spans="1:4" ht="18" customHeight="1" x14ac:dyDescent="0.15">
      <c r="A58" s="5">
        <v>44</v>
      </c>
      <c r="B58" s="22">
        <v>12</v>
      </c>
      <c r="C58" s="14">
        <v>5</v>
      </c>
      <c r="D58" s="18">
        <v>17</v>
      </c>
    </row>
    <row r="59" spans="1:4" ht="18" customHeight="1" x14ac:dyDescent="0.15">
      <c r="A59" s="5" t="s">
        <v>21</v>
      </c>
      <c r="B59" s="22">
        <v>46</v>
      </c>
      <c r="C59" s="14">
        <v>38</v>
      </c>
      <c r="D59" s="18">
        <v>84</v>
      </c>
    </row>
    <row r="60" spans="1:4" ht="18" customHeight="1" x14ac:dyDescent="0.15">
      <c r="A60" s="5">
        <v>45</v>
      </c>
      <c r="B60" s="22">
        <v>11</v>
      </c>
      <c r="C60" s="14">
        <v>6</v>
      </c>
      <c r="D60" s="18">
        <v>17</v>
      </c>
    </row>
    <row r="61" spans="1:4" ht="18" customHeight="1" x14ac:dyDescent="0.15">
      <c r="A61" s="5">
        <v>46</v>
      </c>
      <c r="B61" s="22">
        <v>9</v>
      </c>
      <c r="C61" s="14">
        <v>7</v>
      </c>
      <c r="D61" s="18">
        <v>16</v>
      </c>
    </row>
    <row r="62" spans="1:4" ht="18" customHeight="1" x14ac:dyDescent="0.15">
      <c r="A62" s="5">
        <v>47</v>
      </c>
      <c r="B62" s="22">
        <v>10</v>
      </c>
      <c r="C62" s="14">
        <v>12</v>
      </c>
      <c r="D62" s="18">
        <v>22</v>
      </c>
    </row>
    <row r="63" spans="1:4" ht="18" customHeight="1" x14ac:dyDescent="0.15">
      <c r="A63" s="5">
        <v>48</v>
      </c>
      <c r="B63" s="22">
        <v>9</v>
      </c>
      <c r="C63" s="14">
        <v>8</v>
      </c>
      <c r="D63" s="18">
        <v>17</v>
      </c>
    </row>
    <row r="64" spans="1:4" ht="18" customHeight="1" x14ac:dyDescent="0.15">
      <c r="A64" s="5">
        <v>49</v>
      </c>
      <c r="B64" s="22">
        <v>9</v>
      </c>
      <c r="C64" s="14">
        <v>16</v>
      </c>
      <c r="D64" s="18">
        <v>25</v>
      </c>
    </row>
    <row r="65" spans="1:4" ht="18" customHeight="1" x14ac:dyDescent="0.15">
      <c r="A65" s="5" t="s">
        <v>17</v>
      </c>
      <c r="B65" s="22">
        <v>48</v>
      </c>
      <c r="C65" s="14">
        <v>49</v>
      </c>
      <c r="D65" s="18">
        <v>97</v>
      </c>
    </row>
    <row r="66" spans="1:4" ht="18" customHeight="1" x14ac:dyDescent="0.15">
      <c r="A66" s="5">
        <v>50</v>
      </c>
      <c r="B66" s="22">
        <v>8</v>
      </c>
      <c r="C66" s="14">
        <v>5</v>
      </c>
      <c r="D66" s="18">
        <v>13</v>
      </c>
    </row>
    <row r="67" spans="1:4" ht="18" customHeight="1" x14ac:dyDescent="0.15">
      <c r="A67" s="5">
        <v>51</v>
      </c>
      <c r="B67" s="22">
        <v>14</v>
      </c>
      <c r="C67" s="14">
        <v>11</v>
      </c>
      <c r="D67" s="18">
        <v>25</v>
      </c>
    </row>
    <row r="68" spans="1:4" ht="18" customHeight="1" x14ac:dyDescent="0.15">
      <c r="A68" s="5">
        <v>52</v>
      </c>
      <c r="B68" s="22">
        <v>19</v>
      </c>
      <c r="C68" s="14">
        <v>14</v>
      </c>
      <c r="D68" s="18">
        <v>33</v>
      </c>
    </row>
    <row r="69" spans="1:4" ht="18" customHeight="1" x14ac:dyDescent="0.15">
      <c r="A69" s="5">
        <v>53</v>
      </c>
      <c r="B69" s="22">
        <v>12</v>
      </c>
      <c r="C69" s="14">
        <v>7</v>
      </c>
      <c r="D69" s="18">
        <v>19</v>
      </c>
    </row>
    <row r="70" spans="1:4" ht="18" customHeight="1" x14ac:dyDescent="0.15">
      <c r="A70" s="5">
        <v>54</v>
      </c>
      <c r="B70" s="22">
        <v>13</v>
      </c>
      <c r="C70" s="14">
        <v>16</v>
      </c>
      <c r="D70" s="18">
        <v>29</v>
      </c>
    </row>
    <row r="71" spans="1:4" ht="18" customHeight="1" x14ac:dyDescent="0.15">
      <c r="A71" s="5" t="s">
        <v>22</v>
      </c>
      <c r="B71" s="22">
        <v>66</v>
      </c>
      <c r="C71" s="14">
        <v>53</v>
      </c>
      <c r="D71" s="18">
        <v>119</v>
      </c>
    </row>
    <row r="72" spans="1:4" ht="18" customHeight="1" x14ac:dyDescent="0.15">
      <c r="A72" s="5">
        <v>55</v>
      </c>
      <c r="B72" s="22">
        <v>21</v>
      </c>
      <c r="C72" s="14">
        <v>11</v>
      </c>
      <c r="D72" s="18">
        <v>32</v>
      </c>
    </row>
    <row r="73" spans="1:4" ht="18" customHeight="1" x14ac:dyDescent="0.15">
      <c r="A73" s="5">
        <v>56</v>
      </c>
      <c r="B73" s="22">
        <v>11</v>
      </c>
      <c r="C73" s="14">
        <v>7</v>
      </c>
      <c r="D73" s="18">
        <v>18</v>
      </c>
    </row>
    <row r="74" spans="1:4" ht="18" customHeight="1" x14ac:dyDescent="0.15">
      <c r="A74" s="5">
        <v>57</v>
      </c>
      <c r="B74" s="22">
        <v>15</v>
      </c>
      <c r="C74" s="14">
        <v>9</v>
      </c>
      <c r="D74" s="18">
        <v>24</v>
      </c>
    </row>
    <row r="75" spans="1:4" ht="18" customHeight="1" x14ac:dyDescent="0.15">
      <c r="A75" s="5">
        <v>58</v>
      </c>
      <c r="B75" s="22">
        <v>6</v>
      </c>
      <c r="C75" s="14">
        <v>13</v>
      </c>
      <c r="D75" s="18">
        <v>19</v>
      </c>
    </row>
    <row r="76" spans="1:4" ht="18" customHeight="1" x14ac:dyDescent="0.15">
      <c r="A76" s="5">
        <v>59</v>
      </c>
      <c r="B76" s="22">
        <v>7</v>
      </c>
      <c r="C76" s="14">
        <v>8</v>
      </c>
      <c r="D76" s="18">
        <v>15</v>
      </c>
    </row>
    <row r="77" spans="1:4" ht="18" customHeight="1" x14ac:dyDescent="0.15">
      <c r="A77" s="5" t="s">
        <v>27</v>
      </c>
      <c r="B77" s="22">
        <v>60</v>
      </c>
      <c r="C77" s="14">
        <v>48</v>
      </c>
      <c r="D77" s="18">
        <v>108</v>
      </c>
    </row>
    <row r="78" spans="1:4" ht="18" customHeight="1" x14ac:dyDescent="0.15">
      <c r="A78" s="5">
        <v>60</v>
      </c>
      <c r="B78" s="22">
        <v>11</v>
      </c>
      <c r="C78" s="14">
        <v>9</v>
      </c>
      <c r="D78" s="18">
        <v>20</v>
      </c>
    </row>
    <row r="79" spans="1:4" ht="18" customHeight="1" x14ac:dyDescent="0.15">
      <c r="A79" s="5">
        <v>61</v>
      </c>
      <c r="B79" s="22">
        <v>15</v>
      </c>
      <c r="C79" s="14">
        <v>10</v>
      </c>
      <c r="D79" s="18">
        <v>25</v>
      </c>
    </row>
    <row r="80" spans="1:4" ht="18" customHeight="1" x14ac:dyDescent="0.15">
      <c r="A80" s="5">
        <v>62</v>
      </c>
      <c r="B80" s="22">
        <v>11</v>
      </c>
      <c r="C80" s="14">
        <v>13</v>
      </c>
      <c r="D80" s="18">
        <v>24</v>
      </c>
    </row>
    <row r="81" spans="1:4" ht="18" customHeight="1" x14ac:dyDescent="0.15">
      <c r="A81" s="5">
        <v>63</v>
      </c>
      <c r="B81" s="22">
        <v>4</v>
      </c>
      <c r="C81" s="14">
        <v>3</v>
      </c>
      <c r="D81" s="18">
        <v>7</v>
      </c>
    </row>
    <row r="82" spans="1:4" ht="18" customHeight="1" x14ac:dyDescent="0.15">
      <c r="A82" s="5">
        <v>64</v>
      </c>
      <c r="B82" s="22">
        <v>16</v>
      </c>
      <c r="C82" s="14">
        <v>4</v>
      </c>
      <c r="D82" s="18">
        <v>20</v>
      </c>
    </row>
    <row r="83" spans="1:4" ht="18" customHeight="1" x14ac:dyDescent="0.15">
      <c r="A83" s="5" t="s">
        <v>28</v>
      </c>
      <c r="B83" s="22">
        <v>57</v>
      </c>
      <c r="C83" s="14">
        <v>39</v>
      </c>
      <c r="D83" s="18">
        <v>96</v>
      </c>
    </row>
    <row r="84" spans="1:4" ht="18" customHeight="1" x14ac:dyDescent="0.15">
      <c r="A84" s="5" t="s">
        <v>31</v>
      </c>
      <c r="B84" s="22">
        <v>463</v>
      </c>
      <c r="C84" s="14">
        <v>350</v>
      </c>
      <c r="D84" s="18">
        <v>813</v>
      </c>
    </row>
    <row r="85" spans="1:4" ht="18" customHeight="1" x14ac:dyDescent="0.15">
      <c r="A85" s="5">
        <v>65</v>
      </c>
      <c r="B85" s="22">
        <v>10</v>
      </c>
      <c r="C85" s="14">
        <v>13</v>
      </c>
      <c r="D85" s="18">
        <v>23</v>
      </c>
    </row>
    <row r="86" spans="1:4" ht="18" customHeight="1" x14ac:dyDescent="0.15">
      <c r="A86" s="5">
        <v>66</v>
      </c>
      <c r="B86" s="22">
        <v>13</v>
      </c>
      <c r="C86" s="14">
        <v>10</v>
      </c>
      <c r="D86" s="18">
        <v>23</v>
      </c>
    </row>
    <row r="87" spans="1:4" ht="18" customHeight="1" x14ac:dyDescent="0.15">
      <c r="A87" s="5">
        <v>67</v>
      </c>
      <c r="B87" s="22">
        <v>11</v>
      </c>
      <c r="C87" s="14">
        <v>14</v>
      </c>
      <c r="D87" s="18">
        <v>25</v>
      </c>
    </row>
    <row r="88" spans="1:4" ht="18" customHeight="1" x14ac:dyDescent="0.15">
      <c r="A88" s="5">
        <v>68</v>
      </c>
      <c r="B88" s="22">
        <v>12</v>
      </c>
      <c r="C88" s="14">
        <v>18</v>
      </c>
      <c r="D88" s="18">
        <v>30</v>
      </c>
    </row>
    <row r="89" spans="1:4" ht="18" customHeight="1" x14ac:dyDescent="0.15">
      <c r="A89" s="5">
        <v>69</v>
      </c>
      <c r="B89" s="22">
        <v>16</v>
      </c>
      <c r="C89" s="14">
        <v>8</v>
      </c>
      <c r="D89" s="18">
        <v>24</v>
      </c>
    </row>
    <row r="90" spans="1:4" ht="18" customHeight="1" x14ac:dyDescent="0.15">
      <c r="A90" s="5" t="s">
        <v>20</v>
      </c>
      <c r="B90" s="22">
        <v>62</v>
      </c>
      <c r="C90" s="14">
        <v>63</v>
      </c>
      <c r="D90" s="18">
        <v>125</v>
      </c>
    </row>
    <row r="91" spans="1:4" ht="18" customHeight="1" x14ac:dyDescent="0.15">
      <c r="A91" s="5">
        <v>70</v>
      </c>
      <c r="B91" s="22">
        <v>12</v>
      </c>
      <c r="C91" s="14">
        <v>18</v>
      </c>
      <c r="D91" s="18">
        <v>30</v>
      </c>
    </row>
    <row r="92" spans="1:4" ht="18" customHeight="1" x14ac:dyDescent="0.15">
      <c r="A92" s="5">
        <v>71</v>
      </c>
      <c r="B92" s="22">
        <v>16</v>
      </c>
      <c r="C92" s="14">
        <v>22</v>
      </c>
      <c r="D92" s="18">
        <v>38</v>
      </c>
    </row>
    <row r="93" spans="1:4" ht="18" customHeight="1" x14ac:dyDescent="0.15">
      <c r="A93" s="5">
        <v>72</v>
      </c>
      <c r="B93" s="22">
        <v>15</v>
      </c>
      <c r="C93" s="14">
        <v>13</v>
      </c>
      <c r="D93" s="18">
        <v>28</v>
      </c>
    </row>
    <row r="94" spans="1:4" ht="18" customHeight="1" x14ac:dyDescent="0.15">
      <c r="A94" s="5">
        <v>73</v>
      </c>
      <c r="B94" s="22">
        <v>11</v>
      </c>
      <c r="C94" s="14">
        <v>12</v>
      </c>
      <c r="D94" s="18">
        <v>23</v>
      </c>
    </row>
    <row r="95" spans="1:4" ht="18" customHeight="1" x14ac:dyDescent="0.15">
      <c r="A95" s="5">
        <v>74</v>
      </c>
      <c r="B95" s="22">
        <v>23</v>
      </c>
      <c r="C95" s="14">
        <v>19</v>
      </c>
      <c r="D95" s="18">
        <v>42</v>
      </c>
    </row>
    <row r="96" spans="1:4" ht="18" customHeight="1" x14ac:dyDescent="0.15">
      <c r="A96" s="5" t="s">
        <v>33</v>
      </c>
      <c r="B96" s="22">
        <v>77</v>
      </c>
      <c r="C96" s="14">
        <v>84</v>
      </c>
      <c r="D96" s="18">
        <v>161</v>
      </c>
    </row>
    <row r="97" spans="1:4" ht="18" customHeight="1" x14ac:dyDescent="0.15">
      <c r="A97" s="5">
        <v>75</v>
      </c>
      <c r="B97" s="22">
        <v>18</v>
      </c>
      <c r="C97" s="14">
        <v>13</v>
      </c>
      <c r="D97" s="18">
        <v>31</v>
      </c>
    </row>
    <row r="98" spans="1:4" ht="18" customHeight="1" x14ac:dyDescent="0.15">
      <c r="A98" s="5">
        <v>76</v>
      </c>
      <c r="B98" s="22">
        <v>16</v>
      </c>
      <c r="C98" s="14">
        <v>20</v>
      </c>
      <c r="D98" s="18">
        <v>36</v>
      </c>
    </row>
    <row r="99" spans="1:4" ht="18" customHeight="1" x14ac:dyDescent="0.15">
      <c r="A99" s="5">
        <v>77</v>
      </c>
      <c r="B99" s="22">
        <v>22</v>
      </c>
      <c r="C99" s="14">
        <v>25</v>
      </c>
      <c r="D99" s="18">
        <v>47</v>
      </c>
    </row>
    <row r="100" spans="1:4" ht="18" customHeight="1" x14ac:dyDescent="0.15">
      <c r="A100" s="5">
        <v>78</v>
      </c>
      <c r="B100" s="22">
        <v>27</v>
      </c>
      <c r="C100" s="14">
        <v>35</v>
      </c>
      <c r="D100" s="18">
        <v>62</v>
      </c>
    </row>
    <row r="101" spans="1:4" ht="18" customHeight="1" x14ac:dyDescent="0.15">
      <c r="A101" s="5">
        <v>79</v>
      </c>
      <c r="B101" s="22">
        <v>16</v>
      </c>
      <c r="C101" s="14">
        <v>13</v>
      </c>
      <c r="D101" s="18">
        <v>29</v>
      </c>
    </row>
    <row r="102" spans="1:4" ht="18" customHeight="1" x14ac:dyDescent="0.15">
      <c r="A102" s="5" t="s">
        <v>0</v>
      </c>
      <c r="B102" s="22">
        <v>99</v>
      </c>
      <c r="C102" s="14">
        <v>106</v>
      </c>
      <c r="D102" s="18">
        <v>205</v>
      </c>
    </row>
    <row r="103" spans="1:4" ht="18" customHeight="1" x14ac:dyDescent="0.15">
      <c r="A103" s="5">
        <v>80</v>
      </c>
      <c r="B103" s="22">
        <v>9</v>
      </c>
      <c r="C103" s="14">
        <v>11</v>
      </c>
      <c r="D103" s="18">
        <v>20</v>
      </c>
    </row>
    <row r="104" spans="1:4" ht="18" customHeight="1" x14ac:dyDescent="0.15">
      <c r="A104" s="5">
        <v>81</v>
      </c>
      <c r="B104" s="22">
        <v>7</v>
      </c>
      <c r="C104" s="14">
        <v>22</v>
      </c>
      <c r="D104" s="18">
        <v>29</v>
      </c>
    </row>
    <row r="105" spans="1:4" ht="18" customHeight="1" x14ac:dyDescent="0.15">
      <c r="A105" s="5">
        <v>82</v>
      </c>
      <c r="B105" s="22">
        <v>16</v>
      </c>
      <c r="C105" s="14">
        <v>23</v>
      </c>
      <c r="D105" s="18">
        <v>39</v>
      </c>
    </row>
    <row r="106" spans="1:4" ht="18" customHeight="1" x14ac:dyDescent="0.15">
      <c r="A106" s="5">
        <v>83</v>
      </c>
      <c r="B106" s="22">
        <v>12</v>
      </c>
      <c r="C106" s="14">
        <v>17</v>
      </c>
      <c r="D106" s="18">
        <v>29</v>
      </c>
    </row>
    <row r="107" spans="1:4" ht="18" customHeight="1" x14ac:dyDescent="0.15">
      <c r="A107" s="5">
        <v>84</v>
      </c>
      <c r="B107" s="22">
        <v>15</v>
      </c>
      <c r="C107" s="14">
        <v>20</v>
      </c>
      <c r="D107" s="18">
        <v>35</v>
      </c>
    </row>
    <row r="108" spans="1:4" ht="18" customHeight="1" x14ac:dyDescent="0.15">
      <c r="A108" s="5" t="s">
        <v>35</v>
      </c>
      <c r="B108" s="22">
        <v>59</v>
      </c>
      <c r="C108" s="14">
        <v>93</v>
      </c>
      <c r="D108" s="18">
        <v>152</v>
      </c>
    </row>
    <row r="109" spans="1:4" ht="18" customHeight="1" x14ac:dyDescent="0.15">
      <c r="A109" s="5">
        <v>85</v>
      </c>
      <c r="B109" s="22">
        <v>11</v>
      </c>
      <c r="C109" s="14">
        <v>13</v>
      </c>
      <c r="D109" s="18">
        <v>24</v>
      </c>
    </row>
    <row r="110" spans="1:4" ht="18" customHeight="1" x14ac:dyDescent="0.15">
      <c r="A110" s="5">
        <v>86</v>
      </c>
      <c r="B110" s="22">
        <v>7</v>
      </c>
      <c r="C110" s="14">
        <v>13</v>
      </c>
      <c r="D110" s="18">
        <v>20</v>
      </c>
    </row>
    <row r="111" spans="1:4" ht="18" customHeight="1" x14ac:dyDescent="0.15">
      <c r="A111" s="5">
        <v>87</v>
      </c>
      <c r="B111" s="22">
        <v>4</v>
      </c>
      <c r="C111" s="14">
        <v>16</v>
      </c>
      <c r="D111" s="18">
        <v>20</v>
      </c>
    </row>
    <row r="112" spans="1:4" ht="18" customHeight="1" x14ac:dyDescent="0.15">
      <c r="A112" s="5">
        <v>88</v>
      </c>
      <c r="B112" s="22">
        <v>8</v>
      </c>
      <c r="C112" s="14">
        <v>11</v>
      </c>
      <c r="D112" s="18">
        <v>19</v>
      </c>
    </row>
    <row r="113" spans="1:4" ht="18" customHeight="1" x14ac:dyDescent="0.15">
      <c r="A113" s="5">
        <v>89</v>
      </c>
      <c r="B113" s="22">
        <v>3</v>
      </c>
      <c r="C113" s="14">
        <v>11</v>
      </c>
      <c r="D113" s="18">
        <v>14</v>
      </c>
    </row>
    <row r="114" spans="1:4" ht="18" customHeight="1" x14ac:dyDescent="0.15">
      <c r="A114" s="5" t="s">
        <v>37</v>
      </c>
      <c r="B114" s="22">
        <v>33</v>
      </c>
      <c r="C114" s="14">
        <v>64</v>
      </c>
      <c r="D114" s="18">
        <v>97</v>
      </c>
    </row>
    <row r="115" spans="1:4" ht="18" customHeight="1" x14ac:dyDescent="0.15">
      <c r="A115" s="5">
        <v>90</v>
      </c>
      <c r="B115" s="22">
        <v>2</v>
      </c>
      <c r="C115" s="14">
        <v>12</v>
      </c>
      <c r="D115" s="18">
        <v>14</v>
      </c>
    </row>
    <row r="116" spans="1:4" ht="18" customHeight="1" x14ac:dyDescent="0.15">
      <c r="A116" s="5">
        <v>91</v>
      </c>
      <c r="B116" s="22">
        <v>4</v>
      </c>
      <c r="C116" s="14">
        <v>10</v>
      </c>
      <c r="D116" s="18">
        <v>14</v>
      </c>
    </row>
    <row r="117" spans="1:4" ht="18" customHeight="1" x14ac:dyDescent="0.15">
      <c r="A117" s="5">
        <v>92</v>
      </c>
      <c r="B117" s="22">
        <v>5</v>
      </c>
      <c r="C117" s="14">
        <v>13</v>
      </c>
      <c r="D117" s="18">
        <v>18</v>
      </c>
    </row>
    <row r="118" spans="1:4" ht="18" customHeight="1" x14ac:dyDescent="0.15">
      <c r="A118" s="5">
        <v>93</v>
      </c>
      <c r="B118" s="22">
        <v>6</v>
      </c>
      <c r="C118" s="14">
        <v>10</v>
      </c>
      <c r="D118" s="18">
        <v>16</v>
      </c>
    </row>
    <row r="119" spans="1:4" ht="18" customHeight="1" x14ac:dyDescent="0.15">
      <c r="A119" s="5">
        <v>94</v>
      </c>
      <c r="B119" s="22">
        <v>2</v>
      </c>
      <c r="C119" s="14">
        <v>11</v>
      </c>
      <c r="D119" s="18">
        <v>13</v>
      </c>
    </row>
    <row r="120" spans="1:4" ht="18" customHeight="1" x14ac:dyDescent="0.15">
      <c r="A120" s="5" t="s">
        <v>39</v>
      </c>
      <c r="B120" s="22">
        <v>19</v>
      </c>
      <c r="C120" s="14">
        <v>56</v>
      </c>
      <c r="D120" s="18">
        <v>75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0</v>
      </c>
      <c r="C122" s="14">
        <v>6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0</v>
      </c>
      <c r="C126" s="14">
        <v>14</v>
      </c>
      <c r="D126" s="18">
        <v>14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349</v>
      </c>
      <c r="C130" s="14">
        <v>485</v>
      </c>
      <c r="D130" s="18">
        <v>834</v>
      </c>
    </row>
    <row r="131" spans="1:4" ht="18" customHeight="1" x14ac:dyDescent="0.15">
      <c r="A131" s="7" t="s">
        <v>45</v>
      </c>
      <c r="B131" s="23">
        <v>860</v>
      </c>
      <c r="C131" s="15">
        <v>905</v>
      </c>
      <c r="D131" s="19">
        <v>176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F00-000000000000}">
  <sheetPr codeName="Sheet7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7</v>
      </c>
      <c r="C5" s="29">
        <v>8</v>
      </c>
      <c r="D5" s="31">
        <v>15</v>
      </c>
    </row>
    <row r="6" spans="1:4" ht="18" customHeight="1" x14ac:dyDescent="0.15">
      <c r="A6" s="5">
        <v>1</v>
      </c>
      <c r="B6" s="27">
        <v>13</v>
      </c>
      <c r="C6" s="14">
        <v>11</v>
      </c>
      <c r="D6" s="18">
        <v>24</v>
      </c>
    </row>
    <row r="7" spans="1:4" ht="18" customHeight="1" x14ac:dyDescent="0.15">
      <c r="A7" s="5">
        <v>2</v>
      </c>
      <c r="B7" s="27">
        <v>16</v>
      </c>
      <c r="C7" s="14">
        <v>9</v>
      </c>
      <c r="D7" s="18">
        <v>25</v>
      </c>
    </row>
    <row r="8" spans="1:4" ht="18" customHeight="1" x14ac:dyDescent="0.15">
      <c r="A8" s="5">
        <v>3</v>
      </c>
      <c r="B8" s="27">
        <v>15</v>
      </c>
      <c r="C8" s="14">
        <v>11</v>
      </c>
      <c r="D8" s="18">
        <v>26</v>
      </c>
    </row>
    <row r="9" spans="1:4" ht="18" customHeight="1" x14ac:dyDescent="0.15">
      <c r="A9" s="5">
        <v>4</v>
      </c>
      <c r="B9" s="28">
        <v>16</v>
      </c>
      <c r="C9" s="30">
        <v>11</v>
      </c>
      <c r="D9" s="32">
        <v>27</v>
      </c>
    </row>
    <row r="10" spans="1:4" ht="18" customHeight="1" x14ac:dyDescent="0.15">
      <c r="A10" s="5" t="s">
        <v>7</v>
      </c>
      <c r="B10" s="22">
        <v>67</v>
      </c>
      <c r="C10" s="14">
        <v>50</v>
      </c>
      <c r="D10" s="18">
        <v>117</v>
      </c>
    </row>
    <row r="11" spans="1:4" ht="18" customHeight="1" x14ac:dyDescent="0.15">
      <c r="A11" s="5">
        <v>5</v>
      </c>
      <c r="B11" s="27">
        <v>10</v>
      </c>
      <c r="C11" s="14">
        <v>17</v>
      </c>
      <c r="D11" s="18">
        <v>27</v>
      </c>
    </row>
    <row r="12" spans="1:4" ht="18" customHeight="1" x14ac:dyDescent="0.15">
      <c r="A12" s="5">
        <v>6</v>
      </c>
      <c r="B12" s="27">
        <v>20</v>
      </c>
      <c r="C12" s="14">
        <v>23</v>
      </c>
      <c r="D12" s="18">
        <v>43</v>
      </c>
    </row>
    <row r="13" spans="1:4" ht="18" customHeight="1" x14ac:dyDescent="0.15">
      <c r="A13" s="5">
        <v>7</v>
      </c>
      <c r="B13" s="27">
        <v>12</v>
      </c>
      <c r="C13" s="14">
        <v>21</v>
      </c>
      <c r="D13" s="18">
        <v>33</v>
      </c>
    </row>
    <row r="14" spans="1:4" ht="18" customHeight="1" x14ac:dyDescent="0.15">
      <c r="A14" s="5">
        <v>8</v>
      </c>
      <c r="B14" s="27">
        <v>17</v>
      </c>
      <c r="C14" s="14">
        <v>22</v>
      </c>
      <c r="D14" s="18">
        <v>39</v>
      </c>
    </row>
    <row r="15" spans="1:4" ht="18" customHeight="1" x14ac:dyDescent="0.15">
      <c r="A15" s="5">
        <v>9</v>
      </c>
      <c r="B15" s="27">
        <v>18</v>
      </c>
      <c r="C15" s="14">
        <v>26</v>
      </c>
      <c r="D15" s="18">
        <v>44</v>
      </c>
    </row>
    <row r="16" spans="1:4" ht="18" customHeight="1" x14ac:dyDescent="0.15">
      <c r="A16" s="5" t="s">
        <v>11</v>
      </c>
      <c r="B16" s="22">
        <v>77</v>
      </c>
      <c r="C16" s="14">
        <v>109</v>
      </c>
      <c r="D16" s="18">
        <v>186</v>
      </c>
    </row>
    <row r="17" spans="1:4" ht="18" customHeight="1" x14ac:dyDescent="0.15">
      <c r="A17" s="5">
        <v>10</v>
      </c>
      <c r="B17" s="22">
        <v>20</v>
      </c>
      <c r="C17" s="14">
        <v>29</v>
      </c>
      <c r="D17" s="18">
        <v>49</v>
      </c>
    </row>
    <row r="18" spans="1:4" ht="18" customHeight="1" x14ac:dyDescent="0.15">
      <c r="A18" s="5">
        <v>11</v>
      </c>
      <c r="B18" s="22">
        <v>24</v>
      </c>
      <c r="C18" s="14">
        <v>24</v>
      </c>
      <c r="D18" s="18">
        <v>48</v>
      </c>
    </row>
    <row r="19" spans="1:4" ht="18" customHeight="1" x14ac:dyDescent="0.15">
      <c r="A19" s="5">
        <v>12</v>
      </c>
      <c r="B19" s="22">
        <v>25</v>
      </c>
      <c r="C19" s="14">
        <v>25</v>
      </c>
      <c r="D19" s="18">
        <v>50</v>
      </c>
    </row>
    <row r="20" spans="1:4" ht="18" customHeight="1" x14ac:dyDescent="0.15">
      <c r="A20" s="5">
        <v>13</v>
      </c>
      <c r="B20" s="22">
        <v>34</v>
      </c>
      <c r="C20" s="14">
        <v>31</v>
      </c>
      <c r="D20" s="18">
        <v>65</v>
      </c>
    </row>
    <row r="21" spans="1:4" ht="18" customHeight="1" x14ac:dyDescent="0.15">
      <c r="A21" s="5">
        <v>14</v>
      </c>
      <c r="B21" s="22">
        <v>22</v>
      </c>
      <c r="C21" s="14">
        <v>19</v>
      </c>
      <c r="D21" s="18">
        <v>41</v>
      </c>
    </row>
    <row r="22" spans="1:4" ht="18" customHeight="1" x14ac:dyDescent="0.15">
      <c r="A22" s="5" t="s">
        <v>12</v>
      </c>
      <c r="B22" s="22">
        <v>125</v>
      </c>
      <c r="C22" s="14">
        <v>128</v>
      </c>
      <c r="D22" s="18">
        <v>253</v>
      </c>
    </row>
    <row r="23" spans="1:4" ht="18" customHeight="1" x14ac:dyDescent="0.15">
      <c r="A23" s="5" t="s">
        <v>6</v>
      </c>
      <c r="B23" s="22">
        <v>269</v>
      </c>
      <c r="C23" s="14">
        <v>287</v>
      </c>
      <c r="D23" s="18">
        <v>556</v>
      </c>
    </row>
    <row r="24" spans="1:4" ht="18" customHeight="1" x14ac:dyDescent="0.15">
      <c r="A24" s="5">
        <v>15</v>
      </c>
      <c r="B24" s="22">
        <v>18</v>
      </c>
      <c r="C24" s="14">
        <v>20</v>
      </c>
      <c r="D24" s="18">
        <v>38</v>
      </c>
    </row>
    <row r="25" spans="1:4" ht="18" customHeight="1" x14ac:dyDescent="0.15">
      <c r="A25" s="5">
        <v>16</v>
      </c>
      <c r="B25" s="22">
        <v>26</v>
      </c>
      <c r="C25" s="14">
        <v>32</v>
      </c>
      <c r="D25" s="18">
        <v>58</v>
      </c>
    </row>
    <row r="26" spans="1:4" ht="18" customHeight="1" x14ac:dyDescent="0.15">
      <c r="A26" s="5">
        <v>17</v>
      </c>
      <c r="B26" s="22">
        <v>30</v>
      </c>
      <c r="C26" s="14">
        <v>21</v>
      </c>
      <c r="D26" s="18">
        <v>51</v>
      </c>
    </row>
    <row r="27" spans="1:4" ht="18" customHeight="1" x14ac:dyDescent="0.15">
      <c r="A27" s="5">
        <v>18</v>
      </c>
      <c r="B27" s="22">
        <v>22</v>
      </c>
      <c r="C27" s="14">
        <v>21</v>
      </c>
      <c r="D27" s="18">
        <v>43</v>
      </c>
    </row>
    <row r="28" spans="1:4" ht="18" customHeight="1" x14ac:dyDescent="0.15">
      <c r="A28" s="5">
        <v>19</v>
      </c>
      <c r="B28" s="22">
        <v>30</v>
      </c>
      <c r="C28" s="14">
        <v>21</v>
      </c>
      <c r="D28" s="18">
        <v>51</v>
      </c>
    </row>
    <row r="29" spans="1:4" ht="18" customHeight="1" x14ac:dyDescent="0.15">
      <c r="A29" s="5" t="s">
        <v>14</v>
      </c>
      <c r="B29" s="22">
        <v>126</v>
      </c>
      <c r="C29" s="14">
        <v>115</v>
      </c>
      <c r="D29" s="18">
        <v>241</v>
      </c>
    </row>
    <row r="30" spans="1:4" ht="18" customHeight="1" x14ac:dyDescent="0.15">
      <c r="A30" s="5">
        <v>20</v>
      </c>
      <c r="B30" s="22">
        <v>32</v>
      </c>
      <c r="C30" s="14">
        <v>19</v>
      </c>
      <c r="D30" s="18">
        <v>51</v>
      </c>
    </row>
    <row r="31" spans="1:4" ht="18" customHeight="1" x14ac:dyDescent="0.15">
      <c r="A31" s="5">
        <v>21</v>
      </c>
      <c r="B31" s="22">
        <v>43</v>
      </c>
      <c r="C31" s="14">
        <v>35</v>
      </c>
      <c r="D31" s="18">
        <v>78</v>
      </c>
    </row>
    <row r="32" spans="1:4" ht="18" customHeight="1" x14ac:dyDescent="0.15">
      <c r="A32" s="5">
        <v>22</v>
      </c>
      <c r="B32" s="22">
        <v>28</v>
      </c>
      <c r="C32" s="14">
        <v>33</v>
      </c>
      <c r="D32" s="18">
        <v>61</v>
      </c>
    </row>
    <row r="33" spans="1:4" ht="18" customHeight="1" x14ac:dyDescent="0.15">
      <c r="A33" s="5">
        <v>23</v>
      </c>
      <c r="B33" s="22">
        <v>40</v>
      </c>
      <c r="C33" s="14">
        <v>26</v>
      </c>
      <c r="D33" s="18">
        <v>66</v>
      </c>
    </row>
    <row r="34" spans="1:4" ht="18" customHeight="1" x14ac:dyDescent="0.15">
      <c r="A34" s="5">
        <v>24</v>
      </c>
      <c r="B34" s="22">
        <v>42</v>
      </c>
      <c r="C34" s="14">
        <v>25</v>
      </c>
      <c r="D34" s="18">
        <v>67</v>
      </c>
    </row>
    <row r="35" spans="1:4" ht="18" customHeight="1" x14ac:dyDescent="0.15">
      <c r="A35" s="5" t="s">
        <v>9</v>
      </c>
      <c r="B35" s="22">
        <v>185</v>
      </c>
      <c r="C35" s="14">
        <v>138</v>
      </c>
      <c r="D35" s="18">
        <v>323</v>
      </c>
    </row>
    <row r="36" spans="1:4" ht="18" customHeight="1" x14ac:dyDescent="0.15">
      <c r="A36" s="5">
        <v>25</v>
      </c>
      <c r="B36" s="22">
        <v>39</v>
      </c>
      <c r="C36" s="14">
        <v>30</v>
      </c>
      <c r="D36" s="18">
        <v>69</v>
      </c>
    </row>
    <row r="37" spans="1:4" ht="18" customHeight="1" x14ac:dyDescent="0.15">
      <c r="A37" s="5">
        <v>26</v>
      </c>
      <c r="B37" s="22">
        <v>44</v>
      </c>
      <c r="C37" s="14">
        <v>32</v>
      </c>
      <c r="D37" s="18">
        <v>76</v>
      </c>
    </row>
    <row r="38" spans="1:4" ht="18" customHeight="1" x14ac:dyDescent="0.15">
      <c r="A38" s="5">
        <v>27</v>
      </c>
      <c r="B38" s="22">
        <v>40</v>
      </c>
      <c r="C38" s="14">
        <v>26</v>
      </c>
      <c r="D38" s="18">
        <v>66</v>
      </c>
    </row>
    <row r="39" spans="1:4" ht="18" customHeight="1" x14ac:dyDescent="0.15">
      <c r="A39" s="5">
        <v>28</v>
      </c>
      <c r="B39" s="22">
        <v>43</v>
      </c>
      <c r="C39" s="14">
        <v>19</v>
      </c>
      <c r="D39" s="18">
        <v>62</v>
      </c>
    </row>
    <row r="40" spans="1:4" ht="18" customHeight="1" x14ac:dyDescent="0.15">
      <c r="A40" s="5">
        <v>29</v>
      </c>
      <c r="B40" s="22">
        <v>26</v>
      </c>
      <c r="C40" s="14">
        <v>24</v>
      </c>
      <c r="D40" s="18">
        <v>50</v>
      </c>
    </row>
    <row r="41" spans="1:4" ht="18" customHeight="1" x14ac:dyDescent="0.15">
      <c r="A41" s="5" t="s">
        <v>2</v>
      </c>
      <c r="B41" s="22">
        <v>192</v>
      </c>
      <c r="C41" s="14">
        <v>131</v>
      </c>
      <c r="D41" s="18">
        <v>323</v>
      </c>
    </row>
    <row r="42" spans="1:4" ht="18" customHeight="1" x14ac:dyDescent="0.15">
      <c r="A42" s="5">
        <v>30</v>
      </c>
      <c r="B42" s="22">
        <v>32</v>
      </c>
      <c r="C42" s="14">
        <v>22</v>
      </c>
      <c r="D42" s="18">
        <v>54</v>
      </c>
    </row>
    <row r="43" spans="1:4" ht="18" customHeight="1" x14ac:dyDescent="0.15">
      <c r="A43" s="5">
        <v>31</v>
      </c>
      <c r="B43" s="22">
        <v>31</v>
      </c>
      <c r="C43" s="14">
        <v>20</v>
      </c>
      <c r="D43" s="18">
        <v>51</v>
      </c>
    </row>
    <row r="44" spans="1:4" ht="18" customHeight="1" x14ac:dyDescent="0.15">
      <c r="A44" s="5">
        <v>32</v>
      </c>
      <c r="B44" s="22">
        <v>29</v>
      </c>
      <c r="C44" s="14">
        <v>19</v>
      </c>
      <c r="D44" s="18">
        <v>48</v>
      </c>
    </row>
    <row r="45" spans="1:4" ht="18" customHeight="1" x14ac:dyDescent="0.15">
      <c r="A45" s="5">
        <v>33</v>
      </c>
      <c r="B45" s="22">
        <v>32</v>
      </c>
      <c r="C45" s="14">
        <v>23</v>
      </c>
      <c r="D45" s="18">
        <v>55</v>
      </c>
    </row>
    <row r="46" spans="1:4" ht="18" customHeight="1" x14ac:dyDescent="0.15">
      <c r="A46" s="5">
        <v>34</v>
      </c>
      <c r="B46" s="22">
        <v>28</v>
      </c>
      <c r="C46" s="14">
        <v>28</v>
      </c>
      <c r="D46" s="18">
        <v>56</v>
      </c>
    </row>
    <row r="47" spans="1:4" ht="18" customHeight="1" x14ac:dyDescent="0.15">
      <c r="A47" s="5" t="s">
        <v>15</v>
      </c>
      <c r="B47" s="22">
        <v>152</v>
      </c>
      <c r="C47" s="14">
        <v>112</v>
      </c>
      <c r="D47" s="18">
        <v>264</v>
      </c>
    </row>
    <row r="48" spans="1:4" ht="18" customHeight="1" x14ac:dyDescent="0.15">
      <c r="A48" s="5">
        <v>35</v>
      </c>
      <c r="B48" s="22">
        <v>25</v>
      </c>
      <c r="C48" s="14">
        <v>21</v>
      </c>
      <c r="D48" s="18">
        <v>46</v>
      </c>
    </row>
    <row r="49" spans="1:4" ht="18" customHeight="1" x14ac:dyDescent="0.15">
      <c r="A49" s="5">
        <v>36</v>
      </c>
      <c r="B49" s="22">
        <v>34</v>
      </c>
      <c r="C49" s="14">
        <v>26</v>
      </c>
      <c r="D49" s="18">
        <v>60</v>
      </c>
    </row>
    <row r="50" spans="1:4" ht="18" customHeight="1" x14ac:dyDescent="0.15">
      <c r="A50" s="5">
        <v>37</v>
      </c>
      <c r="B50" s="22">
        <v>35</v>
      </c>
      <c r="C50" s="14">
        <v>24</v>
      </c>
      <c r="D50" s="18">
        <v>59</v>
      </c>
    </row>
    <row r="51" spans="1:4" ht="18" customHeight="1" x14ac:dyDescent="0.15">
      <c r="A51" s="5">
        <v>38</v>
      </c>
      <c r="B51" s="22">
        <v>31</v>
      </c>
      <c r="C51" s="14">
        <v>24</v>
      </c>
      <c r="D51" s="18">
        <v>55</v>
      </c>
    </row>
    <row r="52" spans="1:4" ht="18" customHeight="1" x14ac:dyDescent="0.15">
      <c r="A52" s="5">
        <v>39</v>
      </c>
      <c r="B52" s="22">
        <v>32</v>
      </c>
      <c r="C52" s="14">
        <v>29</v>
      </c>
      <c r="D52" s="18">
        <v>61</v>
      </c>
    </row>
    <row r="53" spans="1:4" ht="18" customHeight="1" x14ac:dyDescent="0.15">
      <c r="A53" s="5" t="s">
        <v>18</v>
      </c>
      <c r="B53" s="22">
        <v>157</v>
      </c>
      <c r="C53" s="14">
        <v>124</v>
      </c>
      <c r="D53" s="18">
        <v>281</v>
      </c>
    </row>
    <row r="54" spans="1:4" ht="18" customHeight="1" x14ac:dyDescent="0.15">
      <c r="A54" s="5">
        <v>40</v>
      </c>
      <c r="B54" s="22">
        <v>27</v>
      </c>
      <c r="C54" s="14">
        <v>33</v>
      </c>
      <c r="D54" s="18">
        <v>60</v>
      </c>
    </row>
    <row r="55" spans="1:4" ht="18" customHeight="1" x14ac:dyDescent="0.15">
      <c r="A55" s="5">
        <v>41</v>
      </c>
      <c r="B55" s="22">
        <v>35</v>
      </c>
      <c r="C55" s="14">
        <v>35</v>
      </c>
      <c r="D55" s="18">
        <v>70</v>
      </c>
    </row>
    <row r="56" spans="1:4" ht="18" customHeight="1" x14ac:dyDescent="0.15">
      <c r="A56" s="5">
        <v>42</v>
      </c>
      <c r="B56" s="22">
        <v>35</v>
      </c>
      <c r="C56" s="14">
        <v>37</v>
      </c>
      <c r="D56" s="18">
        <v>72</v>
      </c>
    </row>
    <row r="57" spans="1:4" ht="18" customHeight="1" x14ac:dyDescent="0.15">
      <c r="A57" s="5">
        <v>43</v>
      </c>
      <c r="B57" s="22">
        <v>36</v>
      </c>
      <c r="C57" s="14">
        <v>39</v>
      </c>
      <c r="D57" s="18">
        <v>75</v>
      </c>
    </row>
    <row r="58" spans="1:4" ht="18" customHeight="1" x14ac:dyDescent="0.15">
      <c r="A58" s="5">
        <v>44</v>
      </c>
      <c r="B58" s="22">
        <v>40</v>
      </c>
      <c r="C58" s="14">
        <v>30</v>
      </c>
      <c r="D58" s="18">
        <v>70</v>
      </c>
    </row>
    <row r="59" spans="1:4" ht="18" customHeight="1" x14ac:dyDescent="0.15">
      <c r="A59" s="5" t="s">
        <v>21</v>
      </c>
      <c r="B59" s="22">
        <v>173</v>
      </c>
      <c r="C59" s="14">
        <v>174</v>
      </c>
      <c r="D59" s="18">
        <v>347</v>
      </c>
    </row>
    <row r="60" spans="1:4" ht="18" customHeight="1" x14ac:dyDescent="0.15">
      <c r="A60" s="5">
        <v>45</v>
      </c>
      <c r="B60" s="22">
        <v>42</v>
      </c>
      <c r="C60" s="14">
        <v>38</v>
      </c>
      <c r="D60" s="18">
        <v>80</v>
      </c>
    </row>
    <row r="61" spans="1:4" ht="18" customHeight="1" x14ac:dyDescent="0.15">
      <c r="A61" s="5">
        <v>46</v>
      </c>
      <c r="B61" s="22">
        <v>42</v>
      </c>
      <c r="C61" s="14">
        <v>46</v>
      </c>
      <c r="D61" s="18">
        <v>88</v>
      </c>
    </row>
    <row r="62" spans="1:4" ht="18" customHeight="1" x14ac:dyDescent="0.15">
      <c r="A62" s="5">
        <v>47</v>
      </c>
      <c r="B62" s="22">
        <v>38</v>
      </c>
      <c r="C62" s="14">
        <v>38</v>
      </c>
      <c r="D62" s="18">
        <v>76</v>
      </c>
    </row>
    <row r="63" spans="1:4" ht="18" customHeight="1" x14ac:dyDescent="0.15">
      <c r="A63" s="5">
        <v>48</v>
      </c>
      <c r="B63" s="22">
        <v>43</v>
      </c>
      <c r="C63" s="14">
        <v>43</v>
      </c>
      <c r="D63" s="18">
        <v>86</v>
      </c>
    </row>
    <row r="64" spans="1:4" ht="18" customHeight="1" x14ac:dyDescent="0.15">
      <c r="A64" s="5">
        <v>49</v>
      </c>
      <c r="B64" s="22">
        <v>45</v>
      </c>
      <c r="C64" s="14">
        <v>49</v>
      </c>
      <c r="D64" s="18">
        <v>94</v>
      </c>
    </row>
    <row r="65" spans="1:4" ht="18" customHeight="1" x14ac:dyDescent="0.15">
      <c r="A65" s="5" t="s">
        <v>17</v>
      </c>
      <c r="B65" s="22">
        <v>210</v>
      </c>
      <c r="C65" s="14">
        <v>214</v>
      </c>
      <c r="D65" s="18">
        <v>424</v>
      </c>
    </row>
    <row r="66" spans="1:4" ht="18" customHeight="1" x14ac:dyDescent="0.15">
      <c r="A66" s="5">
        <v>50</v>
      </c>
      <c r="B66" s="22">
        <v>45</v>
      </c>
      <c r="C66" s="14">
        <v>37</v>
      </c>
      <c r="D66" s="18">
        <v>82</v>
      </c>
    </row>
    <row r="67" spans="1:4" ht="18" customHeight="1" x14ac:dyDescent="0.15">
      <c r="A67" s="5">
        <v>51</v>
      </c>
      <c r="B67" s="22">
        <v>46</v>
      </c>
      <c r="C67" s="14">
        <v>48</v>
      </c>
      <c r="D67" s="18">
        <v>94</v>
      </c>
    </row>
    <row r="68" spans="1:4" ht="18" customHeight="1" x14ac:dyDescent="0.15">
      <c r="A68" s="5">
        <v>52</v>
      </c>
      <c r="B68" s="22">
        <v>40</v>
      </c>
      <c r="C68" s="14">
        <v>44</v>
      </c>
      <c r="D68" s="18">
        <v>84</v>
      </c>
    </row>
    <row r="69" spans="1:4" ht="18" customHeight="1" x14ac:dyDescent="0.15">
      <c r="A69" s="5">
        <v>53</v>
      </c>
      <c r="B69" s="22">
        <v>57</v>
      </c>
      <c r="C69" s="14">
        <v>58</v>
      </c>
      <c r="D69" s="18">
        <v>115</v>
      </c>
    </row>
    <row r="70" spans="1:4" ht="18" customHeight="1" x14ac:dyDescent="0.15">
      <c r="A70" s="5">
        <v>54</v>
      </c>
      <c r="B70" s="22">
        <v>49</v>
      </c>
      <c r="C70" s="14">
        <v>45</v>
      </c>
      <c r="D70" s="18">
        <v>94</v>
      </c>
    </row>
    <row r="71" spans="1:4" ht="18" customHeight="1" x14ac:dyDescent="0.15">
      <c r="A71" s="5" t="s">
        <v>22</v>
      </c>
      <c r="B71" s="22">
        <v>237</v>
      </c>
      <c r="C71" s="14">
        <v>232</v>
      </c>
      <c r="D71" s="18">
        <v>469</v>
      </c>
    </row>
    <row r="72" spans="1:4" ht="18" customHeight="1" x14ac:dyDescent="0.15">
      <c r="A72" s="5">
        <v>55</v>
      </c>
      <c r="B72" s="22">
        <v>54</v>
      </c>
      <c r="C72" s="14">
        <v>39</v>
      </c>
      <c r="D72" s="18">
        <v>93</v>
      </c>
    </row>
    <row r="73" spans="1:4" ht="18" customHeight="1" x14ac:dyDescent="0.15">
      <c r="A73" s="5">
        <v>56</v>
      </c>
      <c r="B73" s="22">
        <v>55</v>
      </c>
      <c r="C73" s="14">
        <v>54</v>
      </c>
      <c r="D73" s="18">
        <v>109</v>
      </c>
    </row>
    <row r="74" spans="1:4" ht="18" customHeight="1" x14ac:dyDescent="0.15">
      <c r="A74" s="5">
        <v>57</v>
      </c>
      <c r="B74" s="22">
        <v>48</v>
      </c>
      <c r="C74" s="14">
        <v>45</v>
      </c>
      <c r="D74" s="18">
        <v>93</v>
      </c>
    </row>
    <row r="75" spans="1:4" ht="18" customHeight="1" x14ac:dyDescent="0.15">
      <c r="A75" s="5">
        <v>58</v>
      </c>
      <c r="B75" s="22">
        <v>51</v>
      </c>
      <c r="C75" s="14">
        <v>55</v>
      </c>
      <c r="D75" s="18">
        <v>106</v>
      </c>
    </row>
    <row r="76" spans="1:4" ht="18" customHeight="1" x14ac:dyDescent="0.15">
      <c r="A76" s="5">
        <v>59</v>
      </c>
      <c r="B76" s="22">
        <v>41</v>
      </c>
      <c r="C76" s="14">
        <v>37</v>
      </c>
      <c r="D76" s="18">
        <v>78</v>
      </c>
    </row>
    <row r="77" spans="1:4" ht="18" customHeight="1" x14ac:dyDescent="0.15">
      <c r="A77" s="5" t="s">
        <v>27</v>
      </c>
      <c r="B77" s="22">
        <v>249</v>
      </c>
      <c r="C77" s="14">
        <v>230</v>
      </c>
      <c r="D77" s="18">
        <v>479</v>
      </c>
    </row>
    <row r="78" spans="1:4" ht="18" customHeight="1" x14ac:dyDescent="0.15">
      <c r="A78" s="5">
        <v>60</v>
      </c>
      <c r="B78" s="22">
        <v>45</v>
      </c>
      <c r="C78" s="14">
        <v>37</v>
      </c>
      <c r="D78" s="18">
        <v>82</v>
      </c>
    </row>
    <row r="79" spans="1:4" ht="18" customHeight="1" x14ac:dyDescent="0.15">
      <c r="A79" s="5">
        <v>61</v>
      </c>
      <c r="B79" s="22">
        <v>51</v>
      </c>
      <c r="C79" s="14">
        <v>44</v>
      </c>
      <c r="D79" s="18">
        <v>95</v>
      </c>
    </row>
    <row r="80" spans="1:4" ht="18" customHeight="1" x14ac:dyDescent="0.15">
      <c r="A80" s="5">
        <v>62</v>
      </c>
      <c r="B80" s="22">
        <v>46</v>
      </c>
      <c r="C80" s="14">
        <v>40</v>
      </c>
      <c r="D80" s="18">
        <v>86</v>
      </c>
    </row>
    <row r="81" spans="1:4" ht="18" customHeight="1" x14ac:dyDescent="0.15">
      <c r="A81" s="5">
        <v>63</v>
      </c>
      <c r="B81" s="22">
        <v>41</v>
      </c>
      <c r="C81" s="14">
        <v>36</v>
      </c>
      <c r="D81" s="18">
        <v>77</v>
      </c>
    </row>
    <row r="82" spans="1:4" ht="18" customHeight="1" x14ac:dyDescent="0.15">
      <c r="A82" s="5">
        <v>64</v>
      </c>
      <c r="B82" s="22">
        <v>44</v>
      </c>
      <c r="C82" s="14">
        <v>51</v>
      </c>
      <c r="D82" s="18">
        <v>95</v>
      </c>
    </row>
    <row r="83" spans="1:4" ht="18" customHeight="1" x14ac:dyDescent="0.15">
      <c r="A83" s="5" t="s">
        <v>28</v>
      </c>
      <c r="B83" s="22">
        <v>227</v>
      </c>
      <c r="C83" s="14">
        <v>208</v>
      </c>
      <c r="D83" s="18">
        <v>435</v>
      </c>
    </row>
    <row r="84" spans="1:4" ht="18" customHeight="1" x14ac:dyDescent="0.15">
      <c r="A84" s="5" t="s">
        <v>31</v>
      </c>
      <c r="B84" s="22">
        <v>1908</v>
      </c>
      <c r="C84" s="14">
        <v>1678</v>
      </c>
      <c r="D84" s="18">
        <v>3586</v>
      </c>
    </row>
    <row r="85" spans="1:4" ht="18" customHeight="1" x14ac:dyDescent="0.15">
      <c r="A85" s="5">
        <v>65</v>
      </c>
      <c r="B85" s="22">
        <v>54</v>
      </c>
      <c r="C85" s="14">
        <v>57</v>
      </c>
      <c r="D85" s="18">
        <v>111</v>
      </c>
    </row>
    <row r="86" spans="1:4" ht="18" customHeight="1" x14ac:dyDescent="0.15">
      <c r="A86" s="5">
        <v>66</v>
      </c>
      <c r="B86" s="22">
        <v>35</v>
      </c>
      <c r="C86" s="14">
        <v>43</v>
      </c>
      <c r="D86" s="18">
        <v>78</v>
      </c>
    </row>
    <row r="87" spans="1:4" ht="18" customHeight="1" x14ac:dyDescent="0.15">
      <c r="A87" s="5">
        <v>67</v>
      </c>
      <c r="B87" s="22">
        <v>43</v>
      </c>
      <c r="C87" s="14">
        <v>37</v>
      </c>
      <c r="D87" s="18">
        <v>80</v>
      </c>
    </row>
    <row r="88" spans="1:4" ht="18" customHeight="1" x14ac:dyDescent="0.15">
      <c r="A88" s="5">
        <v>68</v>
      </c>
      <c r="B88" s="22">
        <v>47</v>
      </c>
      <c r="C88" s="14">
        <v>38</v>
      </c>
      <c r="D88" s="18">
        <v>85</v>
      </c>
    </row>
    <row r="89" spans="1:4" ht="18" customHeight="1" x14ac:dyDescent="0.15">
      <c r="A89" s="5">
        <v>69</v>
      </c>
      <c r="B89" s="22">
        <v>43</v>
      </c>
      <c r="C89" s="14">
        <v>40</v>
      </c>
      <c r="D89" s="18">
        <v>83</v>
      </c>
    </row>
    <row r="90" spans="1:4" ht="18" customHeight="1" x14ac:dyDescent="0.15">
      <c r="A90" s="5" t="s">
        <v>20</v>
      </c>
      <c r="B90" s="22">
        <v>222</v>
      </c>
      <c r="C90" s="14">
        <v>215</v>
      </c>
      <c r="D90" s="18">
        <v>437</v>
      </c>
    </row>
    <row r="91" spans="1:4" ht="18" customHeight="1" x14ac:dyDescent="0.15">
      <c r="A91" s="5">
        <v>70</v>
      </c>
      <c r="B91" s="22">
        <v>44</v>
      </c>
      <c r="C91" s="14">
        <v>48</v>
      </c>
      <c r="D91" s="18">
        <v>92</v>
      </c>
    </row>
    <row r="92" spans="1:4" ht="18" customHeight="1" x14ac:dyDescent="0.15">
      <c r="A92" s="5">
        <v>71</v>
      </c>
      <c r="B92" s="22">
        <v>54</v>
      </c>
      <c r="C92" s="14">
        <v>50</v>
      </c>
      <c r="D92" s="18">
        <v>104</v>
      </c>
    </row>
    <row r="93" spans="1:4" ht="18" customHeight="1" x14ac:dyDescent="0.15">
      <c r="A93" s="5">
        <v>72</v>
      </c>
      <c r="B93" s="22">
        <v>50</v>
      </c>
      <c r="C93" s="14">
        <v>54</v>
      </c>
      <c r="D93" s="18">
        <v>104</v>
      </c>
    </row>
    <row r="94" spans="1:4" ht="18" customHeight="1" x14ac:dyDescent="0.15">
      <c r="A94" s="5">
        <v>73</v>
      </c>
      <c r="B94" s="22">
        <v>62</v>
      </c>
      <c r="C94" s="14">
        <v>56</v>
      </c>
      <c r="D94" s="18">
        <v>118</v>
      </c>
    </row>
    <row r="95" spans="1:4" ht="18" customHeight="1" x14ac:dyDescent="0.15">
      <c r="A95" s="5">
        <v>74</v>
      </c>
      <c r="B95" s="22">
        <v>46</v>
      </c>
      <c r="C95" s="14">
        <v>53</v>
      </c>
      <c r="D95" s="18">
        <v>99</v>
      </c>
    </row>
    <row r="96" spans="1:4" ht="18" customHeight="1" x14ac:dyDescent="0.15">
      <c r="A96" s="5" t="s">
        <v>33</v>
      </c>
      <c r="B96" s="22">
        <v>256</v>
      </c>
      <c r="C96" s="14">
        <v>261</v>
      </c>
      <c r="D96" s="18">
        <v>517</v>
      </c>
    </row>
    <row r="97" spans="1:4" ht="18" customHeight="1" x14ac:dyDescent="0.15">
      <c r="A97" s="5">
        <v>75</v>
      </c>
      <c r="B97" s="22">
        <v>51</v>
      </c>
      <c r="C97" s="14">
        <v>63</v>
      </c>
      <c r="D97" s="18">
        <v>114</v>
      </c>
    </row>
    <row r="98" spans="1:4" ht="18" customHeight="1" x14ac:dyDescent="0.15">
      <c r="A98" s="5">
        <v>76</v>
      </c>
      <c r="B98" s="22">
        <v>68</v>
      </c>
      <c r="C98" s="14">
        <v>48</v>
      </c>
      <c r="D98" s="18">
        <v>116</v>
      </c>
    </row>
    <row r="99" spans="1:4" ht="18" customHeight="1" x14ac:dyDescent="0.15">
      <c r="A99" s="5">
        <v>77</v>
      </c>
      <c r="B99" s="22">
        <v>49</v>
      </c>
      <c r="C99" s="14">
        <v>55</v>
      </c>
      <c r="D99" s="18">
        <v>104</v>
      </c>
    </row>
    <row r="100" spans="1:4" ht="18" customHeight="1" x14ac:dyDescent="0.15">
      <c r="A100" s="5">
        <v>78</v>
      </c>
      <c r="B100" s="22">
        <v>66</v>
      </c>
      <c r="C100" s="14">
        <v>67</v>
      </c>
      <c r="D100" s="18">
        <v>133</v>
      </c>
    </row>
    <row r="101" spans="1:4" ht="18" customHeight="1" x14ac:dyDescent="0.15">
      <c r="A101" s="5">
        <v>79</v>
      </c>
      <c r="B101" s="22">
        <v>37</v>
      </c>
      <c r="C101" s="14">
        <v>43</v>
      </c>
      <c r="D101" s="18">
        <v>80</v>
      </c>
    </row>
    <row r="102" spans="1:4" ht="18" customHeight="1" x14ac:dyDescent="0.15">
      <c r="A102" s="5" t="s">
        <v>0</v>
      </c>
      <c r="B102" s="22">
        <v>271</v>
      </c>
      <c r="C102" s="14">
        <v>276</v>
      </c>
      <c r="D102" s="18">
        <v>547</v>
      </c>
    </row>
    <row r="103" spans="1:4" ht="18" customHeight="1" x14ac:dyDescent="0.15">
      <c r="A103" s="5">
        <v>80</v>
      </c>
      <c r="B103" s="22">
        <v>32</v>
      </c>
      <c r="C103" s="14">
        <v>25</v>
      </c>
      <c r="D103" s="18">
        <v>57</v>
      </c>
    </row>
    <row r="104" spans="1:4" ht="18" customHeight="1" x14ac:dyDescent="0.15">
      <c r="A104" s="5">
        <v>81</v>
      </c>
      <c r="B104" s="22">
        <v>31</v>
      </c>
      <c r="C104" s="14">
        <v>42</v>
      </c>
      <c r="D104" s="18">
        <v>73</v>
      </c>
    </row>
    <row r="105" spans="1:4" ht="18" customHeight="1" x14ac:dyDescent="0.15">
      <c r="A105" s="5">
        <v>82</v>
      </c>
      <c r="B105" s="22">
        <v>33</v>
      </c>
      <c r="C105" s="14">
        <v>43</v>
      </c>
      <c r="D105" s="18">
        <v>76</v>
      </c>
    </row>
    <row r="106" spans="1:4" ht="18" customHeight="1" x14ac:dyDescent="0.15">
      <c r="A106" s="5">
        <v>83</v>
      </c>
      <c r="B106" s="22">
        <v>28</v>
      </c>
      <c r="C106" s="14">
        <v>39</v>
      </c>
      <c r="D106" s="18">
        <v>67</v>
      </c>
    </row>
    <row r="107" spans="1:4" ht="18" customHeight="1" x14ac:dyDescent="0.15">
      <c r="A107" s="5">
        <v>84</v>
      </c>
      <c r="B107" s="22">
        <v>30</v>
      </c>
      <c r="C107" s="14">
        <v>37</v>
      </c>
      <c r="D107" s="18">
        <v>67</v>
      </c>
    </row>
    <row r="108" spans="1:4" ht="18" customHeight="1" x14ac:dyDescent="0.15">
      <c r="A108" s="5" t="s">
        <v>35</v>
      </c>
      <c r="B108" s="22">
        <v>154</v>
      </c>
      <c r="C108" s="14">
        <v>186</v>
      </c>
      <c r="D108" s="18">
        <v>340</v>
      </c>
    </row>
    <row r="109" spans="1:4" ht="18" customHeight="1" x14ac:dyDescent="0.15">
      <c r="A109" s="5">
        <v>85</v>
      </c>
      <c r="B109" s="22">
        <v>19</v>
      </c>
      <c r="C109" s="14">
        <v>37</v>
      </c>
      <c r="D109" s="18">
        <v>56</v>
      </c>
    </row>
    <row r="110" spans="1:4" ht="18" customHeight="1" x14ac:dyDescent="0.15">
      <c r="A110" s="5">
        <v>86</v>
      </c>
      <c r="B110" s="22">
        <v>14</v>
      </c>
      <c r="C110" s="14">
        <v>24</v>
      </c>
      <c r="D110" s="18">
        <v>38</v>
      </c>
    </row>
    <row r="111" spans="1:4" ht="18" customHeight="1" x14ac:dyDescent="0.15">
      <c r="A111" s="5">
        <v>87</v>
      </c>
      <c r="B111" s="22">
        <v>15</v>
      </c>
      <c r="C111" s="14">
        <v>20</v>
      </c>
      <c r="D111" s="18">
        <v>35</v>
      </c>
    </row>
    <row r="112" spans="1:4" ht="18" customHeight="1" x14ac:dyDescent="0.15">
      <c r="A112" s="5">
        <v>88</v>
      </c>
      <c r="B112" s="22">
        <v>8</v>
      </c>
      <c r="C112" s="14">
        <v>30</v>
      </c>
      <c r="D112" s="18">
        <v>38</v>
      </c>
    </row>
    <row r="113" spans="1:4" ht="18" customHeight="1" x14ac:dyDescent="0.15">
      <c r="A113" s="5">
        <v>89</v>
      </c>
      <c r="B113" s="22">
        <v>13</v>
      </c>
      <c r="C113" s="14">
        <v>28</v>
      </c>
      <c r="D113" s="18">
        <v>41</v>
      </c>
    </row>
    <row r="114" spans="1:4" ht="18" customHeight="1" x14ac:dyDescent="0.15">
      <c r="A114" s="5" t="s">
        <v>37</v>
      </c>
      <c r="B114" s="22">
        <v>69</v>
      </c>
      <c r="C114" s="14">
        <v>139</v>
      </c>
      <c r="D114" s="18">
        <v>208</v>
      </c>
    </row>
    <row r="115" spans="1:4" ht="18" customHeight="1" x14ac:dyDescent="0.15">
      <c r="A115" s="5">
        <v>90</v>
      </c>
      <c r="B115" s="22">
        <v>14</v>
      </c>
      <c r="C115" s="14">
        <v>19</v>
      </c>
      <c r="D115" s="18">
        <v>33</v>
      </c>
    </row>
    <row r="116" spans="1:4" ht="18" customHeight="1" x14ac:dyDescent="0.15">
      <c r="A116" s="5">
        <v>91</v>
      </c>
      <c r="B116" s="22">
        <v>10</v>
      </c>
      <c r="C116" s="14">
        <v>18</v>
      </c>
      <c r="D116" s="18">
        <v>28</v>
      </c>
    </row>
    <row r="117" spans="1:4" ht="18" customHeight="1" x14ac:dyDescent="0.15">
      <c r="A117" s="5">
        <v>92</v>
      </c>
      <c r="B117" s="22">
        <v>6</v>
      </c>
      <c r="C117" s="14">
        <v>23</v>
      </c>
      <c r="D117" s="18">
        <v>29</v>
      </c>
    </row>
    <row r="118" spans="1:4" ht="18" customHeight="1" x14ac:dyDescent="0.15">
      <c r="A118" s="5">
        <v>93</v>
      </c>
      <c r="B118" s="22">
        <v>8</v>
      </c>
      <c r="C118" s="14">
        <v>13</v>
      </c>
      <c r="D118" s="18">
        <v>21</v>
      </c>
    </row>
    <row r="119" spans="1:4" ht="18" customHeight="1" x14ac:dyDescent="0.15">
      <c r="A119" s="5">
        <v>94</v>
      </c>
      <c r="B119" s="22">
        <v>0</v>
      </c>
      <c r="C119" s="14">
        <v>11</v>
      </c>
      <c r="D119" s="18">
        <v>11</v>
      </c>
    </row>
    <row r="120" spans="1:4" ht="18" customHeight="1" x14ac:dyDescent="0.15">
      <c r="A120" s="5" t="s">
        <v>39</v>
      </c>
      <c r="B120" s="22">
        <v>38</v>
      </c>
      <c r="C120" s="14">
        <v>84</v>
      </c>
      <c r="D120" s="18">
        <v>122</v>
      </c>
    </row>
    <row r="121" spans="1:4" ht="18" customHeight="1" x14ac:dyDescent="0.15">
      <c r="A121" s="5">
        <v>95</v>
      </c>
      <c r="B121" s="22">
        <v>3</v>
      </c>
      <c r="C121" s="14">
        <v>11</v>
      </c>
      <c r="D121" s="18">
        <v>14</v>
      </c>
    </row>
    <row r="122" spans="1:4" ht="18" customHeight="1" x14ac:dyDescent="0.15">
      <c r="A122" s="5">
        <v>96</v>
      </c>
      <c r="B122" s="22">
        <v>3</v>
      </c>
      <c r="C122" s="14">
        <v>8</v>
      </c>
      <c r="D122" s="18">
        <v>11</v>
      </c>
    </row>
    <row r="123" spans="1:4" ht="18" customHeight="1" x14ac:dyDescent="0.15">
      <c r="A123" s="5">
        <v>97</v>
      </c>
      <c r="B123" s="22">
        <v>3</v>
      </c>
      <c r="C123" s="14">
        <v>3</v>
      </c>
      <c r="D123" s="18">
        <v>6</v>
      </c>
    </row>
    <row r="124" spans="1:4" ht="18" customHeight="1" x14ac:dyDescent="0.15">
      <c r="A124" s="5">
        <v>98</v>
      </c>
      <c r="B124" s="22">
        <v>0</v>
      </c>
      <c r="C124" s="14">
        <v>7</v>
      </c>
      <c r="D124" s="18">
        <v>7</v>
      </c>
    </row>
    <row r="125" spans="1:4" ht="18" customHeight="1" x14ac:dyDescent="0.15">
      <c r="A125" s="5">
        <v>99</v>
      </c>
      <c r="B125" s="22">
        <v>3</v>
      </c>
      <c r="C125" s="14">
        <v>2</v>
      </c>
      <c r="D125" s="18">
        <v>5</v>
      </c>
    </row>
    <row r="126" spans="1:4" ht="18" customHeight="1" x14ac:dyDescent="0.15">
      <c r="A126" s="5" t="s">
        <v>40</v>
      </c>
      <c r="B126" s="22">
        <v>12</v>
      </c>
      <c r="C126" s="14">
        <v>31</v>
      </c>
      <c r="D126" s="18">
        <v>43</v>
      </c>
    </row>
    <row r="127" spans="1:4" ht="18" customHeight="1" x14ac:dyDescent="0.15">
      <c r="A127" s="5">
        <v>100</v>
      </c>
      <c r="B127" s="22">
        <v>0</v>
      </c>
      <c r="C127" s="14">
        <v>4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1022</v>
      </c>
      <c r="C130" s="14">
        <v>1197</v>
      </c>
      <c r="D130" s="18">
        <v>2219</v>
      </c>
    </row>
    <row r="131" spans="1:4" ht="18" customHeight="1" x14ac:dyDescent="0.15">
      <c r="A131" s="7" t="s">
        <v>45</v>
      </c>
      <c r="B131" s="23">
        <v>3199</v>
      </c>
      <c r="C131" s="15">
        <v>3162</v>
      </c>
      <c r="D131" s="19">
        <v>636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000-000000000000}">
  <sheetPr codeName="Sheet7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1</v>
      </c>
      <c r="C5" s="29">
        <v>9</v>
      </c>
      <c r="D5" s="31">
        <v>20</v>
      </c>
    </row>
    <row r="6" spans="1:4" ht="18" customHeight="1" x14ac:dyDescent="0.15">
      <c r="A6" s="5">
        <v>1</v>
      </c>
      <c r="B6" s="27">
        <v>16</v>
      </c>
      <c r="C6" s="14">
        <v>10</v>
      </c>
      <c r="D6" s="18">
        <v>26</v>
      </c>
    </row>
    <row r="7" spans="1:4" ht="18" customHeight="1" x14ac:dyDescent="0.15">
      <c r="A7" s="5">
        <v>2</v>
      </c>
      <c r="B7" s="27">
        <v>13</v>
      </c>
      <c r="C7" s="14">
        <v>12</v>
      </c>
      <c r="D7" s="18">
        <v>25</v>
      </c>
    </row>
    <row r="8" spans="1:4" ht="18" customHeight="1" x14ac:dyDescent="0.15">
      <c r="A8" s="5">
        <v>3</v>
      </c>
      <c r="B8" s="27">
        <v>16</v>
      </c>
      <c r="C8" s="14">
        <v>11</v>
      </c>
      <c r="D8" s="18">
        <v>27</v>
      </c>
    </row>
    <row r="9" spans="1:4" ht="18" customHeight="1" x14ac:dyDescent="0.15">
      <c r="A9" s="5">
        <v>4</v>
      </c>
      <c r="B9" s="28">
        <v>15</v>
      </c>
      <c r="C9" s="30">
        <v>17</v>
      </c>
      <c r="D9" s="32">
        <v>32</v>
      </c>
    </row>
    <row r="10" spans="1:4" ht="18" customHeight="1" x14ac:dyDescent="0.15">
      <c r="A10" s="5" t="s">
        <v>7</v>
      </c>
      <c r="B10" s="22">
        <v>71</v>
      </c>
      <c r="C10" s="14">
        <v>59</v>
      </c>
      <c r="D10" s="18">
        <v>130</v>
      </c>
    </row>
    <row r="11" spans="1:4" ht="18" customHeight="1" x14ac:dyDescent="0.15">
      <c r="A11" s="5">
        <v>5</v>
      </c>
      <c r="B11" s="27">
        <v>17</v>
      </c>
      <c r="C11" s="14">
        <v>22</v>
      </c>
      <c r="D11" s="18">
        <v>39</v>
      </c>
    </row>
    <row r="12" spans="1:4" ht="18" customHeight="1" x14ac:dyDescent="0.15">
      <c r="A12" s="5">
        <v>6</v>
      </c>
      <c r="B12" s="27">
        <v>20</v>
      </c>
      <c r="C12" s="14">
        <v>17</v>
      </c>
      <c r="D12" s="18">
        <v>37</v>
      </c>
    </row>
    <row r="13" spans="1:4" ht="18" customHeight="1" x14ac:dyDescent="0.15">
      <c r="A13" s="5">
        <v>7</v>
      </c>
      <c r="B13" s="27">
        <v>19</v>
      </c>
      <c r="C13" s="14">
        <v>15</v>
      </c>
      <c r="D13" s="18">
        <v>34</v>
      </c>
    </row>
    <row r="14" spans="1:4" ht="18" customHeight="1" x14ac:dyDescent="0.15">
      <c r="A14" s="5">
        <v>8</v>
      </c>
      <c r="B14" s="27">
        <v>23</v>
      </c>
      <c r="C14" s="14">
        <v>32</v>
      </c>
      <c r="D14" s="18">
        <v>55</v>
      </c>
    </row>
    <row r="15" spans="1:4" ht="18" customHeight="1" x14ac:dyDescent="0.15">
      <c r="A15" s="5">
        <v>9</v>
      </c>
      <c r="B15" s="27">
        <v>21</v>
      </c>
      <c r="C15" s="14">
        <v>30</v>
      </c>
      <c r="D15" s="18">
        <v>51</v>
      </c>
    </row>
    <row r="16" spans="1:4" ht="18" customHeight="1" x14ac:dyDescent="0.15">
      <c r="A16" s="5" t="s">
        <v>11</v>
      </c>
      <c r="B16" s="22">
        <v>100</v>
      </c>
      <c r="C16" s="14">
        <v>116</v>
      </c>
      <c r="D16" s="18">
        <v>216</v>
      </c>
    </row>
    <row r="17" spans="1:4" ht="18" customHeight="1" x14ac:dyDescent="0.15">
      <c r="A17" s="5">
        <v>10</v>
      </c>
      <c r="B17" s="22">
        <v>31</v>
      </c>
      <c r="C17" s="14">
        <v>17</v>
      </c>
      <c r="D17" s="18">
        <v>48</v>
      </c>
    </row>
    <row r="18" spans="1:4" ht="18" customHeight="1" x14ac:dyDescent="0.15">
      <c r="A18" s="5">
        <v>11</v>
      </c>
      <c r="B18" s="22">
        <v>25</v>
      </c>
      <c r="C18" s="14">
        <v>27</v>
      </c>
      <c r="D18" s="18">
        <v>52</v>
      </c>
    </row>
    <row r="19" spans="1:4" ht="18" customHeight="1" x14ac:dyDescent="0.15">
      <c r="A19" s="5">
        <v>12</v>
      </c>
      <c r="B19" s="22">
        <v>21</v>
      </c>
      <c r="C19" s="14">
        <v>14</v>
      </c>
      <c r="D19" s="18">
        <v>35</v>
      </c>
    </row>
    <row r="20" spans="1:4" ht="18" customHeight="1" x14ac:dyDescent="0.15">
      <c r="A20" s="5">
        <v>13</v>
      </c>
      <c r="B20" s="22">
        <v>26</v>
      </c>
      <c r="C20" s="14">
        <v>24</v>
      </c>
      <c r="D20" s="18">
        <v>50</v>
      </c>
    </row>
    <row r="21" spans="1:4" ht="18" customHeight="1" x14ac:dyDescent="0.15">
      <c r="A21" s="5">
        <v>14</v>
      </c>
      <c r="B21" s="22">
        <v>27</v>
      </c>
      <c r="C21" s="14">
        <v>20</v>
      </c>
      <c r="D21" s="18">
        <v>47</v>
      </c>
    </row>
    <row r="22" spans="1:4" ht="18" customHeight="1" x14ac:dyDescent="0.15">
      <c r="A22" s="5" t="s">
        <v>12</v>
      </c>
      <c r="B22" s="22">
        <v>130</v>
      </c>
      <c r="C22" s="14">
        <v>102</v>
      </c>
      <c r="D22" s="18">
        <v>232</v>
      </c>
    </row>
    <row r="23" spans="1:4" ht="18" customHeight="1" x14ac:dyDescent="0.15">
      <c r="A23" s="5" t="s">
        <v>6</v>
      </c>
      <c r="B23" s="22">
        <v>301</v>
      </c>
      <c r="C23" s="14">
        <v>277</v>
      </c>
      <c r="D23" s="18">
        <v>578</v>
      </c>
    </row>
    <row r="24" spans="1:4" ht="18" customHeight="1" x14ac:dyDescent="0.15">
      <c r="A24" s="5">
        <v>15</v>
      </c>
      <c r="B24" s="22">
        <v>31</v>
      </c>
      <c r="C24" s="14">
        <v>35</v>
      </c>
      <c r="D24" s="18">
        <v>66</v>
      </c>
    </row>
    <row r="25" spans="1:4" ht="18" customHeight="1" x14ac:dyDescent="0.15">
      <c r="A25" s="5">
        <v>16</v>
      </c>
      <c r="B25" s="22">
        <v>30</v>
      </c>
      <c r="C25" s="14">
        <v>34</v>
      </c>
      <c r="D25" s="18">
        <v>64</v>
      </c>
    </row>
    <row r="26" spans="1:4" ht="18" customHeight="1" x14ac:dyDescent="0.15">
      <c r="A26" s="5">
        <v>17</v>
      </c>
      <c r="B26" s="22">
        <v>30</v>
      </c>
      <c r="C26" s="14">
        <v>40</v>
      </c>
      <c r="D26" s="18">
        <v>70</v>
      </c>
    </row>
    <row r="27" spans="1:4" ht="18" customHeight="1" x14ac:dyDescent="0.15">
      <c r="A27" s="5">
        <v>18</v>
      </c>
      <c r="B27" s="22">
        <v>34</v>
      </c>
      <c r="C27" s="14">
        <v>29</v>
      </c>
      <c r="D27" s="18">
        <v>63</v>
      </c>
    </row>
    <row r="28" spans="1:4" ht="18" customHeight="1" x14ac:dyDescent="0.15">
      <c r="A28" s="5">
        <v>19</v>
      </c>
      <c r="B28" s="22">
        <v>28</v>
      </c>
      <c r="C28" s="14">
        <v>38</v>
      </c>
      <c r="D28" s="18">
        <v>66</v>
      </c>
    </row>
    <row r="29" spans="1:4" ht="18" customHeight="1" x14ac:dyDescent="0.15">
      <c r="A29" s="5" t="s">
        <v>14</v>
      </c>
      <c r="B29" s="22">
        <v>153</v>
      </c>
      <c r="C29" s="14">
        <v>176</v>
      </c>
      <c r="D29" s="18">
        <v>329</v>
      </c>
    </row>
    <row r="30" spans="1:4" ht="18" customHeight="1" x14ac:dyDescent="0.15">
      <c r="A30" s="5">
        <v>20</v>
      </c>
      <c r="B30" s="22">
        <v>31</v>
      </c>
      <c r="C30" s="14">
        <v>35</v>
      </c>
      <c r="D30" s="18">
        <v>66</v>
      </c>
    </row>
    <row r="31" spans="1:4" ht="18" customHeight="1" x14ac:dyDescent="0.15">
      <c r="A31" s="5">
        <v>21</v>
      </c>
      <c r="B31" s="22">
        <v>32</v>
      </c>
      <c r="C31" s="14">
        <v>40</v>
      </c>
      <c r="D31" s="18">
        <v>72</v>
      </c>
    </row>
    <row r="32" spans="1:4" ht="18" customHeight="1" x14ac:dyDescent="0.15">
      <c r="A32" s="5">
        <v>22</v>
      </c>
      <c r="B32" s="22">
        <v>35</v>
      </c>
      <c r="C32" s="14">
        <v>36</v>
      </c>
      <c r="D32" s="18">
        <v>71</v>
      </c>
    </row>
    <row r="33" spans="1:4" ht="18" customHeight="1" x14ac:dyDescent="0.15">
      <c r="A33" s="5">
        <v>23</v>
      </c>
      <c r="B33" s="22">
        <v>40</v>
      </c>
      <c r="C33" s="14">
        <v>25</v>
      </c>
      <c r="D33" s="18">
        <v>65</v>
      </c>
    </row>
    <row r="34" spans="1:4" ht="18" customHeight="1" x14ac:dyDescent="0.15">
      <c r="A34" s="5">
        <v>24</v>
      </c>
      <c r="B34" s="22">
        <v>27</v>
      </c>
      <c r="C34" s="14">
        <v>33</v>
      </c>
      <c r="D34" s="18">
        <v>60</v>
      </c>
    </row>
    <row r="35" spans="1:4" ht="18" customHeight="1" x14ac:dyDescent="0.15">
      <c r="A35" s="5" t="s">
        <v>9</v>
      </c>
      <c r="B35" s="22">
        <v>165</v>
      </c>
      <c r="C35" s="14">
        <v>169</v>
      </c>
      <c r="D35" s="18">
        <v>334</v>
      </c>
    </row>
    <row r="36" spans="1:4" ht="18" customHeight="1" x14ac:dyDescent="0.15">
      <c r="A36" s="5">
        <v>25</v>
      </c>
      <c r="B36" s="22">
        <v>35</v>
      </c>
      <c r="C36" s="14">
        <v>27</v>
      </c>
      <c r="D36" s="18">
        <v>62</v>
      </c>
    </row>
    <row r="37" spans="1:4" ht="18" customHeight="1" x14ac:dyDescent="0.15">
      <c r="A37" s="5">
        <v>26</v>
      </c>
      <c r="B37" s="22">
        <v>29</v>
      </c>
      <c r="C37" s="14">
        <v>37</v>
      </c>
      <c r="D37" s="18">
        <v>66</v>
      </c>
    </row>
    <row r="38" spans="1:4" ht="18" customHeight="1" x14ac:dyDescent="0.15">
      <c r="A38" s="5">
        <v>27</v>
      </c>
      <c r="B38" s="22">
        <v>30</v>
      </c>
      <c r="C38" s="14">
        <v>29</v>
      </c>
      <c r="D38" s="18">
        <v>59</v>
      </c>
    </row>
    <row r="39" spans="1:4" ht="18" customHeight="1" x14ac:dyDescent="0.15">
      <c r="A39" s="5">
        <v>28</v>
      </c>
      <c r="B39" s="22">
        <v>31</v>
      </c>
      <c r="C39" s="14">
        <v>22</v>
      </c>
      <c r="D39" s="18">
        <v>53</v>
      </c>
    </row>
    <row r="40" spans="1:4" ht="18" customHeight="1" x14ac:dyDescent="0.15">
      <c r="A40" s="5">
        <v>29</v>
      </c>
      <c r="B40" s="22">
        <v>34</v>
      </c>
      <c r="C40" s="14">
        <v>20</v>
      </c>
      <c r="D40" s="18">
        <v>54</v>
      </c>
    </row>
    <row r="41" spans="1:4" ht="18" customHeight="1" x14ac:dyDescent="0.15">
      <c r="A41" s="5" t="s">
        <v>2</v>
      </c>
      <c r="B41" s="22">
        <v>159</v>
      </c>
      <c r="C41" s="14">
        <v>135</v>
      </c>
      <c r="D41" s="18">
        <v>294</v>
      </c>
    </row>
    <row r="42" spans="1:4" ht="18" customHeight="1" x14ac:dyDescent="0.15">
      <c r="A42" s="5">
        <v>30</v>
      </c>
      <c r="B42" s="22">
        <v>16</v>
      </c>
      <c r="C42" s="14">
        <v>24</v>
      </c>
      <c r="D42" s="18">
        <v>40</v>
      </c>
    </row>
    <row r="43" spans="1:4" ht="18" customHeight="1" x14ac:dyDescent="0.15">
      <c r="A43" s="5">
        <v>31</v>
      </c>
      <c r="B43" s="22">
        <v>23</v>
      </c>
      <c r="C43" s="14">
        <v>21</v>
      </c>
      <c r="D43" s="18">
        <v>44</v>
      </c>
    </row>
    <row r="44" spans="1:4" ht="18" customHeight="1" x14ac:dyDescent="0.15">
      <c r="A44" s="5">
        <v>32</v>
      </c>
      <c r="B44" s="22">
        <v>26</v>
      </c>
      <c r="C44" s="14">
        <v>14</v>
      </c>
      <c r="D44" s="18">
        <v>40</v>
      </c>
    </row>
    <row r="45" spans="1:4" ht="18" customHeight="1" x14ac:dyDescent="0.15">
      <c r="A45" s="5">
        <v>33</v>
      </c>
      <c r="B45" s="22">
        <v>26</v>
      </c>
      <c r="C45" s="14">
        <v>18</v>
      </c>
      <c r="D45" s="18">
        <v>44</v>
      </c>
    </row>
    <row r="46" spans="1:4" ht="18" customHeight="1" x14ac:dyDescent="0.15">
      <c r="A46" s="5">
        <v>34</v>
      </c>
      <c r="B46" s="22">
        <v>24</v>
      </c>
      <c r="C46" s="14">
        <v>19</v>
      </c>
      <c r="D46" s="18">
        <v>43</v>
      </c>
    </row>
    <row r="47" spans="1:4" ht="18" customHeight="1" x14ac:dyDescent="0.15">
      <c r="A47" s="5" t="s">
        <v>15</v>
      </c>
      <c r="B47" s="22">
        <v>115</v>
      </c>
      <c r="C47" s="14">
        <v>96</v>
      </c>
      <c r="D47" s="18">
        <v>211</v>
      </c>
    </row>
    <row r="48" spans="1:4" ht="18" customHeight="1" x14ac:dyDescent="0.15">
      <c r="A48" s="5">
        <v>35</v>
      </c>
      <c r="B48" s="22">
        <v>14</v>
      </c>
      <c r="C48" s="14">
        <v>17</v>
      </c>
      <c r="D48" s="18">
        <v>31</v>
      </c>
    </row>
    <row r="49" spans="1:4" ht="18" customHeight="1" x14ac:dyDescent="0.15">
      <c r="A49" s="5">
        <v>36</v>
      </c>
      <c r="B49" s="22">
        <v>27</v>
      </c>
      <c r="C49" s="14">
        <v>31</v>
      </c>
      <c r="D49" s="18">
        <v>58</v>
      </c>
    </row>
    <row r="50" spans="1:4" ht="18" customHeight="1" x14ac:dyDescent="0.15">
      <c r="A50" s="5">
        <v>37</v>
      </c>
      <c r="B50" s="22">
        <v>30</v>
      </c>
      <c r="C50" s="14">
        <v>31</v>
      </c>
      <c r="D50" s="18">
        <v>61</v>
      </c>
    </row>
    <row r="51" spans="1:4" ht="18" customHeight="1" x14ac:dyDescent="0.15">
      <c r="A51" s="5">
        <v>38</v>
      </c>
      <c r="B51" s="22">
        <v>23</v>
      </c>
      <c r="C51" s="14">
        <v>28</v>
      </c>
      <c r="D51" s="18">
        <v>51</v>
      </c>
    </row>
    <row r="52" spans="1:4" ht="18" customHeight="1" x14ac:dyDescent="0.15">
      <c r="A52" s="5">
        <v>39</v>
      </c>
      <c r="B52" s="22">
        <v>25</v>
      </c>
      <c r="C52" s="14">
        <v>19</v>
      </c>
      <c r="D52" s="18">
        <v>44</v>
      </c>
    </row>
    <row r="53" spans="1:4" ht="18" customHeight="1" x14ac:dyDescent="0.15">
      <c r="A53" s="5" t="s">
        <v>18</v>
      </c>
      <c r="B53" s="22">
        <v>119</v>
      </c>
      <c r="C53" s="14">
        <v>126</v>
      </c>
      <c r="D53" s="18">
        <v>245</v>
      </c>
    </row>
    <row r="54" spans="1:4" ht="18" customHeight="1" x14ac:dyDescent="0.15">
      <c r="A54" s="5">
        <v>40</v>
      </c>
      <c r="B54" s="22">
        <v>35</v>
      </c>
      <c r="C54" s="14">
        <v>28</v>
      </c>
      <c r="D54" s="18">
        <v>63</v>
      </c>
    </row>
    <row r="55" spans="1:4" ht="18" customHeight="1" x14ac:dyDescent="0.15">
      <c r="A55" s="5">
        <v>41</v>
      </c>
      <c r="B55" s="22">
        <v>28</v>
      </c>
      <c r="C55" s="14">
        <v>32</v>
      </c>
      <c r="D55" s="18">
        <v>60</v>
      </c>
    </row>
    <row r="56" spans="1:4" ht="18" customHeight="1" x14ac:dyDescent="0.15">
      <c r="A56" s="5">
        <v>42</v>
      </c>
      <c r="B56" s="22">
        <v>25</v>
      </c>
      <c r="C56" s="14">
        <v>33</v>
      </c>
      <c r="D56" s="18">
        <v>58</v>
      </c>
    </row>
    <row r="57" spans="1:4" ht="18" customHeight="1" x14ac:dyDescent="0.15">
      <c r="A57" s="5">
        <v>43</v>
      </c>
      <c r="B57" s="22">
        <v>34</v>
      </c>
      <c r="C57" s="14">
        <v>38</v>
      </c>
      <c r="D57" s="18">
        <v>72</v>
      </c>
    </row>
    <row r="58" spans="1:4" ht="18" customHeight="1" x14ac:dyDescent="0.15">
      <c r="A58" s="5">
        <v>44</v>
      </c>
      <c r="B58" s="22">
        <v>56</v>
      </c>
      <c r="C58" s="14">
        <v>44</v>
      </c>
      <c r="D58" s="18">
        <v>100</v>
      </c>
    </row>
    <row r="59" spans="1:4" ht="18" customHeight="1" x14ac:dyDescent="0.15">
      <c r="A59" s="5" t="s">
        <v>21</v>
      </c>
      <c r="B59" s="22">
        <v>178</v>
      </c>
      <c r="C59" s="14">
        <v>175</v>
      </c>
      <c r="D59" s="18">
        <v>353</v>
      </c>
    </row>
    <row r="60" spans="1:4" ht="18" customHeight="1" x14ac:dyDescent="0.15">
      <c r="A60" s="5">
        <v>45</v>
      </c>
      <c r="B60" s="22">
        <v>43</v>
      </c>
      <c r="C60" s="14">
        <v>26</v>
      </c>
      <c r="D60" s="18">
        <v>69</v>
      </c>
    </row>
    <row r="61" spans="1:4" ht="18" customHeight="1" x14ac:dyDescent="0.15">
      <c r="A61" s="5">
        <v>46</v>
      </c>
      <c r="B61" s="22">
        <v>42</v>
      </c>
      <c r="C61" s="14">
        <v>47</v>
      </c>
      <c r="D61" s="18">
        <v>89</v>
      </c>
    </row>
    <row r="62" spans="1:4" ht="18" customHeight="1" x14ac:dyDescent="0.15">
      <c r="A62" s="5">
        <v>47</v>
      </c>
      <c r="B62" s="22">
        <v>48</v>
      </c>
      <c r="C62" s="14">
        <v>49</v>
      </c>
      <c r="D62" s="18">
        <v>97</v>
      </c>
    </row>
    <row r="63" spans="1:4" ht="18" customHeight="1" x14ac:dyDescent="0.15">
      <c r="A63" s="5">
        <v>48</v>
      </c>
      <c r="B63" s="22">
        <v>55</v>
      </c>
      <c r="C63" s="14">
        <v>31</v>
      </c>
      <c r="D63" s="18">
        <v>86</v>
      </c>
    </row>
    <row r="64" spans="1:4" ht="18" customHeight="1" x14ac:dyDescent="0.15">
      <c r="A64" s="5">
        <v>49</v>
      </c>
      <c r="B64" s="22">
        <v>49</v>
      </c>
      <c r="C64" s="14">
        <v>49</v>
      </c>
      <c r="D64" s="18">
        <v>98</v>
      </c>
    </row>
    <row r="65" spans="1:4" ht="18" customHeight="1" x14ac:dyDescent="0.15">
      <c r="A65" s="5" t="s">
        <v>17</v>
      </c>
      <c r="B65" s="22">
        <v>237</v>
      </c>
      <c r="C65" s="14">
        <v>202</v>
      </c>
      <c r="D65" s="18">
        <v>439</v>
      </c>
    </row>
    <row r="66" spans="1:4" ht="18" customHeight="1" x14ac:dyDescent="0.15">
      <c r="A66" s="5">
        <v>50</v>
      </c>
      <c r="B66" s="22">
        <v>52</v>
      </c>
      <c r="C66" s="14">
        <v>62</v>
      </c>
      <c r="D66" s="18">
        <v>114</v>
      </c>
    </row>
    <row r="67" spans="1:4" ht="18" customHeight="1" x14ac:dyDescent="0.15">
      <c r="A67" s="5">
        <v>51</v>
      </c>
      <c r="B67" s="22">
        <v>56</v>
      </c>
      <c r="C67" s="14">
        <v>57</v>
      </c>
      <c r="D67" s="18">
        <v>113</v>
      </c>
    </row>
    <row r="68" spans="1:4" ht="18" customHeight="1" x14ac:dyDescent="0.15">
      <c r="A68" s="5">
        <v>52</v>
      </c>
      <c r="B68" s="22">
        <v>63</v>
      </c>
      <c r="C68" s="14">
        <v>58</v>
      </c>
      <c r="D68" s="18">
        <v>121</v>
      </c>
    </row>
    <row r="69" spans="1:4" ht="18" customHeight="1" x14ac:dyDescent="0.15">
      <c r="A69" s="5">
        <v>53</v>
      </c>
      <c r="B69" s="22">
        <v>55</v>
      </c>
      <c r="C69" s="14">
        <v>50</v>
      </c>
      <c r="D69" s="18">
        <v>105</v>
      </c>
    </row>
    <row r="70" spans="1:4" ht="18" customHeight="1" x14ac:dyDescent="0.15">
      <c r="A70" s="5">
        <v>54</v>
      </c>
      <c r="B70" s="22">
        <v>56</v>
      </c>
      <c r="C70" s="14">
        <v>46</v>
      </c>
      <c r="D70" s="18">
        <v>102</v>
      </c>
    </row>
    <row r="71" spans="1:4" ht="18" customHeight="1" x14ac:dyDescent="0.15">
      <c r="A71" s="5" t="s">
        <v>22</v>
      </c>
      <c r="B71" s="22">
        <v>282</v>
      </c>
      <c r="C71" s="14">
        <v>273</v>
      </c>
      <c r="D71" s="18">
        <v>555</v>
      </c>
    </row>
    <row r="72" spans="1:4" ht="18" customHeight="1" x14ac:dyDescent="0.15">
      <c r="A72" s="5">
        <v>55</v>
      </c>
      <c r="B72" s="22">
        <v>50</v>
      </c>
      <c r="C72" s="14">
        <v>59</v>
      </c>
      <c r="D72" s="18">
        <v>109</v>
      </c>
    </row>
    <row r="73" spans="1:4" ht="18" customHeight="1" x14ac:dyDescent="0.15">
      <c r="A73" s="5">
        <v>56</v>
      </c>
      <c r="B73" s="22">
        <v>50</v>
      </c>
      <c r="C73" s="14">
        <v>45</v>
      </c>
      <c r="D73" s="18">
        <v>95</v>
      </c>
    </row>
    <row r="74" spans="1:4" ht="18" customHeight="1" x14ac:dyDescent="0.15">
      <c r="A74" s="5">
        <v>57</v>
      </c>
      <c r="B74" s="22">
        <v>30</v>
      </c>
      <c r="C74" s="14">
        <v>44</v>
      </c>
      <c r="D74" s="18">
        <v>74</v>
      </c>
    </row>
    <row r="75" spans="1:4" ht="18" customHeight="1" x14ac:dyDescent="0.15">
      <c r="A75" s="5">
        <v>58</v>
      </c>
      <c r="B75" s="22">
        <v>34</v>
      </c>
      <c r="C75" s="14">
        <v>35</v>
      </c>
      <c r="D75" s="18">
        <v>69</v>
      </c>
    </row>
    <row r="76" spans="1:4" ht="18" customHeight="1" x14ac:dyDescent="0.15">
      <c r="A76" s="5">
        <v>59</v>
      </c>
      <c r="B76" s="22">
        <v>40</v>
      </c>
      <c r="C76" s="14">
        <v>37</v>
      </c>
      <c r="D76" s="18">
        <v>77</v>
      </c>
    </row>
    <row r="77" spans="1:4" ht="18" customHeight="1" x14ac:dyDescent="0.15">
      <c r="A77" s="5" t="s">
        <v>27</v>
      </c>
      <c r="B77" s="22">
        <v>204</v>
      </c>
      <c r="C77" s="14">
        <v>220</v>
      </c>
      <c r="D77" s="18">
        <v>424</v>
      </c>
    </row>
    <row r="78" spans="1:4" ht="18" customHeight="1" x14ac:dyDescent="0.15">
      <c r="A78" s="5">
        <v>60</v>
      </c>
      <c r="B78" s="22">
        <v>39</v>
      </c>
      <c r="C78" s="14">
        <v>29</v>
      </c>
      <c r="D78" s="18">
        <v>68</v>
      </c>
    </row>
    <row r="79" spans="1:4" ht="18" customHeight="1" x14ac:dyDescent="0.15">
      <c r="A79" s="5">
        <v>61</v>
      </c>
      <c r="B79" s="22">
        <v>53</v>
      </c>
      <c r="C79" s="14">
        <v>42</v>
      </c>
      <c r="D79" s="18">
        <v>95</v>
      </c>
    </row>
    <row r="80" spans="1:4" ht="18" customHeight="1" x14ac:dyDescent="0.15">
      <c r="A80" s="5">
        <v>62</v>
      </c>
      <c r="B80" s="22">
        <v>37</v>
      </c>
      <c r="C80" s="14">
        <v>46</v>
      </c>
      <c r="D80" s="18">
        <v>83</v>
      </c>
    </row>
    <row r="81" spans="1:4" ht="18" customHeight="1" x14ac:dyDescent="0.15">
      <c r="A81" s="5">
        <v>63</v>
      </c>
      <c r="B81" s="22">
        <v>42</v>
      </c>
      <c r="C81" s="14">
        <v>43</v>
      </c>
      <c r="D81" s="18">
        <v>85</v>
      </c>
    </row>
    <row r="82" spans="1:4" ht="18" customHeight="1" x14ac:dyDescent="0.15">
      <c r="A82" s="5">
        <v>64</v>
      </c>
      <c r="B82" s="22">
        <v>39</v>
      </c>
      <c r="C82" s="14">
        <v>31</v>
      </c>
      <c r="D82" s="18">
        <v>70</v>
      </c>
    </row>
    <row r="83" spans="1:4" ht="18" customHeight="1" x14ac:dyDescent="0.15">
      <c r="A83" s="5" t="s">
        <v>28</v>
      </c>
      <c r="B83" s="22">
        <v>210</v>
      </c>
      <c r="C83" s="14">
        <v>191</v>
      </c>
      <c r="D83" s="18">
        <v>401</v>
      </c>
    </row>
    <row r="84" spans="1:4" ht="18" customHeight="1" x14ac:dyDescent="0.15">
      <c r="A84" s="5" t="s">
        <v>31</v>
      </c>
      <c r="B84" s="22">
        <v>1822</v>
      </c>
      <c r="C84" s="14">
        <v>1763</v>
      </c>
      <c r="D84" s="18">
        <v>3585</v>
      </c>
    </row>
    <row r="85" spans="1:4" ht="18" customHeight="1" x14ac:dyDescent="0.15">
      <c r="A85" s="5">
        <v>65</v>
      </c>
      <c r="B85" s="22">
        <v>46</v>
      </c>
      <c r="C85" s="14">
        <v>30</v>
      </c>
      <c r="D85" s="18">
        <v>76</v>
      </c>
    </row>
    <row r="86" spans="1:4" ht="18" customHeight="1" x14ac:dyDescent="0.15">
      <c r="A86" s="5">
        <v>66</v>
      </c>
      <c r="B86" s="22">
        <v>34</v>
      </c>
      <c r="C86" s="14">
        <v>37</v>
      </c>
      <c r="D86" s="18">
        <v>71</v>
      </c>
    </row>
    <row r="87" spans="1:4" ht="18" customHeight="1" x14ac:dyDescent="0.15">
      <c r="A87" s="5">
        <v>67</v>
      </c>
      <c r="B87" s="22">
        <v>39</v>
      </c>
      <c r="C87" s="14">
        <v>43</v>
      </c>
      <c r="D87" s="18">
        <v>82</v>
      </c>
    </row>
    <row r="88" spans="1:4" ht="18" customHeight="1" x14ac:dyDescent="0.15">
      <c r="A88" s="5">
        <v>68</v>
      </c>
      <c r="B88" s="22">
        <v>45</v>
      </c>
      <c r="C88" s="14">
        <v>45</v>
      </c>
      <c r="D88" s="18">
        <v>90</v>
      </c>
    </row>
    <row r="89" spans="1:4" ht="18" customHeight="1" x14ac:dyDescent="0.15">
      <c r="A89" s="5">
        <v>69</v>
      </c>
      <c r="B89" s="22">
        <v>31</v>
      </c>
      <c r="C89" s="14">
        <v>38</v>
      </c>
      <c r="D89" s="18">
        <v>69</v>
      </c>
    </row>
    <row r="90" spans="1:4" ht="18" customHeight="1" x14ac:dyDescent="0.15">
      <c r="A90" s="5" t="s">
        <v>20</v>
      </c>
      <c r="B90" s="22">
        <v>195</v>
      </c>
      <c r="C90" s="14">
        <v>193</v>
      </c>
      <c r="D90" s="18">
        <v>388</v>
      </c>
    </row>
    <row r="91" spans="1:4" ht="18" customHeight="1" x14ac:dyDescent="0.15">
      <c r="A91" s="5">
        <v>70</v>
      </c>
      <c r="B91" s="22">
        <v>41</v>
      </c>
      <c r="C91" s="14">
        <v>47</v>
      </c>
      <c r="D91" s="18">
        <v>88</v>
      </c>
    </row>
    <row r="92" spans="1:4" ht="18" customHeight="1" x14ac:dyDescent="0.15">
      <c r="A92" s="5">
        <v>71</v>
      </c>
      <c r="B92" s="22">
        <v>53</v>
      </c>
      <c r="C92" s="14">
        <v>49</v>
      </c>
      <c r="D92" s="18">
        <v>102</v>
      </c>
    </row>
    <row r="93" spans="1:4" ht="18" customHeight="1" x14ac:dyDescent="0.15">
      <c r="A93" s="5">
        <v>72</v>
      </c>
      <c r="B93" s="22">
        <v>49</v>
      </c>
      <c r="C93" s="14">
        <v>46</v>
      </c>
      <c r="D93" s="18">
        <v>95</v>
      </c>
    </row>
    <row r="94" spans="1:4" ht="18" customHeight="1" x14ac:dyDescent="0.15">
      <c r="A94" s="5">
        <v>73</v>
      </c>
      <c r="B94" s="22">
        <v>46</v>
      </c>
      <c r="C94" s="14">
        <v>49</v>
      </c>
      <c r="D94" s="18">
        <v>95</v>
      </c>
    </row>
    <row r="95" spans="1:4" ht="18" customHeight="1" x14ac:dyDescent="0.15">
      <c r="A95" s="5">
        <v>74</v>
      </c>
      <c r="B95" s="22">
        <v>41</v>
      </c>
      <c r="C95" s="14">
        <v>65</v>
      </c>
      <c r="D95" s="18">
        <v>106</v>
      </c>
    </row>
    <row r="96" spans="1:4" ht="18" customHeight="1" x14ac:dyDescent="0.15">
      <c r="A96" s="5" t="s">
        <v>33</v>
      </c>
      <c r="B96" s="22">
        <v>230</v>
      </c>
      <c r="C96" s="14">
        <v>256</v>
      </c>
      <c r="D96" s="18">
        <v>486</v>
      </c>
    </row>
    <row r="97" spans="1:4" ht="18" customHeight="1" x14ac:dyDescent="0.15">
      <c r="A97" s="5">
        <v>75</v>
      </c>
      <c r="B97" s="22">
        <v>50</v>
      </c>
      <c r="C97" s="14">
        <v>72</v>
      </c>
      <c r="D97" s="18">
        <v>122</v>
      </c>
    </row>
    <row r="98" spans="1:4" ht="18" customHeight="1" x14ac:dyDescent="0.15">
      <c r="A98" s="5">
        <v>76</v>
      </c>
      <c r="B98" s="22">
        <v>74</v>
      </c>
      <c r="C98" s="14">
        <v>82</v>
      </c>
      <c r="D98" s="18">
        <v>156</v>
      </c>
    </row>
    <row r="99" spans="1:4" ht="18" customHeight="1" x14ac:dyDescent="0.15">
      <c r="A99" s="5">
        <v>77</v>
      </c>
      <c r="B99" s="22">
        <v>64</v>
      </c>
      <c r="C99" s="14">
        <v>53</v>
      </c>
      <c r="D99" s="18">
        <v>117</v>
      </c>
    </row>
    <row r="100" spans="1:4" ht="18" customHeight="1" x14ac:dyDescent="0.15">
      <c r="A100" s="5">
        <v>78</v>
      </c>
      <c r="B100" s="22">
        <v>63</v>
      </c>
      <c r="C100" s="14">
        <v>69</v>
      </c>
      <c r="D100" s="18">
        <v>132</v>
      </c>
    </row>
    <row r="101" spans="1:4" ht="18" customHeight="1" x14ac:dyDescent="0.15">
      <c r="A101" s="5">
        <v>79</v>
      </c>
      <c r="B101" s="22">
        <v>36</v>
      </c>
      <c r="C101" s="14">
        <v>54</v>
      </c>
      <c r="D101" s="18">
        <v>90</v>
      </c>
    </row>
    <row r="102" spans="1:4" ht="18" customHeight="1" x14ac:dyDescent="0.15">
      <c r="A102" s="5" t="s">
        <v>0</v>
      </c>
      <c r="B102" s="22">
        <v>287</v>
      </c>
      <c r="C102" s="14">
        <v>330</v>
      </c>
      <c r="D102" s="18">
        <v>617</v>
      </c>
    </row>
    <row r="103" spans="1:4" ht="18" customHeight="1" x14ac:dyDescent="0.15">
      <c r="A103" s="5">
        <v>80</v>
      </c>
      <c r="B103" s="22">
        <v>21</v>
      </c>
      <c r="C103" s="14">
        <v>19</v>
      </c>
      <c r="D103" s="18">
        <v>40</v>
      </c>
    </row>
    <row r="104" spans="1:4" ht="18" customHeight="1" x14ac:dyDescent="0.15">
      <c r="A104" s="5">
        <v>81</v>
      </c>
      <c r="B104" s="22">
        <v>30</v>
      </c>
      <c r="C104" s="14">
        <v>38</v>
      </c>
      <c r="D104" s="18">
        <v>68</v>
      </c>
    </row>
    <row r="105" spans="1:4" ht="18" customHeight="1" x14ac:dyDescent="0.15">
      <c r="A105" s="5">
        <v>82</v>
      </c>
      <c r="B105" s="22">
        <v>40</v>
      </c>
      <c r="C105" s="14">
        <v>27</v>
      </c>
      <c r="D105" s="18">
        <v>67</v>
      </c>
    </row>
    <row r="106" spans="1:4" ht="18" customHeight="1" x14ac:dyDescent="0.15">
      <c r="A106" s="5">
        <v>83</v>
      </c>
      <c r="B106" s="22">
        <v>25</v>
      </c>
      <c r="C106" s="14">
        <v>28</v>
      </c>
      <c r="D106" s="18">
        <v>53</v>
      </c>
    </row>
    <row r="107" spans="1:4" ht="18" customHeight="1" x14ac:dyDescent="0.15">
      <c r="A107" s="5">
        <v>84</v>
      </c>
      <c r="B107" s="22">
        <v>33</v>
      </c>
      <c r="C107" s="14">
        <v>36</v>
      </c>
      <c r="D107" s="18">
        <v>69</v>
      </c>
    </row>
    <row r="108" spans="1:4" ht="18" customHeight="1" x14ac:dyDescent="0.15">
      <c r="A108" s="5" t="s">
        <v>35</v>
      </c>
      <c r="B108" s="22">
        <v>149</v>
      </c>
      <c r="C108" s="14">
        <v>148</v>
      </c>
      <c r="D108" s="18">
        <v>297</v>
      </c>
    </row>
    <row r="109" spans="1:4" ht="18" customHeight="1" x14ac:dyDescent="0.15">
      <c r="A109" s="5">
        <v>85</v>
      </c>
      <c r="B109" s="22">
        <v>18</v>
      </c>
      <c r="C109" s="14">
        <v>24</v>
      </c>
      <c r="D109" s="18">
        <v>42</v>
      </c>
    </row>
    <row r="110" spans="1:4" ht="18" customHeight="1" x14ac:dyDescent="0.15">
      <c r="A110" s="5">
        <v>86</v>
      </c>
      <c r="B110" s="22">
        <v>19</v>
      </c>
      <c r="C110" s="14">
        <v>29</v>
      </c>
      <c r="D110" s="18">
        <v>48</v>
      </c>
    </row>
    <row r="111" spans="1:4" ht="18" customHeight="1" x14ac:dyDescent="0.15">
      <c r="A111" s="5">
        <v>87</v>
      </c>
      <c r="B111" s="22">
        <v>12</v>
      </c>
      <c r="C111" s="14">
        <v>28</v>
      </c>
      <c r="D111" s="18">
        <v>40</v>
      </c>
    </row>
    <row r="112" spans="1:4" ht="18" customHeight="1" x14ac:dyDescent="0.15">
      <c r="A112" s="5">
        <v>88</v>
      </c>
      <c r="B112" s="22">
        <v>14</v>
      </c>
      <c r="C112" s="14">
        <v>26</v>
      </c>
      <c r="D112" s="18">
        <v>40</v>
      </c>
    </row>
    <row r="113" spans="1:4" ht="18" customHeight="1" x14ac:dyDescent="0.15">
      <c r="A113" s="5">
        <v>89</v>
      </c>
      <c r="B113" s="22">
        <v>13</v>
      </c>
      <c r="C113" s="14">
        <v>28</v>
      </c>
      <c r="D113" s="18">
        <v>41</v>
      </c>
    </row>
    <row r="114" spans="1:4" ht="18" customHeight="1" x14ac:dyDescent="0.15">
      <c r="A114" s="5" t="s">
        <v>37</v>
      </c>
      <c r="B114" s="22">
        <v>76</v>
      </c>
      <c r="C114" s="14">
        <v>135</v>
      </c>
      <c r="D114" s="18">
        <v>211</v>
      </c>
    </row>
    <row r="115" spans="1:4" ht="18" customHeight="1" x14ac:dyDescent="0.15">
      <c r="A115" s="5">
        <v>90</v>
      </c>
      <c r="B115" s="22">
        <v>19</v>
      </c>
      <c r="C115" s="14">
        <v>25</v>
      </c>
      <c r="D115" s="18">
        <v>44</v>
      </c>
    </row>
    <row r="116" spans="1:4" ht="18" customHeight="1" x14ac:dyDescent="0.15">
      <c r="A116" s="5">
        <v>91</v>
      </c>
      <c r="B116" s="22">
        <v>5</v>
      </c>
      <c r="C116" s="14">
        <v>23</v>
      </c>
      <c r="D116" s="18">
        <v>28</v>
      </c>
    </row>
    <row r="117" spans="1:4" ht="18" customHeight="1" x14ac:dyDescent="0.15">
      <c r="A117" s="5">
        <v>92</v>
      </c>
      <c r="B117" s="22">
        <v>7</v>
      </c>
      <c r="C117" s="14">
        <v>20</v>
      </c>
      <c r="D117" s="18">
        <v>27</v>
      </c>
    </row>
    <row r="118" spans="1:4" ht="18" customHeight="1" x14ac:dyDescent="0.15">
      <c r="A118" s="5">
        <v>93</v>
      </c>
      <c r="B118" s="22">
        <v>4</v>
      </c>
      <c r="C118" s="14">
        <v>24</v>
      </c>
      <c r="D118" s="18">
        <v>28</v>
      </c>
    </row>
    <row r="119" spans="1:4" ht="18" customHeight="1" x14ac:dyDescent="0.15">
      <c r="A119" s="5">
        <v>94</v>
      </c>
      <c r="B119" s="22">
        <v>5</v>
      </c>
      <c r="C119" s="14">
        <v>11</v>
      </c>
      <c r="D119" s="18">
        <v>16</v>
      </c>
    </row>
    <row r="120" spans="1:4" ht="18" customHeight="1" x14ac:dyDescent="0.15">
      <c r="A120" s="5" t="s">
        <v>39</v>
      </c>
      <c r="B120" s="22">
        <v>40</v>
      </c>
      <c r="C120" s="14">
        <v>103</v>
      </c>
      <c r="D120" s="18">
        <v>143</v>
      </c>
    </row>
    <row r="121" spans="1:4" ht="18" customHeight="1" x14ac:dyDescent="0.15">
      <c r="A121" s="5">
        <v>95</v>
      </c>
      <c r="B121" s="22">
        <v>6</v>
      </c>
      <c r="C121" s="14">
        <v>13</v>
      </c>
      <c r="D121" s="18">
        <v>19</v>
      </c>
    </row>
    <row r="122" spans="1:4" ht="18" customHeight="1" x14ac:dyDescent="0.15">
      <c r="A122" s="5">
        <v>96</v>
      </c>
      <c r="B122" s="22">
        <v>1</v>
      </c>
      <c r="C122" s="14">
        <v>13</v>
      </c>
      <c r="D122" s="18">
        <v>14</v>
      </c>
    </row>
    <row r="123" spans="1:4" ht="18" customHeight="1" x14ac:dyDescent="0.15">
      <c r="A123" s="5">
        <v>97</v>
      </c>
      <c r="B123" s="22">
        <v>4</v>
      </c>
      <c r="C123" s="14">
        <v>5</v>
      </c>
      <c r="D123" s="18">
        <v>9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12</v>
      </c>
      <c r="C126" s="14">
        <v>35</v>
      </c>
      <c r="D126" s="18">
        <v>47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989</v>
      </c>
      <c r="C130" s="14">
        <v>1204</v>
      </c>
      <c r="D130" s="18">
        <v>2193</v>
      </c>
    </row>
    <row r="131" spans="1:4" ht="18" customHeight="1" x14ac:dyDescent="0.15">
      <c r="A131" s="7" t="s">
        <v>45</v>
      </c>
      <c r="B131" s="23">
        <v>3112</v>
      </c>
      <c r="C131" s="15">
        <v>3244</v>
      </c>
      <c r="D131" s="19">
        <v>635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100-000000000000}">
  <sheetPr codeName="Sheet7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3</v>
      </c>
      <c r="C5" s="29">
        <v>0</v>
      </c>
      <c r="D5" s="31">
        <v>3</v>
      </c>
    </row>
    <row r="6" spans="1:4" ht="18" customHeight="1" x14ac:dyDescent="0.15">
      <c r="A6" s="5">
        <v>1</v>
      </c>
      <c r="B6" s="27">
        <v>0</v>
      </c>
      <c r="C6" s="14">
        <v>1</v>
      </c>
      <c r="D6" s="18">
        <v>1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1</v>
      </c>
      <c r="C8" s="14">
        <v>0</v>
      </c>
      <c r="D8" s="18">
        <v>1</v>
      </c>
    </row>
    <row r="9" spans="1:4" ht="18" customHeight="1" x14ac:dyDescent="0.15">
      <c r="A9" s="5">
        <v>4</v>
      </c>
      <c r="B9" s="28">
        <v>0</v>
      </c>
      <c r="C9" s="30">
        <v>1</v>
      </c>
      <c r="D9" s="32">
        <v>1</v>
      </c>
    </row>
    <row r="10" spans="1:4" ht="18" customHeight="1" x14ac:dyDescent="0.15">
      <c r="A10" s="5" t="s">
        <v>7</v>
      </c>
      <c r="B10" s="22">
        <v>4</v>
      </c>
      <c r="C10" s="14">
        <v>2</v>
      </c>
      <c r="D10" s="18">
        <v>6</v>
      </c>
    </row>
    <row r="11" spans="1:4" ht="18" customHeight="1" x14ac:dyDescent="0.15">
      <c r="A11" s="5">
        <v>5</v>
      </c>
      <c r="B11" s="27">
        <v>3</v>
      </c>
      <c r="C11" s="14">
        <v>1</v>
      </c>
      <c r="D11" s="18">
        <v>4</v>
      </c>
    </row>
    <row r="12" spans="1:4" ht="18" customHeight="1" x14ac:dyDescent="0.15">
      <c r="A12" s="5">
        <v>6</v>
      </c>
      <c r="B12" s="27">
        <v>1</v>
      </c>
      <c r="C12" s="14">
        <v>0</v>
      </c>
      <c r="D12" s="18">
        <v>1</v>
      </c>
    </row>
    <row r="13" spans="1:4" ht="18" customHeight="1" x14ac:dyDescent="0.15">
      <c r="A13" s="5">
        <v>7</v>
      </c>
      <c r="B13" s="27">
        <v>0</v>
      </c>
      <c r="C13" s="14">
        <v>4</v>
      </c>
      <c r="D13" s="18">
        <v>4</v>
      </c>
    </row>
    <row r="14" spans="1:4" ht="18" customHeight="1" x14ac:dyDescent="0.15">
      <c r="A14" s="5">
        <v>8</v>
      </c>
      <c r="B14" s="27">
        <v>2</v>
      </c>
      <c r="C14" s="14">
        <v>2</v>
      </c>
      <c r="D14" s="18">
        <v>4</v>
      </c>
    </row>
    <row r="15" spans="1:4" ht="18" customHeight="1" x14ac:dyDescent="0.15">
      <c r="A15" s="5">
        <v>9</v>
      </c>
      <c r="B15" s="27">
        <v>1</v>
      </c>
      <c r="C15" s="14">
        <v>3</v>
      </c>
      <c r="D15" s="18">
        <v>4</v>
      </c>
    </row>
    <row r="16" spans="1:4" ht="18" customHeight="1" x14ac:dyDescent="0.15">
      <c r="A16" s="5" t="s">
        <v>11</v>
      </c>
      <c r="B16" s="22">
        <v>7</v>
      </c>
      <c r="C16" s="14">
        <v>10</v>
      </c>
      <c r="D16" s="18">
        <v>17</v>
      </c>
    </row>
    <row r="17" spans="1:4" ht="18" customHeight="1" x14ac:dyDescent="0.15">
      <c r="A17" s="5">
        <v>10</v>
      </c>
      <c r="B17" s="22">
        <v>2</v>
      </c>
      <c r="C17" s="14">
        <v>3</v>
      </c>
      <c r="D17" s="18">
        <v>5</v>
      </c>
    </row>
    <row r="18" spans="1:4" ht="18" customHeight="1" x14ac:dyDescent="0.15">
      <c r="A18" s="5">
        <v>11</v>
      </c>
      <c r="B18" s="22">
        <v>2</v>
      </c>
      <c r="C18" s="14">
        <v>4</v>
      </c>
      <c r="D18" s="18">
        <v>6</v>
      </c>
    </row>
    <row r="19" spans="1:4" ht="18" customHeight="1" x14ac:dyDescent="0.15">
      <c r="A19" s="5">
        <v>12</v>
      </c>
      <c r="B19" s="22">
        <v>2</v>
      </c>
      <c r="C19" s="14">
        <v>5</v>
      </c>
      <c r="D19" s="18">
        <v>7</v>
      </c>
    </row>
    <row r="20" spans="1:4" ht="18" customHeight="1" x14ac:dyDescent="0.15">
      <c r="A20" s="5">
        <v>13</v>
      </c>
      <c r="B20" s="22">
        <v>2</v>
      </c>
      <c r="C20" s="14">
        <v>1</v>
      </c>
      <c r="D20" s="18">
        <v>3</v>
      </c>
    </row>
    <row r="21" spans="1:4" ht="18" customHeight="1" x14ac:dyDescent="0.15">
      <c r="A21" s="5">
        <v>14</v>
      </c>
      <c r="B21" s="22">
        <v>0</v>
      </c>
      <c r="C21" s="14">
        <v>2</v>
      </c>
      <c r="D21" s="18">
        <v>2</v>
      </c>
    </row>
    <row r="22" spans="1:4" ht="18" customHeight="1" x14ac:dyDescent="0.15">
      <c r="A22" s="5" t="s">
        <v>12</v>
      </c>
      <c r="B22" s="22">
        <v>8</v>
      </c>
      <c r="C22" s="14">
        <v>15</v>
      </c>
      <c r="D22" s="18">
        <v>23</v>
      </c>
    </row>
    <row r="23" spans="1:4" ht="18" customHeight="1" x14ac:dyDescent="0.15">
      <c r="A23" s="5" t="s">
        <v>6</v>
      </c>
      <c r="B23" s="22">
        <v>19</v>
      </c>
      <c r="C23" s="14">
        <v>27</v>
      </c>
      <c r="D23" s="18">
        <v>46</v>
      </c>
    </row>
    <row r="24" spans="1:4" ht="18" customHeight="1" x14ac:dyDescent="0.15">
      <c r="A24" s="5">
        <v>15</v>
      </c>
      <c r="B24" s="22">
        <v>0</v>
      </c>
      <c r="C24" s="14">
        <v>7</v>
      </c>
      <c r="D24" s="18">
        <v>7</v>
      </c>
    </row>
    <row r="25" spans="1:4" ht="18" customHeight="1" x14ac:dyDescent="0.15">
      <c r="A25" s="5">
        <v>16</v>
      </c>
      <c r="B25" s="22">
        <v>2</v>
      </c>
      <c r="C25" s="14">
        <v>0</v>
      </c>
      <c r="D25" s="18">
        <v>2</v>
      </c>
    </row>
    <row r="26" spans="1:4" ht="18" customHeight="1" x14ac:dyDescent="0.15">
      <c r="A26" s="5">
        <v>17</v>
      </c>
      <c r="B26" s="22">
        <v>5</v>
      </c>
      <c r="C26" s="14">
        <v>1</v>
      </c>
      <c r="D26" s="18">
        <v>6</v>
      </c>
    </row>
    <row r="27" spans="1:4" ht="18" customHeight="1" x14ac:dyDescent="0.15">
      <c r="A27" s="5">
        <v>18</v>
      </c>
      <c r="B27" s="22">
        <v>3</v>
      </c>
      <c r="C27" s="14">
        <v>5</v>
      </c>
      <c r="D27" s="18">
        <v>8</v>
      </c>
    </row>
    <row r="28" spans="1:4" ht="18" customHeight="1" x14ac:dyDescent="0.15">
      <c r="A28" s="5">
        <v>19</v>
      </c>
      <c r="B28" s="22">
        <v>1</v>
      </c>
      <c r="C28" s="14">
        <v>0</v>
      </c>
      <c r="D28" s="18">
        <v>1</v>
      </c>
    </row>
    <row r="29" spans="1:4" ht="18" customHeight="1" x14ac:dyDescent="0.15">
      <c r="A29" s="5" t="s">
        <v>14</v>
      </c>
      <c r="B29" s="22">
        <v>11</v>
      </c>
      <c r="C29" s="14">
        <v>13</v>
      </c>
      <c r="D29" s="18">
        <v>24</v>
      </c>
    </row>
    <row r="30" spans="1:4" ht="18" customHeight="1" x14ac:dyDescent="0.15">
      <c r="A30" s="5">
        <v>20</v>
      </c>
      <c r="B30" s="22">
        <v>5</v>
      </c>
      <c r="C30" s="14">
        <v>3</v>
      </c>
      <c r="D30" s="18">
        <v>8</v>
      </c>
    </row>
    <row r="31" spans="1:4" ht="18" customHeight="1" x14ac:dyDescent="0.15">
      <c r="A31" s="5">
        <v>21</v>
      </c>
      <c r="B31" s="22">
        <v>4</v>
      </c>
      <c r="C31" s="14">
        <v>3</v>
      </c>
      <c r="D31" s="18">
        <v>7</v>
      </c>
    </row>
    <row r="32" spans="1:4" ht="18" customHeight="1" x14ac:dyDescent="0.15">
      <c r="A32" s="5">
        <v>22</v>
      </c>
      <c r="B32" s="22">
        <v>4</v>
      </c>
      <c r="C32" s="14">
        <v>2</v>
      </c>
      <c r="D32" s="18">
        <v>6</v>
      </c>
    </row>
    <row r="33" spans="1:4" ht="18" customHeight="1" x14ac:dyDescent="0.15">
      <c r="A33" s="5">
        <v>23</v>
      </c>
      <c r="B33" s="22">
        <v>2</v>
      </c>
      <c r="C33" s="14">
        <v>5</v>
      </c>
      <c r="D33" s="18">
        <v>7</v>
      </c>
    </row>
    <row r="34" spans="1:4" ht="18" customHeight="1" x14ac:dyDescent="0.15">
      <c r="A34" s="5">
        <v>24</v>
      </c>
      <c r="B34" s="22">
        <v>5</v>
      </c>
      <c r="C34" s="14">
        <v>2</v>
      </c>
      <c r="D34" s="18">
        <v>7</v>
      </c>
    </row>
    <row r="35" spans="1:4" ht="18" customHeight="1" x14ac:dyDescent="0.15">
      <c r="A35" s="5" t="s">
        <v>9</v>
      </c>
      <c r="B35" s="22">
        <v>20</v>
      </c>
      <c r="C35" s="14">
        <v>15</v>
      </c>
      <c r="D35" s="18">
        <v>35</v>
      </c>
    </row>
    <row r="36" spans="1:4" ht="18" customHeight="1" x14ac:dyDescent="0.15">
      <c r="A36" s="5">
        <v>25</v>
      </c>
      <c r="B36" s="22">
        <v>4</v>
      </c>
      <c r="C36" s="14">
        <v>1</v>
      </c>
      <c r="D36" s="18">
        <v>5</v>
      </c>
    </row>
    <row r="37" spans="1:4" ht="18" customHeight="1" x14ac:dyDescent="0.15">
      <c r="A37" s="5">
        <v>26</v>
      </c>
      <c r="B37" s="22">
        <v>4</v>
      </c>
      <c r="C37" s="14">
        <v>2</v>
      </c>
      <c r="D37" s="18">
        <v>6</v>
      </c>
    </row>
    <row r="38" spans="1:4" ht="18" customHeight="1" x14ac:dyDescent="0.15">
      <c r="A38" s="5">
        <v>27</v>
      </c>
      <c r="B38" s="22">
        <v>1</v>
      </c>
      <c r="C38" s="14">
        <v>1</v>
      </c>
      <c r="D38" s="18">
        <v>2</v>
      </c>
    </row>
    <row r="39" spans="1:4" ht="18" customHeight="1" x14ac:dyDescent="0.15">
      <c r="A39" s="5">
        <v>28</v>
      </c>
      <c r="B39" s="22">
        <v>1</v>
      </c>
      <c r="C39" s="14">
        <v>1</v>
      </c>
      <c r="D39" s="18">
        <v>2</v>
      </c>
    </row>
    <row r="40" spans="1:4" ht="18" customHeight="1" x14ac:dyDescent="0.15">
      <c r="A40" s="5">
        <v>29</v>
      </c>
      <c r="B40" s="22">
        <v>1</v>
      </c>
      <c r="C40" s="14">
        <v>0</v>
      </c>
      <c r="D40" s="18">
        <v>1</v>
      </c>
    </row>
    <row r="41" spans="1:4" ht="18" customHeight="1" x14ac:dyDescent="0.15">
      <c r="A41" s="5" t="s">
        <v>2</v>
      </c>
      <c r="B41" s="22">
        <v>11</v>
      </c>
      <c r="C41" s="14">
        <v>5</v>
      </c>
      <c r="D41" s="18">
        <v>16</v>
      </c>
    </row>
    <row r="42" spans="1:4" ht="18" customHeight="1" x14ac:dyDescent="0.15">
      <c r="A42" s="5">
        <v>30</v>
      </c>
      <c r="B42" s="22">
        <v>3</v>
      </c>
      <c r="C42" s="14">
        <v>1</v>
      </c>
      <c r="D42" s="18">
        <v>4</v>
      </c>
    </row>
    <row r="43" spans="1:4" ht="18" customHeight="1" x14ac:dyDescent="0.15">
      <c r="A43" s="5">
        <v>31</v>
      </c>
      <c r="B43" s="22">
        <v>1</v>
      </c>
      <c r="C43" s="14">
        <v>1</v>
      </c>
      <c r="D43" s="18">
        <v>2</v>
      </c>
    </row>
    <row r="44" spans="1:4" ht="18" customHeight="1" x14ac:dyDescent="0.15">
      <c r="A44" s="5">
        <v>32</v>
      </c>
      <c r="B44" s="22">
        <v>2</v>
      </c>
      <c r="C44" s="14">
        <v>3</v>
      </c>
      <c r="D44" s="18">
        <v>5</v>
      </c>
    </row>
    <row r="45" spans="1:4" ht="18" customHeight="1" x14ac:dyDescent="0.15">
      <c r="A45" s="5">
        <v>33</v>
      </c>
      <c r="B45" s="22">
        <v>2</v>
      </c>
      <c r="C45" s="14">
        <v>2</v>
      </c>
      <c r="D45" s="18">
        <v>4</v>
      </c>
    </row>
    <row r="46" spans="1:4" ht="18" customHeight="1" x14ac:dyDescent="0.15">
      <c r="A46" s="5">
        <v>34</v>
      </c>
      <c r="B46" s="22">
        <v>1</v>
      </c>
      <c r="C46" s="14">
        <v>1</v>
      </c>
      <c r="D46" s="18">
        <v>2</v>
      </c>
    </row>
    <row r="47" spans="1:4" ht="18" customHeight="1" x14ac:dyDescent="0.15">
      <c r="A47" s="5" t="s">
        <v>15</v>
      </c>
      <c r="B47" s="22">
        <v>9</v>
      </c>
      <c r="C47" s="14">
        <v>8</v>
      </c>
      <c r="D47" s="18">
        <v>17</v>
      </c>
    </row>
    <row r="48" spans="1:4" ht="18" customHeight="1" x14ac:dyDescent="0.15">
      <c r="A48" s="5">
        <v>35</v>
      </c>
      <c r="B48" s="22">
        <v>3</v>
      </c>
      <c r="C48" s="14">
        <v>0</v>
      </c>
      <c r="D48" s="18">
        <v>3</v>
      </c>
    </row>
    <row r="49" spans="1:4" ht="18" customHeight="1" x14ac:dyDescent="0.15">
      <c r="A49" s="5">
        <v>36</v>
      </c>
      <c r="B49" s="22">
        <v>1</v>
      </c>
      <c r="C49" s="14">
        <v>3</v>
      </c>
      <c r="D49" s="18">
        <v>4</v>
      </c>
    </row>
    <row r="50" spans="1:4" ht="18" customHeight="1" x14ac:dyDescent="0.15">
      <c r="A50" s="5">
        <v>37</v>
      </c>
      <c r="B50" s="22">
        <v>3</v>
      </c>
      <c r="C50" s="14">
        <v>3</v>
      </c>
      <c r="D50" s="18">
        <v>6</v>
      </c>
    </row>
    <row r="51" spans="1:4" ht="18" customHeight="1" x14ac:dyDescent="0.15">
      <c r="A51" s="5">
        <v>38</v>
      </c>
      <c r="B51" s="22">
        <v>1</v>
      </c>
      <c r="C51" s="14">
        <v>4</v>
      </c>
      <c r="D51" s="18">
        <v>5</v>
      </c>
    </row>
    <row r="52" spans="1:4" ht="18" customHeight="1" x14ac:dyDescent="0.15">
      <c r="A52" s="5">
        <v>39</v>
      </c>
      <c r="B52" s="22">
        <v>2</v>
      </c>
      <c r="C52" s="14">
        <v>2</v>
      </c>
      <c r="D52" s="18">
        <v>4</v>
      </c>
    </row>
    <row r="53" spans="1:4" ht="18" customHeight="1" x14ac:dyDescent="0.15">
      <c r="A53" s="5" t="s">
        <v>18</v>
      </c>
      <c r="B53" s="22">
        <v>10</v>
      </c>
      <c r="C53" s="14">
        <v>12</v>
      </c>
      <c r="D53" s="18">
        <v>22</v>
      </c>
    </row>
    <row r="54" spans="1:4" ht="18" customHeight="1" x14ac:dyDescent="0.15">
      <c r="A54" s="5">
        <v>40</v>
      </c>
      <c r="B54" s="22">
        <v>5</v>
      </c>
      <c r="C54" s="14">
        <v>4</v>
      </c>
      <c r="D54" s="18">
        <v>9</v>
      </c>
    </row>
    <row r="55" spans="1:4" ht="18" customHeight="1" x14ac:dyDescent="0.15">
      <c r="A55" s="5">
        <v>41</v>
      </c>
      <c r="B55" s="22">
        <v>2</v>
      </c>
      <c r="C55" s="14">
        <v>0</v>
      </c>
      <c r="D55" s="18">
        <v>2</v>
      </c>
    </row>
    <row r="56" spans="1:4" ht="18" customHeight="1" x14ac:dyDescent="0.15">
      <c r="A56" s="5">
        <v>42</v>
      </c>
      <c r="B56" s="22">
        <v>2</v>
      </c>
      <c r="C56" s="14">
        <v>2</v>
      </c>
      <c r="D56" s="18">
        <v>4</v>
      </c>
    </row>
    <row r="57" spans="1:4" ht="18" customHeight="1" x14ac:dyDescent="0.15">
      <c r="A57" s="5">
        <v>43</v>
      </c>
      <c r="B57" s="22">
        <v>2</v>
      </c>
      <c r="C57" s="14">
        <v>2</v>
      </c>
      <c r="D57" s="18">
        <v>4</v>
      </c>
    </row>
    <row r="58" spans="1:4" ht="18" customHeight="1" x14ac:dyDescent="0.15">
      <c r="A58" s="5">
        <v>44</v>
      </c>
      <c r="B58" s="22">
        <v>3</v>
      </c>
      <c r="C58" s="14">
        <v>2</v>
      </c>
      <c r="D58" s="18">
        <v>5</v>
      </c>
    </row>
    <row r="59" spans="1:4" ht="18" customHeight="1" x14ac:dyDescent="0.15">
      <c r="A59" s="5" t="s">
        <v>21</v>
      </c>
      <c r="B59" s="22">
        <v>14</v>
      </c>
      <c r="C59" s="14">
        <v>10</v>
      </c>
      <c r="D59" s="18">
        <v>24</v>
      </c>
    </row>
    <row r="60" spans="1:4" ht="18" customHeight="1" x14ac:dyDescent="0.15">
      <c r="A60" s="5">
        <v>45</v>
      </c>
      <c r="B60" s="22">
        <v>1</v>
      </c>
      <c r="C60" s="14">
        <v>3</v>
      </c>
      <c r="D60" s="18">
        <v>4</v>
      </c>
    </row>
    <row r="61" spans="1:4" ht="18" customHeight="1" x14ac:dyDescent="0.15">
      <c r="A61" s="5">
        <v>46</v>
      </c>
      <c r="B61" s="22">
        <v>5</v>
      </c>
      <c r="C61" s="14">
        <v>5</v>
      </c>
      <c r="D61" s="18">
        <v>10</v>
      </c>
    </row>
    <row r="62" spans="1:4" ht="18" customHeight="1" x14ac:dyDescent="0.15">
      <c r="A62" s="5">
        <v>47</v>
      </c>
      <c r="B62" s="22">
        <v>6</v>
      </c>
      <c r="C62" s="14">
        <v>3</v>
      </c>
      <c r="D62" s="18">
        <v>9</v>
      </c>
    </row>
    <row r="63" spans="1:4" ht="18" customHeight="1" x14ac:dyDescent="0.15">
      <c r="A63" s="5">
        <v>48</v>
      </c>
      <c r="B63" s="22">
        <v>3</v>
      </c>
      <c r="C63" s="14">
        <v>2</v>
      </c>
      <c r="D63" s="18">
        <v>5</v>
      </c>
    </row>
    <row r="64" spans="1:4" ht="18" customHeight="1" x14ac:dyDescent="0.15">
      <c r="A64" s="5">
        <v>49</v>
      </c>
      <c r="B64" s="22">
        <v>4</v>
      </c>
      <c r="C64" s="14">
        <v>2</v>
      </c>
      <c r="D64" s="18">
        <v>6</v>
      </c>
    </row>
    <row r="65" spans="1:4" ht="18" customHeight="1" x14ac:dyDescent="0.15">
      <c r="A65" s="5" t="s">
        <v>17</v>
      </c>
      <c r="B65" s="22">
        <v>19</v>
      </c>
      <c r="C65" s="14">
        <v>15</v>
      </c>
      <c r="D65" s="18">
        <v>34</v>
      </c>
    </row>
    <row r="66" spans="1:4" ht="18" customHeight="1" x14ac:dyDescent="0.15">
      <c r="A66" s="5">
        <v>50</v>
      </c>
      <c r="B66" s="22">
        <v>4</v>
      </c>
      <c r="C66" s="14">
        <v>4</v>
      </c>
      <c r="D66" s="18">
        <v>8</v>
      </c>
    </row>
    <row r="67" spans="1:4" ht="18" customHeight="1" x14ac:dyDescent="0.15">
      <c r="A67" s="5">
        <v>51</v>
      </c>
      <c r="B67" s="22">
        <v>3</v>
      </c>
      <c r="C67" s="14">
        <v>2</v>
      </c>
      <c r="D67" s="18">
        <v>5</v>
      </c>
    </row>
    <row r="68" spans="1:4" ht="18" customHeight="1" x14ac:dyDescent="0.15">
      <c r="A68" s="5">
        <v>52</v>
      </c>
      <c r="B68" s="22">
        <v>4</v>
      </c>
      <c r="C68" s="14">
        <v>3</v>
      </c>
      <c r="D68" s="18">
        <v>7</v>
      </c>
    </row>
    <row r="69" spans="1:4" ht="18" customHeight="1" x14ac:dyDescent="0.15">
      <c r="A69" s="5">
        <v>53</v>
      </c>
      <c r="B69" s="22">
        <v>9</v>
      </c>
      <c r="C69" s="14">
        <v>6</v>
      </c>
      <c r="D69" s="18">
        <v>15</v>
      </c>
    </row>
    <row r="70" spans="1:4" ht="18" customHeight="1" x14ac:dyDescent="0.15">
      <c r="A70" s="5">
        <v>54</v>
      </c>
      <c r="B70" s="22">
        <v>5</v>
      </c>
      <c r="C70" s="14">
        <v>8</v>
      </c>
      <c r="D70" s="18">
        <v>13</v>
      </c>
    </row>
    <row r="71" spans="1:4" ht="18" customHeight="1" x14ac:dyDescent="0.15">
      <c r="A71" s="5" t="s">
        <v>22</v>
      </c>
      <c r="B71" s="22">
        <v>25</v>
      </c>
      <c r="C71" s="14">
        <v>23</v>
      </c>
      <c r="D71" s="18">
        <v>48</v>
      </c>
    </row>
    <row r="72" spans="1:4" ht="18" customHeight="1" x14ac:dyDescent="0.15">
      <c r="A72" s="5">
        <v>55</v>
      </c>
      <c r="B72" s="22">
        <v>7</v>
      </c>
      <c r="C72" s="14">
        <v>6</v>
      </c>
      <c r="D72" s="18">
        <v>13</v>
      </c>
    </row>
    <row r="73" spans="1:4" ht="18" customHeight="1" x14ac:dyDescent="0.15">
      <c r="A73" s="5">
        <v>56</v>
      </c>
      <c r="B73" s="22">
        <v>3</v>
      </c>
      <c r="C73" s="14">
        <v>2</v>
      </c>
      <c r="D73" s="18">
        <v>5</v>
      </c>
    </row>
    <row r="74" spans="1:4" ht="18" customHeight="1" x14ac:dyDescent="0.15">
      <c r="A74" s="5">
        <v>57</v>
      </c>
      <c r="B74" s="22">
        <v>4</v>
      </c>
      <c r="C74" s="14">
        <v>8</v>
      </c>
      <c r="D74" s="18">
        <v>12</v>
      </c>
    </row>
    <row r="75" spans="1:4" ht="18" customHeight="1" x14ac:dyDescent="0.15">
      <c r="A75" s="5">
        <v>58</v>
      </c>
      <c r="B75" s="22">
        <v>1</v>
      </c>
      <c r="C75" s="14">
        <v>7</v>
      </c>
      <c r="D75" s="18">
        <v>8</v>
      </c>
    </row>
    <row r="76" spans="1:4" ht="18" customHeight="1" x14ac:dyDescent="0.15">
      <c r="A76" s="5">
        <v>59</v>
      </c>
      <c r="B76" s="22">
        <v>6</v>
      </c>
      <c r="C76" s="14">
        <v>2</v>
      </c>
      <c r="D76" s="18">
        <v>8</v>
      </c>
    </row>
    <row r="77" spans="1:4" ht="18" customHeight="1" x14ac:dyDescent="0.15">
      <c r="A77" s="5" t="s">
        <v>27</v>
      </c>
      <c r="B77" s="22">
        <v>21</v>
      </c>
      <c r="C77" s="14">
        <v>25</v>
      </c>
      <c r="D77" s="18">
        <v>46</v>
      </c>
    </row>
    <row r="78" spans="1:4" ht="18" customHeight="1" x14ac:dyDescent="0.15">
      <c r="A78" s="5">
        <v>60</v>
      </c>
      <c r="B78" s="22">
        <v>3</v>
      </c>
      <c r="C78" s="14">
        <v>5</v>
      </c>
      <c r="D78" s="18">
        <v>8</v>
      </c>
    </row>
    <row r="79" spans="1:4" ht="18" customHeight="1" x14ac:dyDescent="0.15">
      <c r="A79" s="5">
        <v>61</v>
      </c>
      <c r="B79" s="22">
        <v>1</v>
      </c>
      <c r="C79" s="14">
        <v>4</v>
      </c>
      <c r="D79" s="18">
        <v>5</v>
      </c>
    </row>
    <row r="80" spans="1:4" ht="18" customHeight="1" x14ac:dyDescent="0.15">
      <c r="A80" s="5">
        <v>62</v>
      </c>
      <c r="B80" s="22">
        <v>2</v>
      </c>
      <c r="C80" s="14">
        <v>7</v>
      </c>
      <c r="D80" s="18">
        <v>9</v>
      </c>
    </row>
    <row r="81" spans="1:4" ht="18" customHeight="1" x14ac:dyDescent="0.15">
      <c r="A81" s="5">
        <v>63</v>
      </c>
      <c r="B81" s="22">
        <v>6</v>
      </c>
      <c r="C81" s="14">
        <v>3</v>
      </c>
      <c r="D81" s="18">
        <v>9</v>
      </c>
    </row>
    <row r="82" spans="1:4" ht="18" customHeight="1" x14ac:dyDescent="0.15">
      <c r="A82" s="5">
        <v>64</v>
      </c>
      <c r="B82" s="22">
        <v>5</v>
      </c>
      <c r="C82" s="14">
        <v>6</v>
      </c>
      <c r="D82" s="18">
        <v>11</v>
      </c>
    </row>
    <row r="83" spans="1:4" ht="18" customHeight="1" x14ac:dyDescent="0.15">
      <c r="A83" s="5" t="s">
        <v>28</v>
      </c>
      <c r="B83" s="22">
        <v>17</v>
      </c>
      <c r="C83" s="14">
        <v>25</v>
      </c>
      <c r="D83" s="18">
        <v>42</v>
      </c>
    </row>
    <row r="84" spans="1:4" ht="18" customHeight="1" x14ac:dyDescent="0.15">
      <c r="A84" s="5" t="s">
        <v>31</v>
      </c>
      <c r="B84" s="22">
        <v>157</v>
      </c>
      <c r="C84" s="14">
        <v>151</v>
      </c>
      <c r="D84" s="18">
        <v>308</v>
      </c>
    </row>
    <row r="85" spans="1:4" ht="18" customHeight="1" x14ac:dyDescent="0.15">
      <c r="A85" s="5">
        <v>65</v>
      </c>
      <c r="B85" s="22">
        <v>3</v>
      </c>
      <c r="C85" s="14">
        <v>4</v>
      </c>
      <c r="D85" s="18">
        <v>7</v>
      </c>
    </row>
    <row r="86" spans="1:4" ht="18" customHeight="1" x14ac:dyDescent="0.15">
      <c r="A86" s="5">
        <v>66</v>
      </c>
      <c r="B86" s="22">
        <v>5</v>
      </c>
      <c r="C86" s="14">
        <v>7</v>
      </c>
      <c r="D86" s="18">
        <v>12</v>
      </c>
    </row>
    <row r="87" spans="1:4" ht="18" customHeight="1" x14ac:dyDescent="0.15">
      <c r="A87" s="5">
        <v>67</v>
      </c>
      <c r="B87" s="22">
        <v>5</v>
      </c>
      <c r="C87" s="14">
        <v>8</v>
      </c>
      <c r="D87" s="18">
        <v>13</v>
      </c>
    </row>
    <row r="88" spans="1:4" ht="18" customHeight="1" x14ac:dyDescent="0.15">
      <c r="A88" s="5">
        <v>68</v>
      </c>
      <c r="B88" s="22">
        <v>7</v>
      </c>
      <c r="C88" s="14">
        <v>3</v>
      </c>
      <c r="D88" s="18">
        <v>10</v>
      </c>
    </row>
    <row r="89" spans="1:4" ht="18" customHeight="1" x14ac:dyDescent="0.15">
      <c r="A89" s="5">
        <v>69</v>
      </c>
      <c r="B89" s="22">
        <v>10</v>
      </c>
      <c r="C89" s="14">
        <v>8</v>
      </c>
      <c r="D89" s="18">
        <v>18</v>
      </c>
    </row>
    <row r="90" spans="1:4" ht="18" customHeight="1" x14ac:dyDescent="0.15">
      <c r="A90" s="5" t="s">
        <v>20</v>
      </c>
      <c r="B90" s="22">
        <v>30</v>
      </c>
      <c r="C90" s="14">
        <v>30</v>
      </c>
      <c r="D90" s="18">
        <v>60</v>
      </c>
    </row>
    <row r="91" spans="1:4" ht="18" customHeight="1" x14ac:dyDescent="0.15">
      <c r="A91" s="5">
        <v>70</v>
      </c>
      <c r="B91" s="22">
        <v>10</v>
      </c>
      <c r="C91" s="14">
        <v>10</v>
      </c>
      <c r="D91" s="18">
        <v>20</v>
      </c>
    </row>
    <row r="92" spans="1:4" ht="18" customHeight="1" x14ac:dyDescent="0.15">
      <c r="A92" s="5">
        <v>71</v>
      </c>
      <c r="B92" s="22">
        <v>6</v>
      </c>
      <c r="C92" s="14">
        <v>7</v>
      </c>
      <c r="D92" s="18">
        <v>13</v>
      </c>
    </row>
    <row r="93" spans="1:4" ht="18" customHeight="1" x14ac:dyDescent="0.15">
      <c r="A93" s="5">
        <v>72</v>
      </c>
      <c r="B93" s="22">
        <v>10</v>
      </c>
      <c r="C93" s="14">
        <v>10</v>
      </c>
      <c r="D93" s="18">
        <v>20</v>
      </c>
    </row>
    <row r="94" spans="1:4" ht="18" customHeight="1" x14ac:dyDescent="0.15">
      <c r="A94" s="5">
        <v>73</v>
      </c>
      <c r="B94" s="22">
        <v>11</v>
      </c>
      <c r="C94" s="14">
        <v>6</v>
      </c>
      <c r="D94" s="18">
        <v>17</v>
      </c>
    </row>
    <row r="95" spans="1:4" ht="18" customHeight="1" x14ac:dyDescent="0.15">
      <c r="A95" s="5">
        <v>74</v>
      </c>
      <c r="B95" s="22">
        <v>4</v>
      </c>
      <c r="C95" s="14">
        <v>4</v>
      </c>
      <c r="D95" s="18">
        <v>8</v>
      </c>
    </row>
    <row r="96" spans="1:4" ht="18" customHeight="1" x14ac:dyDescent="0.15">
      <c r="A96" s="5" t="s">
        <v>33</v>
      </c>
      <c r="B96" s="22">
        <v>41</v>
      </c>
      <c r="C96" s="14">
        <v>37</v>
      </c>
      <c r="D96" s="18">
        <v>78</v>
      </c>
    </row>
    <row r="97" spans="1:4" ht="18" customHeight="1" x14ac:dyDescent="0.15">
      <c r="A97" s="5">
        <v>75</v>
      </c>
      <c r="B97" s="22">
        <v>5</v>
      </c>
      <c r="C97" s="14">
        <v>10</v>
      </c>
      <c r="D97" s="18">
        <v>15</v>
      </c>
    </row>
    <row r="98" spans="1:4" ht="18" customHeight="1" x14ac:dyDescent="0.15">
      <c r="A98" s="5">
        <v>76</v>
      </c>
      <c r="B98" s="22">
        <v>9</v>
      </c>
      <c r="C98" s="14">
        <v>8</v>
      </c>
      <c r="D98" s="18">
        <v>17</v>
      </c>
    </row>
    <row r="99" spans="1:4" ht="18" customHeight="1" x14ac:dyDescent="0.15">
      <c r="A99" s="5">
        <v>77</v>
      </c>
      <c r="B99" s="22">
        <v>5</v>
      </c>
      <c r="C99" s="14">
        <v>9</v>
      </c>
      <c r="D99" s="18">
        <v>14</v>
      </c>
    </row>
    <row r="100" spans="1:4" ht="18" customHeight="1" x14ac:dyDescent="0.15">
      <c r="A100" s="5">
        <v>78</v>
      </c>
      <c r="B100" s="22">
        <v>7</v>
      </c>
      <c r="C100" s="14">
        <v>10</v>
      </c>
      <c r="D100" s="18">
        <v>17</v>
      </c>
    </row>
    <row r="101" spans="1:4" ht="18" customHeight="1" x14ac:dyDescent="0.15">
      <c r="A101" s="5">
        <v>79</v>
      </c>
      <c r="B101" s="22">
        <v>9</v>
      </c>
      <c r="C101" s="14">
        <v>5</v>
      </c>
      <c r="D101" s="18">
        <v>14</v>
      </c>
    </row>
    <row r="102" spans="1:4" ht="18" customHeight="1" x14ac:dyDescent="0.15">
      <c r="A102" s="5" t="s">
        <v>0</v>
      </c>
      <c r="B102" s="22">
        <v>35</v>
      </c>
      <c r="C102" s="14">
        <v>42</v>
      </c>
      <c r="D102" s="18">
        <v>77</v>
      </c>
    </row>
    <row r="103" spans="1:4" ht="18" customHeight="1" x14ac:dyDescent="0.15">
      <c r="A103" s="5">
        <v>80</v>
      </c>
      <c r="B103" s="22">
        <v>4</v>
      </c>
      <c r="C103" s="14">
        <v>6</v>
      </c>
      <c r="D103" s="18">
        <v>10</v>
      </c>
    </row>
    <row r="104" spans="1:4" ht="18" customHeight="1" x14ac:dyDescent="0.15">
      <c r="A104" s="5">
        <v>81</v>
      </c>
      <c r="B104" s="22">
        <v>5</v>
      </c>
      <c r="C104" s="14">
        <v>5</v>
      </c>
      <c r="D104" s="18">
        <v>10</v>
      </c>
    </row>
    <row r="105" spans="1:4" ht="18" customHeight="1" x14ac:dyDescent="0.15">
      <c r="A105" s="5">
        <v>82</v>
      </c>
      <c r="B105" s="22">
        <v>6</v>
      </c>
      <c r="C105" s="14">
        <v>3</v>
      </c>
      <c r="D105" s="18">
        <v>9</v>
      </c>
    </row>
    <row r="106" spans="1:4" ht="18" customHeight="1" x14ac:dyDescent="0.15">
      <c r="A106" s="5">
        <v>83</v>
      </c>
      <c r="B106" s="22">
        <v>6</v>
      </c>
      <c r="C106" s="14">
        <v>5</v>
      </c>
      <c r="D106" s="18">
        <v>11</v>
      </c>
    </row>
    <row r="107" spans="1:4" ht="18" customHeight="1" x14ac:dyDescent="0.15">
      <c r="A107" s="5">
        <v>84</v>
      </c>
      <c r="B107" s="22">
        <v>3</v>
      </c>
      <c r="C107" s="14">
        <v>5</v>
      </c>
      <c r="D107" s="18">
        <v>8</v>
      </c>
    </row>
    <row r="108" spans="1:4" ht="18" customHeight="1" x14ac:dyDescent="0.15">
      <c r="A108" s="5" t="s">
        <v>35</v>
      </c>
      <c r="B108" s="22">
        <v>24</v>
      </c>
      <c r="C108" s="14">
        <v>24</v>
      </c>
      <c r="D108" s="18">
        <v>48</v>
      </c>
    </row>
    <row r="109" spans="1:4" ht="18" customHeight="1" x14ac:dyDescent="0.15">
      <c r="A109" s="5">
        <v>85</v>
      </c>
      <c r="B109" s="22">
        <v>3</v>
      </c>
      <c r="C109" s="14">
        <v>1</v>
      </c>
      <c r="D109" s="18">
        <v>4</v>
      </c>
    </row>
    <row r="110" spans="1:4" ht="18" customHeight="1" x14ac:dyDescent="0.15">
      <c r="A110" s="5">
        <v>86</v>
      </c>
      <c r="B110" s="22">
        <v>0</v>
      </c>
      <c r="C110" s="14">
        <v>5</v>
      </c>
      <c r="D110" s="18">
        <v>5</v>
      </c>
    </row>
    <row r="111" spans="1:4" ht="18" customHeight="1" x14ac:dyDescent="0.15">
      <c r="A111" s="5">
        <v>87</v>
      </c>
      <c r="B111" s="22">
        <v>3</v>
      </c>
      <c r="C111" s="14">
        <v>6</v>
      </c>
      <c r="D111" s="18">
        <v>9</v>
      </c>
    </row>
    <row r="112" spans="1:4" ht="18" customHeight="1" x14ac:dyDescent="0.15">
      <c r="A112" s="5">
        <v>88</v>
      </c>
      <c r="B112" s="22">
        <v>0</v>
      </c>
      <c r="C112" s="14">
        <v>5</v>
      </c>
      <c r="D112" s="18">
        <v>5</v>
      </c>
    </row>
    <row r="113" spans="1:4" ht="18" customHeight="1" x14ac:dyDescent="0.15">
      <c r="A113" s="5">
        <v>89</v>
      </c>
      <c r="B113" s="22">
        <v>1</v>
      </c>
      <c r="C113" s="14">
        <v>8</v>
      </c>
      <c r="D113" s="18">
        <v>9</v>
      </c>
    </row>
    <row r="114" spans="1:4" ht="18" customHeight="1" x14ac:dyDescent="0.15">
      <c r="A114" s="5" t="s">
        <v>37</v>
      </c>
      <c r="B114" s="22">
        <v>7</v>
      </c>
      <c r="C114" s="14">
        <v>25</v>
      </c>
      <c r="D114" s="18">
        <v>32</v>
      </c>
    </row>
    <row r="115" spans="1:4" ht="18" customHeight="1" x14ac:dyDescent="0.15">
      <c r="A115" s="5">
        <v>90</v>
      </c>
      <c r="B115" s="22">
        <v>2</v>
      </c>
      <c r="C115" s="14">
        <v>3</v>
      </c>
      <c r="D115" s="18">
        <v>5</v>
      </c>
    </row>
    <row r="116" spans="1:4" ht="18" customHeight="1" x14ac:dyDescent="0.15">
      <c r="A116" s="5">
        <v>91</v>
      </c>
      <c r="B116" s="22">
        <v>4</v>
      </c>
      <c r="C116" s="14">
        <v>4</v>
      </c>
      <c r="D116" s="18">
        <v>8</v>
      </c>
    </row>
    <row r="117" spans="1:4" ht="18" customHeight="1" x14ac:dyDescent="0.15">
      <c r="A117" s="5">
        <v>92</v>
      </c>
      <c r="B117" s="22">
        <v>0</v>
      </c>
      <c r="C117" s="14">
        <v>1</v>
      </c>
      <c r="D117" s="18">
        <v>1</v>
      </c>
    </row>
    <row r="118" spans="1:4" ht="18" customHeight="1" x14ac:dyDescent="0.15">
      <c r="A118" s="5">
        <v>93</v>
      </c>
      <c r="B118" s="22">
        <v>1</v>
      </c>
      <c r="C118" s="14">
        <v>4</v>
      </c>
      <c r="D118" s="18">
        <v>5</v>
      </c>
    </row>
    <row r="119" spans="1:4" ht="18" customHeight="1" x14ac:dyDescent="0.15">
      <c r="A119" s="5">
        <v>94</v>
      </c>
      <c r="B119" s="22">
        <v>2</v>
      </c>
      <c r="C119" s="14">
        <v>6</v>
      </c>
      <c r="D119" s="18">
        <v>8</v>
      </c>
    </row>
    <row r="120" spans="1:4" ht="18" customHeight="1" x14ac:dyDescent="0.15">
      <c r="A120" s="5" t="s">
        <v>39</v>
      </c>
      <c r="B120" s="22">
        <v>9</v>
      </c>
      <c r="C120" s="14">
        <v>18</v>
      </c>
      <c r="D120" s="18">
        <v>27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0</v>
      </c>
      <c r="C122" s="14">
        <v>4</v>
      </c>
      <c r="D122" s="18">
        <v>4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12</v>
      </c>
      <c r="D126" s="18">
        <v>12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146</v>
      </c>
      <c r="C130" s="14">
        <v>192</v>
      </c>
      <c r="D130" s="18">
        <v>338</v>
      </c>
    </row>
    <row r="131" spans="1:4" ht="18" customHeight="1" x14ac:dyDescent="0.15">
      <c r="A131" s="7" t="s">
        <v>45</v>
      </c>
      <c r="B131" s="23">
        <v>322</v>
      </c>
      <c r="C131" s="15">
        <v>370</v>
      </c>
      <c r="D131" s="19">
        <v>69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200-000000000000}">
  <sheetPr codeName="Sheet7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1</v>
      </c>
      <c r="C9" s="30">
        <v>0</v>
      </c>
      <c r="D9" s="32">
        <v>1</v>
      </c>
    </row>
    <row r="10" spans="1:4" ht="18" customHeight="1" x14ac:dyDescent="0.15">
      <c r="A10" s="5" t="s">
        <v>7</v>
      </c>
      <c r="B10" s="22">
        <v>1</v>
      </c>
      <c r="C10" s="14">
        <v>0</v>
      </c>
      <c r="D10" s="18">
        <v>1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1</v>
      </c>
      <c r="D12" s="18">
        <v>1</v>
      </c>
    </row>
    <row r="13" spans="1:4" ht="18" customHeight="1" x14ac:dyDescent="0.15">
      <c r="A13" s="5">
        <v>7</v>
      </c>
      <c r="B13" s="27">
        <v>0</v>
      </c>
      <c r="C13" s="14">
        <v>0</v>
      </c>
      <c r="D13" s="18">
        <v>0</v>
      </c>
    </row>
    <row r="14" spans="1:4" ht="18" customHeight="1" x14ac:dyDescent="0.15">
      <c r="A14" s="5">
        <v>8</v>
      </c>
      <c r="B14" s="27">
        <v>0</v>
      </c>
      <c r="C14" s="14">
        <v>1</v>
      </c>
      <c r="D14" s="18">
        <v>1</v>
      </c>
    </row>
    <row r="15" spans="1:4" ht="18" customHeight="1" x14ac:dyDescent="0.15">
      <c r="A15" s="5">
        <v>9</v>
      </c>
      <c r="B15" s="27">
        <v>0</v>
      </c>
      <c r="C15" s="14">
        <v>0</v>
      </c>
      <c r="D15" s="18">
        <v>0</v>
      </c>
    </row>
    <row r="16" spans="1:4" ht="18" customHeight="1" x14ac:dyDescent="0.15">
      <c r="A16" s="5" t="s">
        <v>11</v>
      </c>
      <c r="B16" s="22">
        <v>0</v>
      </c>
      <c r="C16" s="14">
        <v>2</v>
      </c>
      <c r="D16" s="18">
        <v>2</v>
      </c>
    </row>
    <row r="17" spans="1:4" ht="18" customHeight="1" x14ac:dyDescent="0.15">
      <c r="A17" s="5">
        <v>10</v>
      </c>
      <c r="B17" s="22">
        <v>1</v>
      </c>
      <c r="C17" s="14">
        <v>0</v>
      </c>
      <c r="D17" s="18">
        <v>1</v>
      </c>
    </row>
    <row r="18" spans="1:4" ht="18" customHeight="1" x14ac:dyDescent="0.15">
      <c r="A18" s="5">
        <v>11</v>
      </c>
      <c r="B18" s="22">
        <v>0</v>
      </c>
      <c r="C18" s="14">
        <v>0</v>
      </c>
      <c r="D18" s="18">
        <v>0</v>
      </c>
    </row>
    <row r="19" spans="1:4" ht="18" customHeight="1" x14ac:dyDescent="0.15">
      <c r="A19" s="5">
        <v>12</v>
      </c>
      <c r="B19" s="22">
        <v>1</v>
      </c>
      <c r="C19" s="14">
        <v>0</v>
      </c>
      <c r="D19" s="18">
        <v>1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0</v>
      </c>
      <c r="C21" s="14">
        <v>0</v>
      </c>
      <c r="D21" s="18">
        <v>0</v>
      </c>
    </row>
    <row r="22" spans="1:4" ht="18" customHeight="1" x14ac:dyDescent="0.15">
      <c r="A22" s="5" t="s">
        <v>12</v>
      </c>
      <c r="B22" s="22">
        <v>2</v>
      </c>
      <c r="C22" s="14">
        <v>0</v>
      </c>
      <c r="D22" s="18">
        <v>2</v>
      </c>
    </row>
    <row r="23" spans="1:4" ht="18" customHeight="1" x14ac:dyDescent="0.15">
      <c r="A23" s="5" t="s">
        <v>6</v>
      </c>
      <c r="B23" s="22">
        <v>3</v>
      </c>
      <c r="C23" s="14">
        <v>2</v>
      </c>
      <c r="D23" s="18">
        <v>5</v>
      </c>
    </row>
    <row r="24" spans="1:4" ht="18" customHeight="1" x14ac:dyDescent="0.15">
      <c r="A24" s="5">
        <v>15</v>
      </c>
      <c r="B24" s="22">
        <v>0</v>
      </c>
      <c r="C24" s="14">
        <v>0</v>
      </c>
      <c r="D24" s="18">
        <v>0</v>
      </c>
    </row>
    <row r="25" spans="1:4" ht="18" customHeight="1" x14ac:dyDescent="0.15">
      <c r="A25" s="5">
        <v>16</v>
      </c>
      <c r="B25" s="22">
        <v>2</v>
      </c>
      <c r="C25" s="14">
        <v>1</v>
      </c>
      <c r="D25" s="18">
        <v>3</v>
      </c>
    </row>
    <row r="26" spans="1:4" ht="18" customHeight="1" x14ac:dyDescent="0.15">
      <c r="A26" s="5">
        <v>17</v>
      </c>
      <c r="B26" s="22">
        <v>1</v>
      </c>
      <c r="C26" s="14">
        <v>0</v>
      </c>
      <c r="D26" s="18">
        <v>1</v>
      </c>
    </row>
    <row r="27" spans="1:4" ht="18" customHeight="1" x14ac:dyDescent="0.15">
      <c r="A27" s="5">
        <v>18</v>
      </c>
      <c r="B27" s="22">
        <v>0</v>
      </c>
      <c r="C27" s="14">
        <v>2</v>
      </c>
      <c r="D27" s="18">
        <v>2</v>
      </c>
    </row>
    <row r="28" spans="1:4" ht="18" customHeight="1" x14ac:dyDescent="0.15">
      <c r="A28" s="5">
        <v>19</v>
      </c>
      <c r="B28" s="22">
        <v>0</v>
      </c>
      <c r="C28" s="14">
        <v>1</v>
      </c>
      <c r="D28" s="18">
        <v>1</v>
      </c>
    </row>
    <row r="29" spans="1:4" ht="18" customHeight="1" x14ac:dyDescent="0.15">
      <c r="A29" s="5" t="s">
        <v>14</v>
      </c>
      <c r="B29" s="22">
        <v>3</v>
      </c>
      <c r="C29" s="14">
        <v>4</v>
      </c>
      <c r="D29" s="18">
        <v>7</v>
      </c>
    </row>
    <row r="30" spans="1:4" ht="18" customHeight="1" x14ac:dyDescent="0.15">
      <c r="A30" s="5">
        <v>20</v>
      </c>
      <c r="B30" s="22">
        <v>1</v>
      </c>
      <c r="C30" s="14">
        <v>1</v>
      </c>
      <c r="D30" s="18">
        <v>2</v>
      </c>
    </row>
    <row r="31" spans="1:4" ht="18" customHeight="1" x14ac:dyDescent="0.15">
      <c r="A31" s="5">
        <v>21</v>
      </c>
      <c r="B31" s="22">
        <v>1</v>
      </c>
      <c r="C31" s="14">
        <v>1</v>
      </c>
      <c r="D31" s="18">
        <v>2</v>
      </c>
    </row>
    <row r="32" spans="1:4" ht="18" customHeight="1" x14ac:dyDescent="0.15">
      <c r="A32" s="5">
        <v>22</v>
      </c>
      <c r="B32" s="22">
        <v>2</v>
      </c>
      <c r="C32" s="14">
        <v>1</v>
      </c>
      <c r="D32" s="18">
        <v>3</v>
      </c>
    </row>
    <row r="33" spans="1:4" ht="18" customHeight="1" x14ac:dyDescent="0.15">
      <c r="A33" s="5">
        <v>23</v>
      </c>
      <c r="B33" s="22">
        <v>1</v>
      </c>
      <c r="C33" s="14">
        <v>1</v>
      </c>
      <c r="D33" s="18">
        <v>2</v>
      </c>
    </row>
    <row r="34" spans="1:4" ht="18" customHeight="1" x14ac:dyDescent="0.15">
      <c r="A34" s="5">
        <v>24</v>
      </c>
      <c r="B34" s="22">
        <v>2</v>
      </c>
      <c r="C34" s="14">
        <v>1</v>
      </c>
      <c r="D34" s="18">
        <v>3</v>
      </c>
    </row>
    <row r="35" spans="1:4" ht="18" customHeight="1" x14ac:dyDescent="0.15">
      <c r="A35" s="5" t="s">
        <v>9</v>
      </c>
      <c r="B35" s="22">
        <v>7</v>
      </c>
      <c r="C35" s="14">
        <v>5</v>
      </c>
      <c r="D35" s="18">
        <v>12</v>
      </c>
    </row>
    <row r="36" spans="1:4" ht="18" customHeight="1" x14ac:dyDescent="0.15">
      <c r="A36" s="5">
        <v>25</v>
      </c>
      <c r="B36" s="22">
        <v>1</v>
      </c>
      <c r="C36" s="14">
        <v>1</v>
      </c>
      <c r="D36" s="18">
        <v>2</v>
      </c>
    </row>
    <row r="37" spans="1:4" ht="18" customHeight="1" x14ac:dyDescent="0.15">
      <c r="A37" s="5">
        <v>26</v>
      </c>
      <c r="B37" s="22">
        <v>3</v>
      </c>
      <c r="C37" s="14">
        <v>1</v>
      </c>
      <c r="D37" s="18">
        <v>4</v>
      </c>
    </row>
    <row r="38" spans="1:4" ht="18" customHeight="1" x14ac:dyDescent="0.15">
      <c r="A38" s="5">
        <v>27</v>
      </c>
      <c r="B38" s="22">
        <v>4</v>
      </c>
      <c r="C38" s="14">
        <v>2</v>
      </c>
      <c r="D38" s="18">
        <v>6</v>
      </c>
    </row>
    <row r="39" spans="1:4" ht="18" customHeight="1" x14ac:dyDescent="0.15">
      <c r="A39" s="5">
        <v>28</v>
      </c>
      <c r="B39" s="22">
        <v>4</v>
      </c>
      <c r="C39" s="14">
        <v>0</v>
      </c>
      <c r="D39" s="18">
        <v>4</v>
      </c>
    </row>
    <row r="40" spans="1:4" ht="18" customHeight="1" x14ac:dyDescent="0.15">
      <c r="A40" s="5">
        <v>29</v>
      </c>
      <c r="B40" s="22">
        <v>0</v>
      </c>
      <c r="C40" s="14">
        <v>1</v>
      </c>
      <c r="D40" s="18">
        <v>1</v>
      </c>
    </row>
    <row r="41" spans="1:4" ht="18" customHeight="1" x14ac:dyDescent="0.15">
      <c r="A41" s="5" t="s">
        <v>2</v>
      </c>
      <c r="B41" s="22">
        <v>12</v>
      </c>
      <c r="C41" s="14">
        <v>5</v>
      </c>
      <c r="D41" s="18">
        <v>17</v>
      </c>
    </row>
    <row r="42" spans="1:4" ht="18" customHeight="1" x14ac:dyDescent="0.15">
      <c r="A42" s="5">
        <v>30</v>
      </c>
      <c r="B42" s="22">
        <v>3</v>
      </c>
      <c r="C42" s="14">
        <v>1</v>
      </c>
      <c r="D42" s="18">
        <v>4</v>
      </c>
    </row>
    <row r="43" spans="1:4" ht="18" customHeight="1" x14ac:dyDescent="0.15">
      <c r="A43" s="5">
        <v>31</v>
      </c>
      <c r="B43" s="22">
        <v>2</v>
      </c>
      <c r="C43" s="14">
        <v>1</v>
      </c>
      <c r="D43" s="18">
        <v>3</v>
      </c>
    </row>
    <row r="44" spans="1:4" ht="18" customHeight="1" x14ac:dyDescent="0.15">
      <c r="A44" s="5">
        <v>32</v>
      </c>
      <c r="B44" s="22">
        <v>4</v>
      </c>
      <c r="C44" s="14">
        <v>1</v>
      </c>
      <c r="D44" s="18">
        <v>5</v>
      </c>
    </row>
    <row r="45" spans="1:4" ht="18" customHeight="1" x14ac:dyDescent="0.15">
      <c r="A45" s="5">
        <v>33</v>
      </c>
      <c r="B45" s="22">
        <v>1</v>
      </c>
      <c r="C45" s="14">
        <v>0</v>
      </c>
      <c r="D45" s="18">
        <v>1</v>
      </c>
    </row>
    <row r="46" spans="1:4" ht="18" customHeight="1" x14ac:dyDescent="0.15">
      <c r="A46" s="5">
        <v>34</v>
      </c>
      <c r="B46" s="22">
        <v>4</v>
      </c>
      <c r="C46" s="14">
        <v>1</v>
      </c>
      <c r="D46" s="18">
        <v>5</v>
      </c>
    </row>
    <row r="47" spans="1:4" ht="18" customHeight="1" x14ac:dyDescent="0.15">
      <c r="A47" s="5" t="s">
        <v>15</v>
      </c>
      <c r="B47" s="22">
        <v>14</v>
      </c>
      <c r="C47" s="14">
        <v>4</v>
      </c>
      <c r="D47" s="18">
        <v>18</v>
      </c>
    </row>
    <row r="48" spans="1:4" ht="18" customHeight="1" x14ac:dyDescent="0.15">
      <c r="A48" s="5">
        <v>35</v>
      </c>
      <c r="B48" s="22">
        <v>1</v>
      </c>
      <c r="C48" s="14">
        <v>2</v>
      </c>
      <c r="D48" s="18">
        <v>3</v>
      </c>
    </row>
    <row r="49" spans="1:4" ht="18" customHeight="1" x14ac:dyDescent="0.15">
      <c r="A49" s="5">
        <v>36</v>
      </c>
      <c r="B49" s="22">
        <v>2</v>
      </c>
      <c r="C49" s="14">
        <v>1</v>
      </c>
      <c r="D49" s="18">
        <v>3</v>
      </c>
    </row>
    <row r="50" spans="1:4" ht="18" customHeight="1" x14ac:dyDescent="0.15">
      <c r="A50" s="5">
        <v>37</v>
      </c>
      <c r="B50" s="22">
        <v>1</v>
      </c>
      <c r="C50" s="14">
        <v>4</v>
      </c>
      <c r="D50" s="18">
        <v>5</v>
      </c>
    </row>
    <row r="51" spans="1:4" ht="18" customHeight="1" x14ac:dyDescent="0.15">
      <c r="A51" s="5">
        <v>38</v>
      </c>
      <c r="B51" s="22">
        <v>2</v>
      </c>
      <c r="C51" s="14">
        <v>0</v>
      </c>
      <c r="D51" s="18">
        <v>2</v>
      </c>
    </row>
    <row r="52" spans="1:4" ht="18" customHeight="1" x14ac:dyDescent="0.15">
      <c r="A52" s="5">
        <v>39</v>
      </c>
      <c r="B52" s="22">
        <v>3</v>
      </c>
      <c r="C52" s="14">
        <v>2</v>
      </c>
      <c r="D52" s="18">
        <v>5</v>
      </c>
    </row>
    <row r="53" spans="1:4" ht="18" customHeight="1" x14ac:dyDescent="0.15">
      <c r="A53" s="5" t="s">
        <v>18</v>
      </c>
      <c r="B53" s="22">
        <v>9</v>
      </c>
      <c r="C53" s="14">
        <v>9</v>
      </c>
      <c r="D53" s="18">
        <v>18</v>
      </c>
    </row>
    <row r="54" spans="1:4" ht="18" customHeight="1" x14ac:dyDescent="0.15">
      <c r="A54" s="5">
        <v>40</v>
      </c>
      <c r="B54" s="22">
        <v>2</v>
      </c>
      <c r="C54" s="14">
        <v>0</v>
      </c>
      <c r="D54" s="18">
        <v>2</v>
      </c>
    </row>
    <row r="55" spans="1:4" ht="18" customHeight="1" x14ac:dyDescent="0.15">
      <c r="A55" s="5">
        <v>41</v>
      </c>
      <c r="B55" s="22">
        <v>2</v>
      </c>
      <c r="C55" s="14">
        <v>2</v>
      </c>
      <c r="D55" s="18">
        <v>4</v>
      </c>
    </row>
    <row r="56" spans="1:4" ht="18" customHeight="1" x14ac:dyDescent="0.15">
      <c r="A56" s="5">
        <v>42</v>
      </c>
      <c r="B56" s="22">
        <v>1</v>
      </c>
      <c r="C56" s="14">
        <v>0</v>
      </c>
      <c r="D56" s="18">
        <v>1</v>
      </c>
    </row>
    <row r="57" spans="1:4" ht="18" customHeight="1" x14ac:dyDescent="0.15">
      <c r="A57" s="5">
        <v>43</v>
      </c>
      <c r="B57" s="22">
        <v>0</v>
      </c>
      <c r="C57" s="14">
        <v>1</v>
      </c>
      <c r="D57" s="18">
        <v>1</v>
      </c>
    </row>
    <row r="58" spans="1:4" ht="18" customHeight="1" x14ac:dyDescent="0.15">
      <c r="A58" s="5">
        <v>44</v>
      </c>
      <c r="B58" s="22">
        <v>0</v>
      </c>
      <c r="C58" s="14">
        <v>0</v>
      </c>
      <c r="D58" s="18">
        <v>0</v>
      </c>
    </row>
    <row r="59" spans="1:4" ht="18" customHeight="1" x14ac:dyDescent="0.15">
      <c r="A59" s="5" t="s">
        <v>21</v>
      </c>
      <c r="B59" s="22">
        <v>5</v>
      </c>
      <c r="C59" s="14">
        <v>3</v>
      </c>
      <c r="D59" s="18">
        <v>8</v>
      </c>
    </row>
    <row r="60" spans="1:4" ht="18" customHeight="1" x14ac:dyDescent="0.15">
      <c r="A60" s="5">
        <v>45</v>
      </c>
      <c r="B60" s="22">
        <v>2</v>
      </c>
      <c r="C60" s="14">
        <v>1</v>
      </c>
      <c r="D60" s="18">
        <v>3</v>
      </c>
    </row>
    <row r="61" spans="1:4" ht="18" customHeight="1" x14ac:dyDescent="0.15">
      <c r="A61" s="5">
        <v>46</v>
      </c>
      <c r="B61" s="22">
        <v>2</v>
      </c>
      <c r="C61" s="14">
        <v>3</v>
      </c>
      <c r="D61" s="18">
        <v>5</v>
      </c>
    </row>
    <row r="62" spans="1:4" ht="18" customHeight="1" x14ac:dyDescent="0.15">
      <c r="A62" s="5">
        <v>47</v>
      </c>
      <c r="B62" s="22">
        <v>0</v>
      </c>
      <c r="C62" s="14">
        <v>2</v>
      </c>
      <c r="D62" s="18">
        <v>2</v>
      </c>
    </row>
    <row r="63" spans="1:4" ht="18" customHeight="1" x14ac:dyDescent="0.15">
      <c r="A63" s="5">
        <v>48</v>
      </c>
      <c r="B63" s="22">
        <v>1</v>
      </c>
      <c r="C63" s="14">
        <v>0</v>
      </c>
      <c r="D63" s="18">
        <v>1</v>
      </c>
    </row>
    <row r="64" spans="1:4" ht="18" customHeight="1" x14ac:dyDescent="0.15">
      <c r="A64" s="5">
        <v>49</v>
      </c>
      <c r="B64" s="22">
        <v>1</v>
      </c>
      <c r="C64" s="14">
        <v>1</v>
      </c>
      <c r="D64" s="18">
        <v>2</v>
      </c>
    </row>
    <row r="65" spans="1:4" ht="18" customHeight="1" x14ac:dyDescent="0.15">
      <c r="A65" s="5" t="s">
        <v>17</v>
      </c>
      <c r="B65" s="22">
        <v>6</v>
      </c>
      <c r="C65" s="14">
        <v>7</v>
      </c>
      <c r="D65" s="18">
        <v>13</v>
      </c>
    </row>
    <row r="66" spans="1:4" ht="18" customHeight="1" x14ac:dyDescent="0.15">
      <c r="A66" s="5">
        <v>50</v>
      </c>
      <c r="B66" s="22">
        <v>1</v>
      </c>
      <c r="C66" s="14">
        <v>2</v>
      </c>
      <c r="D66" s="18">
        <v>3</v>
      </c>
    </row>
    <row r="67" spans="1:4" ht="18" customHeight="1" x14ac:dyDescent="0.15">
      <c r="A67" s="5">
        <v>51</v>
      </c>
      <c r="B67" s="22">
        <v>5</v>
      </c>
      <c r="C67" s="14">
        <v>2</v>
      </c>
      <c r="D67" s="18">
        <v>7</v>
      </c>
    </row>
    <row r="68" spans="1:4" ht="18" customHeight="1" x14ac:dyDescent="0.15">
      <c r="A68" s="5">
        <v>52</v>
      </c>
      <c r="B68" s="22">
        <v>1</v>
      </c>
      <c r="C68" s="14">
        <v>1</v>
      </c>
      <c r="D68" s="18">
        <v>2</v>
      </c>
    </row>
    <row r="69" spans="1:4" ht="18" customHeight="1" x14ac:dyDescent="0.15">
      <c r="A69" s="5">
        <v>53</v>
      </c>
      <c r="B69" s="22">
        <v>2</v>
      </c>
      <c r="C69" s="14">
        <v>2</v>
      </c>
      <c r="D69" s="18">
        <v>4</v>
      </c>
    </row>
    <row r="70" spans="1:4" ht="18" customHeight="1" x14ac:dyDescent="0.15">
      <c r="A70" s="5">
        <v>54</v>
      </c>
      <c r="B70" s="22">
        <v>1</v>
      </c>
      <c r="C70" s="14">
        <v>3</v>
      </c>
      <c r="D70" s="18">
        <v>4</v>
      </c>
    </row>
    <row r="71" spans="1:4" ht="18" customHeight="1" x14ac:dyDescent="0.15">
      <c r="A71" s="5" t="s">
        <v>22</v>
      </c>
      <c r="B71" s="22">
        <v>10</v>
      </c>
      <c r="C71" s="14">
        <v>10</v>
      </c>
      <c r="D71" s="18">
        <v>20</v>
      </c>
    </row>
    <row r="72" spans="1:4" ht="18" customHeight="1" x14ac:dyDescent="0.15">
      <c r="A72" s="5">
        <v>55</v>
      </c>
      <c r="B72" s="22">
        <v>1</v>
      </c>
      <c r="C72" s="14">
        <v>0</v>
      </c>
      <c r="D72" s="18">
        <v>1</v>
      </c>
    </row>
    <row r="73" spans="1:4" ht="18" customHeight="1" x14ac:dyDescent="0.15">
      <c r="A73" s="5">
        <v>56</v>
      </c>
      <c r="B73" s="22">
        <v>3</v>
      </c>
      <c r="C73" s="14">
        <v>0</v>
      </c>
      <c r="D73" s="18">
        <v>3</v>
      </c>
    </row>
    <row r="74" spans="1:4" ht="18" customHeight="1" x14ac:dyDescent="0.15">
      <c r="A74" s="5">
        <v>57</v>
      </c>
      <c r="B74" s="22">
        <v>3</v>
      </c>
      <c r="C74" s="14">
        <v>3</v>
      </c>
      <c r="D74" s="18">
        <v>6</v>
      </c>
    </row>
    <row r="75" spans="1:4" ht="18" customHeight="1" x14ac:dyDescent="0.15">
      <c r="A75" s="5">
        <v>58</v>
      </c>
      <c r="B75" s="22">
        <v>4</v>
      </c>
      <c r="C75" s="14">
        <v>4</v>
      </c>
      <c r="D75" s="18">
        <v>8</v>
      </c>
    </row>
    <row r="76" spans="1:4" ht="18" customHeight="1" x14ac:dyDescent="0.15">
      <c r="A76" s="5">
        <v>59</v>
      </c>
      <c r="B76" s="22">
        <v>3</v>
      </c>
      <c r="C76" s="14">
        <v>5</v>
      </c>
      <c r="D76" s="18">
        <v>8</v>
      </c>
    </row>
    <row r="77" spans="1:4" ht="18" customHeight="1" x14ac:dyDescent="0.15">
      <c r="A77" s="5" t="s">
        <v>27</v>
      </c>
      <c r="B77" s="22">
        <v>14</v>
      </c>
      <c r="C77" s="14">
        <v>12</v>
      </c>
      <c r="D77" s="18">
        <v>26</v>
      </c>
    </row>
    <row r="78" spans="1:4" ht="18" customHeight="1" x14ac:dyDescent="0.15">
      <c r="A78" s="5">
        <v>60</v>
      </c>
      <c r="B78" s="22">
        <v>0</v>
      </c>
      <c r="C78" s="14">
        <v>3</v>
      </c>
      <c r="D78" s="18">
        <v>3</v>
      </c>
    </row>
    <row r="79" spans="1:4" ht="18" customHeight="1" x14ac:dyDescent="0.15">
      <c r="A79" s="5">
        <v>61</v>
      </c>
      <c r="B79" s="22">
        <v>7</v>
      </c>
      <c r="C79" s="14">
        <v>4</v>
      </c>
      <c r="D79" s="18">
        <v>11</v>
      </c>
    </row>
    <row r="80" spans="1:4" ht="18" customHeight="1" x14ac:dyDescent="0.15">
      <c r="A80" s="5">
        <v>62</v>
      </c>
      <c r="B80" s="22">
        <v>3</v>
      </c>
      <c r="C80" s="14">
        <v>0</v>
      </c>
      <c r="D80" s="18">
        <v>3</v>
      </c>
    </row>
    <row r="81" spans="1:4" ht="18" customHeight="1" x14ac:dyDescent="0.15">
      <c r="A81" s="5">
        <v>63</v>
      </c>
      <c r="B81" s="22">
        <v>0</v>
      </c>
      <c r="C81" s="14">
        <v>5</v>
      </c>
      <c r="D81" s="18">
        <v>5</v>
      </c>
    </row>
    <row r="82" spans="1:4" ht="18" customHeight="1" x14ac:dyDescent="0.15">
      <c r="A82" s="5">
        <v>64</v>
      </c>
      <c r="B82" s="22">
        <v>0</v>
      </c>
      <c r="C82" s="14">
        <v>3</v>
      </c>
      <c r="D82" s="18">
        <v>3</v>
      </c>
    </row>
    <row r="83" spans="1:4" ht="18" customHeight="1" x14ac:dyDescent="0.15">
      <c r="A83" s="5" t="s">
        <v>28</v>
      </c>
      <c r="B83" s="22">
        <v>10</v>
      </c>
      <c r="C83" s="14">
        <v>15</v>
      </c>
      <c r="D83" s="18">
        <v>25</v>
      </c>
    </row>
    <row r="84" spans="1:4" ht="18" customHeight="1" x14ac:dyDescent="0.15">
      <c r="A84" s="5" t="s">
        <v>31</v>
      </c>
      <c r="B84" s="22">
        <v>90</v>
      </c>
      <c r="C84" s="14">
        <v>74</v>
      </c>
      <c r="D84" s="18">
        <v>164</v>
      </c>
    </row>
    <row r="85" spans="1:4" ht="18" customHeight="1" x14ac:dyDescent="0.15">
      <c r="A85" s="5">
        <v>65</v>
      </c>
      <c r="B85" s="22">
        <v>2</v>
      </c>
      <c r="C85" s="14">
        <v>5</v>
      </c>
      <c r="D85" s="18">
        <v>7</v>
      </c>
    </row>
    <row r="86" spans="1:4" ht="18" customHeight="1" x14ac:dyDescent="0.15">
      <c r="A86" s="5">
        <v>66</v>
      </c>
      <c r="B86" s="22">
        <v>4</v>
      </c>
      <c r="C86" s="14">
        <v>2</v>
      </c>
      <c r="D86" s="18">
        <v>6</v>
      </c>
    </row>
    <row r="87" spans="1:4" ht="18" customHeight="1" x14ac:dyDescent="0.15">
      <c r="A87" s="5">
        <v>67</v>
      </c>
      <c r="B87" s="22">
        <v>3</v>
      </c>
      <c r="C87" s="14">
        <v>2</v>
      </c>
      <c r="D87" s="18">
        <v>5</v>
      </c>
    </row>
    <row r="88" spans="1:4" ht="18" customHeight="1" x14ac:dyDescent="0.15">
      <c r="A88" s="5">
        <v>68</v>
      </c>
      <c r="B88" s="22">
        <v>5</v>
      </c>
      <c r="C88" s="14">
        <v>1</v>
      </c>
      <c r="D88" s="18">
        <v>6</v>
      </c>
    </row>
    <row r="89" spans="1:4" ht="18" customHeight="1" x14ac:dyDescent="0.15">
      <c r="A89" s="5">
        <v>69</v>
      </c>
      <c r="B89" s="22">
        <v>2</v>
      </c>
      <c r="C89" s="14">
        <v>3</v>
      </c>
      <c r="D89" s="18">
        <v>5</v>
      </c>
    </row>
    <row r="90" spans="1:4" ht="18" customHeight="1" x14ac:dyDescent="0.15">
      <c r="A90" s="5" t="s">
        <v>20</v>
      </c>
      <c r="B90" s="22">
        <v>16</v>
      </c>
      <c r="C90" s="14">
        <v>13</v>
      </c>
      <c r="D90" s="18">
        <v>29</v>
      </c>
    </row>
    <row r="91" spans="1:4" ht="18" customHeight="1" x14ac:dyDescent="0.15">
      <c r="A91" s="5">
        <v>70</v>
      </c>
      <c r="B91" s="22">
        <v>4</v>
      </c>
      <c r="C91" s="14">
        <v>4</v>
      </c>
      <c r="D91" s="18">
        <v>8</v>
      </c>
    </row>
    <row r="92" spans="1:4" ht="18" customHeight="1" x14ac:dyDescent="0.15">
      <c r="A92" s="5">
        <v>71</v>
      </c>
      <c r="B92" s="22">
        <v>5</v>
      </c>
      <c r="C92" s="14">
        <v>2</v>
      </c>
      <c r="D92" s="18">
        <v>7</v>
      </c>
    </row>
    <row r="93" spans="1:4" ht="18" customHeight="1" x14ac:dyDescent="0.15">
      <c r="A93" s="5">
        <v>72</v>
      </c>
      <c r="B93" s="22">
        <v>4</v>
      </c>
      <c r="C93" s="14">
        <v>5</v>
      </c>
      <c r="D93" s="18">
        <v>9</v>
      </c>
    </row>
    <row r="94" spans="1:4" ht="18" customHeight="1" x14ac:dyDescent="0.15">
      <c r="A94" s="5">
        <v>73</v>
      </c>
      <c r="B94" s="22">
        <v>2</v>
      </c>
      <c r="C94" s="14">
        <v>4</v>
      </c>
      <c r="D94" s="18">
        <v>6</v>
      </c>
    </row>
    <row r="95" spans="1:4" ht="18" customHeight="1" x14ac:dyDescent="0.15">
      <c r="A95" s="5">
        <v>74</v>
      </c>
      <c r="B95" s="22">
        <v>6</v>
      </c>
      <c r="C95" s="14">
        <v>3</v>
      </c>
      <c r="D95" s="18">
        <v>9</v>
      </c>
    </row>
    <row r="96" spans="1:4" ht="18" customHeight="1" x14ac:dyDescent="0.15">
      <c r="A96" s="5" t="s">
        <v>33</v>
      </c>
      <c r="B96" s="22">
        <v>21</v>
      </c>
      <c r="C96" s="14">
        <v>18</v>
      </c>
      <c r="D96" s="18">
        <v>39</v>
      </c>
    </row>
    <row r="97" spans="1:4" ht="18" customHeight="1" x14ac:dyDescent="0.15">
      <c r="A97" s="5">
        <v>75</v>
      </c>
      <c r="B97" s="22">
        <v>4</v>
      </c>
      <c r="C97" s="14">
        <v>6</v>
      </c>
      <c r="D97" s="18">
        <v>10</v>
      </c>
    </row>
    <row r="98" spans="1:4" ht="18" customHeight="1" x14ac:dyDescent="0.15">
      <c r="A98" s="5">
        <v>76</v>
      </c>
      <c r="B98" s="22">
        <v>7</v>
      </c>
      <c r="C98" s="14">
        <v>5</v>
      </c>
      <c r="D98" s="18">
        <v>12</v>
      </c>
    </row>
    <row r="99" spans="1:4" ht="18" customHeight="1" x14ac:dyDescent="0.15">
      <c r="A99" s="5">
        <v>77</v>
      </c>
      <c r="B99" s="22">
        <v>7</v>
      </c>
      <c r="C99" s="14">
        <v>3</v>
      </c>
      <c r="D99" s="18">
        <v>10</v>
      </c>
    </row>
    <row r="100" spans="1:4" ht="18" customHeight="1" x14ac:dyDescent="0.15">
      <c r="A100" s="5">
        <v>78</v>
      </c>
      <c r="B100" s="22">
        <v>5</v>
      </c>
      <c r="C100" s="14">
        <v>4</v>
      </c>
      <c r="D100" s="18">
        <v>9</v>
      </c>
    </row>
    <row r="101" spans="1:4" ht="18" customHeight="1" x14ac:dyDescent="0.15">
      <c r="A101" s="5">
        <v>79</v>
      </c>
      <c r="B101" s="22">
        <v>2</v>
      </c>
      <c r="C101" s="14">
        <v>2</v>
      </c>
      <c r="D101" s="18">
        <v>4</v>
      </c>
    </row>
    <row r="102" spans="1:4" ht="18" customHeight="1" x14ac:dyDescent="0.15">
      <c r="A102" s="5" t="s">
        <v>0</v>
      </c>
      <c r="B102" s="22">
        <v>25</v>
      </c>
      <c r="C102" s="14">
        <v>20</v>
      </c>
      <c r="D102" s="18">
        <v>45</v>
      </c>
    </row>
    <row r="103" spans="1:4" ht="18" customHeight="1" x14ac:dyDescent="0.15">
      <c r="A103" s="5">
        <v>80</v>
      </c>
      <c r="B103" s="22">
        <v>0</v>
      </c>
      <c r="C103" s="14">
        <v>3</v>
      </c>
      <c r="D103" s="18">
        <v>3</v>
      </c>
    </row>
    <row r="104" spans="1:4" ht="18" customHeight="1" x14ac:dyDescent="0.15">
      <c r="A104" s="5">
        <v>81</v>
      </c>
      <c r="B104" s="22">
        <v>0</v>
      </c>
      <c r="C104" s="14">
        <v>6</v>
      </c>
      <c r="D104" s="18">
        <v>6</v>
      </c>
    </row>
    <row r="105" spans="1:4" ht="18" customHeight="1" x14ac:dyDescent="0.15">
      <c r="A105" s="5">
        <v>82</v>
      </c>
      <c r="B105" s="22">
        <v>0</v>
      </c>
      <c r="C105" s="14">
        <v>2</v>
      </c>
      <c r="D105" s="18">
        <v>2</v>
      </c>
    </row>
    <row r="106" spans="1:4" ht="18" customHeight="1" x14ac:dyDescent="0.15">
      <c r="A106" s="5">
        <v>83</v>
      </c>
      <c r="B106" s="22">
        <v>3</v>
      </c>
      <c r="C106" s="14">
        <v>1</v>
      </c>
      <c r="D106" s="18">
        <v>4</v>
      </c>
    </row>
    <row r="107" spans="1:4" ht="18" customHeight="1" x14ac:dyDescent="0.15">
      <c r="A107" s="5">
        <v>84</v>
      </c>
      <c r="B107" s="22">
        <v>0</v>
      </c>
      <c r="C107" s="14">
        <v>0</v>
      </c>
      <c r="D107" s="18">
        <v>0</v>
      </c>
    </row>
    <row r="108" spans="1:4" ht="18" customHeight="1" x14ac:dyDescent="0.15">
      <c r="A108" s="5" t="s">
        <v>35</v>
      </c>
      <c r="B108" s="22">
        <v>3</v>
      </c>
      <c r="C108" s="14">
        <v>12</v>
      </c>
      <c r="D108" s="18">
        <v>15</v>
      </c>
    </row>
    <row r="109" spans="1:4" ht="18" customHeight="1" x14ac:dyDescent="0.15">
      <c r="A109" s="5">
        <v>85</v>
      </c>
      <c r="B109" s="22">
        <v>1</v>
      </c>
      <c r="C109" s="14">
        <v>0</v>
      </c>
      <c r="D109" s="18">
        <v>1</v>
      </c>
    </row>
    <row r="110" spans="1:4" ht="18" customHeight="1" x14ac:dyDescent="0.15">
      <c r="A110" s="5">
        <v>86</v>
      </c>
      <c r="B110" s="22">
        <v>0</v>
      </c>
      <c r="C110" s="14">
        <v>4</v>
      </c>
      <c r="D110" s="18">
        <v>4</v>
      </c>
    </row>
    <row r="111" spans="1:4" ht="18" customHeight="1" x14ac:dyDescent="0.15">
      <c r="A111" s="5">
        <v>87</v>
      </c>
      <c r="B111" s="22">
        <v>3</v>
      </c>
      <c r="C111" s="14">
        <v>7</v>
      </c>
      <c r="D111" s="18">
        <v>10</v>
      </c>
    </row>
    <row r="112" spans="1:4" ht="18" customHeight="1" x14ac:dyDescent="0.15">
      <c r="A112" s="5">
        <v>88</v>
      </c>
      <c r="B112" s="22">
        <v>2</v>
      </c>
      <c r="C112" s="14">
        <v>2</v>
      </c>
      <c r="D112" s="18">
        <v>4</v>
      </c>
    </row>
    <row r="113" spans="1:4" ht="18" customHeight="1" x14ac:dyDescent="0.15">
      <c r="A113" s="5">
        <v>89</v>
      </c>
      <c r="B113" s="22">
        <v>2</v>
      </c>
      <c r="C113" s="14">
        <v>3</v>
      </c>
      <c r="D113" s="18">
        <v>5</v>
      </c>
    </row>
    <row r="114" spans="1:4" ht="18" customHeight="1" x14ac:dyDescent="0.15">
      <c r="A114" s="5" t="s">
        <v>37</v>
      </c>
      <c r="B114" s="22">
        <v>8</v>
      </c>
      <c r="C114" s="14">
        <v>16</v>
      </c>
      <c r="D114" s="18">
        <v>24</v>
      </c>
    </row>
    <row r="115" spans="1:4" ht="18" customHeight="1" x14ac:dyDescent="0.15">
      <c r="A115" s="5">
        <v>90</v>
      </c>
      <c r="B115" s="22">
        <v>0</v>
      </c>
      <c r="C115" s="14">
        <v>3</v>
      </c>
      <c r="D115" s="18">
        <v>3</v>
      </c>
    </row>
    <row r="116" spans="1:4" ht="18" customHeight="1" x14ac:dyDescent="0.15">
      <c r="A116" s="5">
        <v>91</v>
      </c>
      <c r="B116" s="22">
        <v>1</v>
      </c>
      <c r="C116" s="14">
        <v>2</v>
      </c>
      <c r="D116" s="18">
        <v>3</v>
      </c>
    </row>
    <row r="117" spans="1:4" ht="18" customHeight="1" x14ac:dyDescent="0.15">
      <c r="A117" s="5">
        <v>92</v>
      </c>
      <c r="B117" s="22">
        <v>0</v>
      </c>
      <c r="C117" s="14">
        <v>2</v>
      </c>
      <c r="D117" s="18">
        <v>2</v>
      </c>
    </row>
    <row r="118" spans="1:4" ht="18" customHeight="1" x14ac:dyDescent="0.15">
      <c r="A118" s="5">
        <v>93</v>
      </c>
      <c r="B118" s="22">
        <v>0</v>
      </c>
      <c r="C118" s="14">
        <v>4</v>
      </c>
      <c r="D118" s="18">
        <v>4</v>
      </c>
    </row>
    <row r="119" spans="1:4" ht="18" customHeight="1" x14ac:dyDescent="0.15">
      <c r="A119" s="5">
        <v>94</v>
      </c>
      <c r="B119" s="22">
        <v>0</v>
      </c>
      <c r="C119" s="14">
        <v>3</v>
      </c>
      <c r="D119" s="18">
        <v>3</v>
      </c>
    </row>
    <row r="120" spans="1:4" ht="18" customHeight="1" x14ac:dyDescent="0.15">
      <c r="A120" s="5" t="s">
        <v>39</v>
      </c>
      <c r="B120" s="22">
        <v>1</v>
      </c>
      <c r="C120" s="14">
        <v>14</v>
      </c>
      <c r="D120" s="18">
        <v>15</v>
      </c>
    </row>
    <row r="121" spans="1:4" ht="18" customHeight="1" x14ac:dyDescent="0.15">
      <c r="A121" s="5">
        <v>95</v>
      </c>
      <c r="B121" s="22">
        <v>0</v>
      </c>
      <c r="C121" s="14">
        <v>0</v>
      </c>
      <c r="D121" s="18">
        <v>0</v>
      </c>
    </row>
    <row r="122" spans="1:4" ht="18" customHeight="1" x14ac:dyDescent="0.15">
      <c r="A122" s="5">
        <v>96</v>
      </c>
      <c r="B122" s="22">
        <v>1</v>
      </c>
      <c r="C122" s="14">
        <v>1</v>
      </c>
      <c r="D122" s="18">
        <v>2</v>
      </c>
    </row>
    <row r="123" spans="1:4" ht="18" customHeight="1" x14ac:dyDescent="0.15">
      <c r="A123" s="5">
        <v>97</v>
      </c>
      <c r="B123" s="22">
        <v>1</v>
      </c>
      <c r="C123" s="14">
        <v>2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2</v>
      </c>
      <c r="C126" s="14">
        <v>4</v>
      </c>
      <c r="D126" s="18">
        <v>6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76</v>
      </c>
      <c r="C130" s="14">
        <v>98</v>
      </c>
      <c r="D130" s="18">
        <v>174</v>
      </c>
    </row>
    <row r="131" spans="1:4" ht="18" customHeight="1" x14ac:dyDescent="0.15">
      <c r="A131" s="7" t="s">
        <v>45</v>
      </c>
      <c r="B131" s="23">
        <v>169</v>
      </c>
      <c r="C131" s="15">
        <v>174</v>
      </c>
      <c r="D131" s="19">
        <v>34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300-000000000000}">
  <sheetPr codeName="Sheet7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0</v>
      </c>
      <c r="D5" s="31">
        <v>1</v>
      </c>
    </row>
    <row r="6" spans="1:4" ht="18" customHeight="1" x14ac:dyDescent="0.15">
      <c r="A6" s="5">
        <v>1</v>
      </c>
      <c r="B6" s="27">
        <v>2</v>
      </c>
      <c r="C6" s="14">
        <v>1</v>
      </c>
      <c r="D6" s="18">
        <v>3</v>
      </c>
    </row>
    <row r="7" spans="1:4" ht="18" customHeight="1" x14ac:dyDescent="0.15">
      <c r="A7" s="5">
        <v>2</v>
      </c>
      <c r="B7" s="27">
        <v>2</v>
      </c>
      <c r="C7" s="14">
        <v>1</v>
      </c>
      <c r="D7" s="18">
        <v>3</v>
      </c>
    </row>
    <row r="8" spans="1:4" ht="18" customHeight="1" x14ac:dyDescent="0.15">
      <c r="A8" s="5">
        <v>3</v>
      </c>
      <c r="B8" s="27">
        <v>3</v>
      </c>
      <c r="C8" s="14">
        <v>1</v>
      </c>
      <c r="D8" s="18">
        <v>4</v>
      </c>
    </row>
    <row r="9" spans="1:4" ht="18" customHeight="1" x14ac:dyDescent="0.15">
      <c r="A9" s="5">
        <v>4</v>
      </c>
      <c r="B9" s="28">
        <v>3</v>
      </c>
      <c r="C9" s="30">
        <v>1</v>
      </c>
      <c r="D9" s="32">
        <v>4</v>
      </c>
    </row>
    <row r="10" spans="1:4" ht="18" customHeight="1" x14ac:dyDescent="0.15">
      <c r="A10" s="5" t="s">
        <v>7</v>
      </c>
      <c r="B10" s="22">
        <v>11</v>
      </c>
      <c r="C10" s="14">
        <v>4</v>
      </c>
      <c r="D10" s="18">
        <v>15</v>
      </c>
    </row>
    <row r="11" spans="1:4" ht="18" customHeight="1" x14ac:dyDescent="0.15">
      <c r="A11" s="5">
        <v>5</v>
      </c>
      <c r="B11" s="27">
        <v>2</v>
      </c>
      <c r="C11" s="14">
        <v>1</v>
      </c>
      <c r="D11" s="18">
        <v>3</v>
      </c>
    </row>
    <row r="12" spans="1:4" ht="18" customHeight="1" x14ac:dyDescent="0.15">
      <c r="A12" s="5">
        <v>6</v>
      </c>
      <c r="B12" s="27">
        <v>1</v>
      </c>
      <c r="C12" s="14">
        <v>0</v>
      </c>
      <c r="D12" s="18">
        <v>1</v>
      </c>
    </row>
    <row r="13" spans="1:4" ht="18" customHeight="1" x14ac:dyDescent="0.15">
      <c r="A13" s="5">
        <v>7</v>
      </c>
      <c r="B13" s="27">
        <v>2</v>
      </c>
      <c r="C13" s="14">
        <v>3</v>
      </c>
      <c r="D13" s="18">
        <v>5</v>
      </c>
    </row>
    <row r="14" spans="1:4" ht="18" customHeight="1" x14ac:dyDescent="0.15">
      <c r="A14" s="5">
        <v>8</v>
      </c>
      <c r="B14" s="27">
        <v>4</v>
      </c>
      <c r="C14" s="14">
        <v>2</v>
      </c>
      <c r="D14" s="18">
        <v>6</v>
      </c>
    </row>
    <row r="15" spans="1:4" ht="18" customHeight="1" x14ac:dyDescent="0.15">
      <c r="A15" s="5">
        <v>9</v>
      </c>
      <c r="B15" s="27">
        <v>4</v>
      </c>
      <c r="C15" s="14">
        <v>1</v>
      </c>
      <c r="D15" s="18">
        <v>5</v>
      </c>
    </row>
    <row r="16" spans="1:4" ht="18" customHeight="1" x14ac:dyDescent="0.15">
      <c r="A16" s="5" t="s">
        <v>11</v>
      </c>
      <c r="B16" s="22">
        <v>13</v>
      </c>
      <c r="C16" s="14">
        <v>7</v>
      </c>
      <c r="D16" s="18">
        <v>20</v>
      </c>
    </row>
    <row r="17" spans="1:4" ht="18" customHeight="1" x14ac:dyDescent="0.15">
      <c r="A17" s="5">
        <v>10</v>
      </c>
      <c r="B17" s="22">
        <v>2</v>
      </c>
      <c r="C17" s="14">
        <v>6</v>
      </c>
      <c r="D17" s="18">
        <v>8</v>
      </c>
    </row>
    <row r="18" spans="1:4" ht="18" customHeight="1" x14ac:dyDescent="0.15">
      <c r="A18" s="5">
        <v>11</v>
      </c>
      <c r="B18" s="22">
        <v>5</v>
      </c>
      <c r="C18" s="14">
        <v>10</v>
      </c>
      <c r="D18" s="18">
        <v>15</v>
      </c>
    </row>
    <row r="19" spans="1:4" ht="18" customHeight="1" x14ac:dyDescent="0.15">
      <c r="A19" s="5">
        <v>12</v>
      </c>
      <c r="B19" s="22">
        <v>2</v>
      </c>
      <c r="C19" s="14">
        <v>4</v>
      </c>
      <c r="D19" s="18">
        <v>6</v>
      </c>
    </row>
    <row r="20" spans="1:4" ht="18" customHeight="1" x14ac:dyDescent="0.15">
      <c r="A20" s="5">
        <v>13</v>
      </c>
      <c r="B20" s="22">
        <v>6</v>
      </c>
      <c r="C20" s="14">
        <v>3</v>
      </c>
      <c r="D20" s="18">
        <v>9</v>
      </c>
    </row>
    <row r="21" spans="1:4" ht="18" customHeight="1" x14ac:dyDescent="0.15">
      <c r="A21" s="5">
        <v>14</v>
      </c>
      <c r="B21" s="22">
        <v>2</v>
      </c>
      <c r="C21" s="14">
        <v>6</v>
      </c>
      <c r="D21" s="18">
        <v>8</v>
      </c>
    </row>
    <row r="22" spans="1:4" ht="18" customHeight="1" x14ac:dyDescent="0.15">
      <c r="A22" s="5" t="s">
        <v>12</v>
      </c>
      <c r="B22" s="22">
        <v>17</v>
      </c>
      <c r="C22" s="14">
        <v>29</v>
      </c>
      <c r="D22" s="18">
        <v>46</v>
      </c>
    </row>
    <row r="23" spans="1:4" ht="18" customHeight="1" x14ac:dyDescent="0.15">
      <c r="A23" s="5" t="s">
        <v>6</v>
      </c>
      <c r="B23" s="22">
        <v>41</v>
      </c>
      <c r="C23" s="14">
        <v>40</v>
      </c>
      <c r="D23" s="18">
        <v>81</v>
      </c>
    </row>
    <row r="24" spans="1:4" ht="18" customHeight="1" x14ac:dyDescent="0.15">
      <c r="A24" s="5">
        <v>15</v>
      </c>
      <c r="B24" s="22">
        <v>2</v>
      </c>
      <c r="C24" s="14">
        <v>3</v>
      </c>
      <c r="D24" s="18">
        <v>5</v>
      </c>
    </row>
    <row r="25" spans="1:4" ht="18" customHeight="1" x14ac:dyDescent="0.15">
      <c r="A25" s="5">
        <v>16</v>
      </c>
      <c r="B25" s="22">
        <v>4</v>
      </c>
      <c r="C25" s="14">
        <v>5</v>
      </c>
      <c r="D25" s="18">
        <v>9</v>
      </c>
    </row>
    <row r="26" spans="1:4" ht="18" customHeight="1" x14ac:dyDescent="0.15">
      <c r="A26" s="5">
        <v>17</v>
      </c>
      <c r="B26" s="22">
        <v>7</v>
      </c>
      <c r="C26" s="14">
        <v>8</v>
      </c>
      <c r="D26" s="18">
        <v>15</v>
      </c>
    </row>
    <row r="27" spans="1:4" ht="18" customHeight="1" x14ac:dyDescent="0.15">
      <c r="A27" s="5">
        <v>18</v>
      </c>
      <c r="B27" s="22">
        <v>2</v>
      </c>
      <c r="C27" s="14">
        <v>5</v>
      </c>
      <c r="D27" s="18">
        <v>7</v>
      </c>
    </row>
    <row r="28" spans="1:4" ht="18" customHeight="1" x14ac:dyDescent="0.15">
      <c r="A28" s="5">
        <v>19</v>
      </c>
      <c r="B28" s="22">
        <v>8</v>
      </c>
      <c r="C28" s="14">
        <v>3</v>
      </c>
      <c r="D28" s="18">
        <v>11</v>
      </c>
    </row>
    <row r="29" spans="1:4" ht="18" customHeight="1" x14ac:dyDescent="0.15">
      <c r="A29" s="5" t="s">
        <v>14</v>
      </c>
      <c r="B29" s="22">
        <v>23</v>
      </c>
      <c r="C29" s="14">
        <v>24</v>
      </c>
      <c r="D29" s="18">
        <v>47</v>
      </c>
    </row>
    <row r="30" spans="1:4" ht="18" customHeight="1" x14ac:dyDescent="0.15">
      <c r="A30" s="5">
        <v>20</v>
      </c>
      <c r="B30" s="22">
        <v>4</v>
      </c>
      <c r="C30" s="14">
        <v>5</v>
      </c>
      <c r="D30" s="18">
        <v>9</v>
      </c>
    </row>
    <row r="31" spans="1:4" ht="18" customHeight="1" x14ac:dyDescent="0.15">
      <c r="A31" s="5">
        <v>21</v>
      </c>
      <c r="B31" s="22">
        <v>5</v>
      </c>
      <c r="C31" s="14">
        <v>6</v>
      </c>
      <c r="D31" s="18">
        <v>11</v>
      </c>
    </row>
    <row r="32" spans="1:4" ht="18" customHeight="1" x14ac:dyDescent="0.15">
      <c r="A32" s="5">
        <v>22</v>
      </c>
      <c r="B32" s="22">
        <v>4</v>
      </c>
      <c r="C32" s="14">
        <v>6</v>
      </c>
      <c r="D32" s="18">
        <v>10</v>
      </c>
    </row>
    <row r="33" spans="1:4" ht="18" customHeight="1" x14ac:dyDescent="0.15">
      <c r="A33" s="5">
        <v>23</v>
      </c>
      <c r="B33" s="22">
        <v>3</v>
      </c>
      <c r="C33" s="14">
        <v>8</v>
      </c>
      <c r="D33" s="18">
        <v>11</v>
      </c>
    </row>
    <row r="34" spans="1:4" ht="18" customHeight="1" x14ac:dyDescent="0.15">
      <c r="A34" s="5">
        <v>24</v>
      </c>
      <c r="B34" s="22">
        <v>3</v>
      </c>
      <c r="C34" s="14">
        <v>7</v>
      </c>
      <c r="D34" s="18">
        <v>10</v>
      </c>
    </row>
    <row r="35" spans="1:4" ht="18" customHeight="1" x14ac:dyDescent="0.15">
      <c r="A35" s="5" t="s">
        <v>9</v>
      </c>
      <c r="B35" s="22">
        <v>19</v>
      </c>
      <c r="C35" s="14">
        <v>32</v>
      </c>
      <c r="D35" s="18">
        <v>51</v>
      </c>
    </row>
    <row r="36" spans="1:4" ht="18" customHeight="1" x14ac:dyDescent="0.15">
      <c r="A36" s="5">
        <v>25</v>
      </c>
      <c r="B36" s="22">
        <v>2</v>
      </c>
      <c r="C36" s="14">
        <v>8</v>
      </c>
      <c r="D36" s="18">
        <v>10</v>
      </c>
    </row>
    <row r="37" spans="1:4" ht="18" customHeight="1" x14ac:dyDescent="0.15">
      <c r="A37" s="5">
        <v>26</v>
      </c>
      <c r="B37" s="22">
        <v>1</v>
      </c>
      <c r="C37" s="14">
        <v>3</v>
      </c>
      <c r="D37" s="18">
        <v>4</v>
      </c>
    </row>
    <row r="38" spans="1:4" ht="18" customHeight="1" x14ac:dyDescent="0.15">
      <c r="A38" s="5">
        <v>27</v>
      </c>
      <c r="B38" s="22">
        <v>5</v>
      </c>
      <c r="C38" s="14">
        <v>7</v>
      </c>
      <c r="D38" s="18">
        <v>12</v>
      </c>
    </row>
    <row r="39" spans="1:4" ht="18" customHeight="1" x14ac:dyDescent="0.15">
      <c r="A39" s="5">
        <v>28</v>
      </c>
      <c r="B39" s="22">
        <v>4</v>
      </c>
      <c r="C39" s="14">
        <v>2</v>
      </c>
      <c r="D39" s="18">
        <v>6</v>
      </c>
    </row>
    <row r="40" spans="1:4" ht="18" customHeight="1" x14ac:dyDescent="0.15">
      <c r="A40" s="5">
        <v>29</v>
      </c>
      <c r="B40" s="22">
        <v>5</v>
      </c>
      <c r="C40" s="14">
        <v>6</v>
      </c>
      <c r="D40" s="18">
        <v>11</v>
      </c>
    </row>
    <row r="41" spans="1:4" ht="18" customHeight="1" x14ac:dyDescent="0.15">
      <c r="A41" s="5" t="s">
        <v>2</v>
      </c>
      <c r="B41" s="22">
        <v>17</v>
      </c>
      <c r="C41" s="14">
        <v>26</v>
      </c>
      <c r="D41" s="18">
        <v>43</v>
      </c>
    </row>
    <row r="42" spans="1:4" ht="18" customHeight="1" x14ac:dyDescent="0.15">
      <c r="A42" s="5">
        <v>30</v>
      </c>
      <c r="B42" s="22">
        <v>5</v>
      </c>
      <c r="C42" s="14">
        <v>1</v>
      </c>
      <c r="D42" s="18">
        <v>6</v>
      </c>
    </row>
    <row r="43" spans="1:4" ht="18" customHeight="1" x14ac:dyDescent="0.15">
      <c r="A43" s="5">
        <v>31</v>
      </c>
      <c r="B43" s="22">
        <v>6</v>
      </c>
      <c r="C43" s="14">
        <v>0</v>
      </c>
      <c r="D43" s="18">
        <v>6</v>
      </c>
    </row>
    <row r="44" spans="1:4" ht="18" customHeight="1" x14ac:dyDescent="0.15">
      <c r="A44" s="5">
        <v>32</v>
      </c>
      <c r="B44" s="22">
        <v>1</v>
      </c>
      <c r="C44" s="14">
        <v>3</v>
      </c>
      <c r="D44" s="18">
        <v>4</v>
      </c>
    </row>
    <row r="45" spans="1:4" ht="18" customHeight="1" x14ac:dyDescent="0.15">
      <c r="A45" s="5">
        <v>33</v>
      </c>
      <c r="B45" s="22">
        <v>4</v>
      </c>
      <c r="C45" s="14">
        <v>3</v>
      </c>
      <c r="D45" s="18">
        <v>7</v>
      </c>
    </row>
    <row r="46" spans="1:4" ht="18" customHeight="1" x14ac:dyDescent="0.15">
      <c r="A46" s="5">
        <v>34</v>
      </c>
      <c r="B46" s="22">
        <v>5</v>
      </c>
      <c r="C46" s="14">
        <v>2</v>
      </c>
      <c r="D46" s="18">
        <v>7</v>
      </c>
    </row>
    <row r="47" spans="1:4" ht="18" customHeight="1" x14ac:dyDescent="0.15">
      <c r="A47" s="5" t="s">
        <v>15</v>
      </c>
      <c r="B47" s="22">
        <v>21</v>
      </c>
      <c r="C47" s="14">
        <v>9</v>
      </c>
      <c r="D47" s="18">
        <v>30</v>
      </c>
    </row>
    <row r="48" spans="1:4" ht="18" customHeight="1" x14ac:dyDescent="0.15">
      <c r="A48" s="5">
        <v>35</v>
      </c>
      <c r="B48" s="22">
        <v>4</v>
      </c>
      <c r="C48" s="14">
        <v>3</v>
      </c>
      <c r="D48" s="18">
        <v>7</v>
      </c>
    </row>
    <row r="49" spans="1:4" ht="18" customHeight="1" x14ac:dyDescent="0.15">
      <c r="A49" s="5">
        <v>36</v>
      </c>
      <c r="B49" s="22">
        <v>8</v>
      </c>
      <c r="C49" s="14">
        <v>2</v>
      </c>
      <c r="D49" s="18">
        <v>10</v>
      </c>
    </row>
    <row r="50" spans="1:4" ht="18" customHeight="1" x14ac:dyDescent="0.15">
      <c r="A50" s="5">
        <v>37</v>
      </c>
      <c r="B50" s="22">
        <v>6</v>
      </c>
      <c r="C50" s="14">
        <v>5</v>
      </c>
      <c r="D50" s="18">
        <v>11</v>
      </c>
    </row>
    <row r="51" spans="1:4" ht="18" customHeight="1" x14ac:dyDescent="0.15">
      <c r="A51" s="5">
        <v>38</v>
      </c>
      <c r="B51" s="22">
        <v>3</v>
      </c>
      <c r="C51" s="14">
        <v>1</v>
      </c>
      <c r="D51" s="18">
        <v>4</v>
      </c>
    </row>
    <row r="52" spans="1:4" ht="18" customHeight="1" x14ac:dyDescent="0.15">
      <c r="A52" s="5">
        <v>39</v>
      </c>
      <c r="B52" s="22">
        <v>6</v>
      </c>
      <c r="C52" s="14">
        <v>7</v>
      </c>
      <c r="D52" s="18">
        <v>13</v>
      </c>
    </row>
    <row r="53" spans="1:4" ht="18" customHeight="1" x14ac:dyDescent="0.15">
      <c r="A53" s="5" t="s">
        <v>18</v>
      </c>
      <c r="B53" s="22">
        <v>27</v>
      </c>
      <c r="C53" s="14">
        <v>18</v>
      </c>
      <c r="D53" s="18">
        <v>45</v>
      </c>
    </row>
    <row r="54" spans="1:4" ht="18" customHeight="1" x14ac:dyDescent="0.15">
      <c r="A54" s="5">
        <v>40</v>
      </c>
      <c r="B54" s="22">
        <v>4</v>
      </c>
      <c r="C54" s="14">
        <v>11</v>
      </c>
      <c r="D54" s="18">
        <v>15</v>
      </c>
    </row>
    <row r="55" spans="1:4" ht="18" customHeight="1" x14ac:dyDescent="0.15">
      <c r="A55" s="5">
        <v>41</v>
      </c>
      <c r="B55" s="22">
        <v>2</v>
      </c>
      <c r="C55" s="14">
        <v>6</v>
      </c>
      <c r="D55" s="18">
        <v>8</v>
      </c>
    </row>
    <row r="56" spans="1:4" ht="18" customHeight="1" x14ac:dyDescent="0.15">
      <c r="A56" s="5">
        <v>42</v>
      </c>
      <c r="B56" s="22">
        <v>5</v>
      </c>
      <c r="C56" s="14">
        <v>2</v>
      </c>
      <c r="D56" s="18">
        <v>7</v>
      </c>
    </row>
    <row r="57" spans="1:4" ht="18" customHeight="1" x14ac:dyDescent="0.15">
      <c r="A57" s="5">
        <v>43</v>
      </c>
      <c r="B57" s="22">
        <v>7</v>
      </c>
      <c r="C57" s="14">
        <v>7</v>
      </c>
      <c r="D57" s="18">
        <v>14</v>
      </c>
    </row>
    <row r="58" spans="1:4" ht="18" customHeight="1" x14ac:dyDescent="0.15">
      <c r="A58" s="5">
        <v>44</v>
      </c>
      <c r="B58" s="22">
        <v>7</v>
      </c>
      <c r="C58" s="14">
        <v>9</v>
      </c>
      <c r="D58" s="18">
        <v>16</v>
      </c>
    </row>
    <row r="59" spans="1:4" ht="18" customHeight="1" x14ac:dyDescent="0.15">
      <c r="A59" s="5" t="s">
        <v>21</v>
      </c>
      <c r="B59" s="22">
        <v>25</v>
      </c>
      <c r="C59" s="14">
        <v>35</v>
      </c>
      <c r="D59" s="18">
        <v>60</v>
      </c>
    </row>
    <row r="60" spans="1:4" ht="18" customHeight="1" x14ac:dyDescent="0.15">
      <c r="A60" s="5">
        <v>45</v>
      </c>
      <c r="B60" s="22">
        <v>8</v>
      </c>
      <c r="C60" s="14">
        <v>4</v>
      </c>
      <c r="D60" s="18">
        <v>12</v>
      </c>
    </row>
    <row r="61" spans="1:4" ht="18" customHeight="1" x14ac:dyDescent="0.15">
      <c r="A61" s="5">
        <v>46</v>
      </c>
      <c r="B61" s="22">
        <v>5</v>
      </c>
      <c r="C61" s="14">
        <v>8</v>
      </c>
      <c r="D61" s="18">
        <v>13</v>
      </c>
    </row>
    <row r="62" spans="1:4" ht="18" customHeight="1" x14ac:dyDescent="0.15">
      <c r="A62" s="5">
        <v>47</v>
      </c>
      <c r="B62" s="22">
        <v>6</v>
      </c>
      <c r="C62" s="14">
        <v>6</v>
      </c>
      <c r="D62" s="18">
        <v>12</v>
      </c>
    </row>
    <row r="63" spans="1:4" ht="18" customHeight="1" x14ac:dyDescent="0.15">
      <c r="A63" s="5">
        <v>48</v>
      </c>
      <c r="B63" s="22">
        <v>5</v>
      </c>
      <c r="C63" s="14">
        <v>5</v>
      </c>
      <c r="D63" s="18">
        <v>10</v>
      </c>
    </row>
    <row r="64" spans="1:4" ht="18" customHeight="1" x14ac:dyDescent="0.15">
      <c r="A64" s="5">
        <v>49</v>
      </c>
      <c r="B64" s="22">
        <v>8</v>
      </c>
      <c r="C64" s="14">
        <v>9</v>
      </c>
      <c r="D64" s="18">
        <v>17</v>
      </c>
    </row>
    <row r="65" spans="1:4" ht="18" customHeight="1" x14ac:dyDescent="0.15">
      <c r="A65" s="5" t="s">
        <v>17</v>
      </c>
      <c r="B65" s="22">
        <v>32</v>
      </c>
      <c r="C65" s="14">
        <v>32</v>
      </c>
      <c r="D65" s="18">
        <v>64</v>
      </c>
    </row>
    <row r="66" spans="1:4" ht="18" customHeight="1" x14ac:dyDescent="0.15">
      <c r="A66" s="5">
        <v>50</v>
      </c>
      <c r="B66" s="22">
        <v>9</v>
      </c>
      <c r="C66" s="14">
        <v>12</v>
      </c>
      <c r="D66" s="18">
        <v>21</v>
      </c>
    </row>
    <row r="67" spans="1:4" ht="18" customHeight="1" x14ac:dyDescent="0.15">
      <c r="A67" s="5">
        <v>51</v>
      </c>
      <c r="B67" s="22">
        <v>10</v>
      </c>
      <c r="C67" s="14">
        <v>9</v>
      </c>
      <c r="D67" s="18">
        <v>19</v>
      </c>
    </row>
    <row r="68" spans="1:4" ht="18" customHeight="1" x14ac:dyDescent="0.15">
      <c r="A68" s="5">
        <v>52</v>
      </c>
      <c r="B68" s="22">
        <v>11</v>
      </c>
      <c r="C68" s="14">
        <v>3</v>
      </c>
      <c r="D68" s="18">
        <v>14</v>
      </c>
    </row>
    <row r="69" spans="1:4" ht="18" customHeight="1" x14ac:dyDescent="0.15">
      <c r="A69" s="5">
        <v>53</v>
      </c>
      <c r="B69" s="22">
        <v>10</v>
      </c>
      <c r="C69" s="14">
        <v>9</v>
      </c>
      <c r="D69" s="18">
        <v>19</v>
      </c>
    </row>
    <row r="70" spans="1:4" ht="18" customHeight="1" x14ac:dyDescent="0.15">
      <c r="A70" s="5">
        <v>54</v>
      </c>
      <c r="B70" s="22">
        <v>8</v>
      </c>
      <c r="C70" s="14">
        <v>9</v>
      </c>
      <c r="D70" s="18">
        <v>17</v>
      </c>
    </row>
    <row r="71" spans="1:4" ht="18" customHeight="1" x14ac:dyDescent="0.15">
      <c r="A71" s="5" t="s">
        <v>22</v>
      </c>
      <c r="B71" s="22">
        <v>48</v>
      </c>
      <c r="C71" s="14">
        <v>42</v>
      </c>
      <c r="D71" s="18">
        <v>90</v>
      </c>
    </row>
    <row r="72" spans="1:4" ht="18" customHeight="1" x14ac:dyDescent="0.15">
      <c r="A72" s="5">
        <v>55</v>
      </c>
      <c r="B72" s="22">
        <v>10</v>
      </c>
      <c r="C72" s="14">
        <v>11</v>
      </c>
      <c r="D72" s="18">
        <v>21</v>
      </c>
    </row>
    <row r="73" spans="1:4" ht="18" customHeight="1" x14ac:dyDescent="0.15">
      <c r="A73" s="5">
        <v>56</v>
      </c>
      <c r="B73" s="22">
        <v>4</v>
      </c>
      <c r="C73" s="14">
        <v>7</v>
      </c>
      <c r="D73" s="18">
        <v>11</v>
      </c>
    </row>
    <row r="74" spans="1:4" ht="18" customHeight="1" x14ac:dyDescent="0.15">
      <c r="A74" s="5">
        <v>57</v>
      </c>
      <c r="B74" s="22">
        <v>5</v>
      </c>
      <c r="C74" s="14">
        <v>8</v>
      </c>
      <c r="D74" s="18">
        <v>13</v>
      </c>
    </row>
    <row r="75" spans="1:4" ht="18" customHeight="1" x14ac:dyDescent="0.15">
      <c r="A75" s="5">
        <v>58</v>
      </c>
      <c r="B75" s="22">
        <v>5</v>
      </c>
      <c r="C75" s="14">
        <v>7</v>
      </c>
      <c r="D75" s="18">
        <v>12</v>
      </c>
    </row>
    <row r="76" spans="1:4" ht="18" customHeight="1" x14ac:dyDescent="0.15">
      <c r="A76" s="5">
        <v>59</v>
      </c>
      <c r="B76" s="22">
        <v>6</v>
      </c>
      <c r="C76" s="14">
        <v>4</v>
      </c>
      <c r="D76" s="18">
        <v>10</v>
      </c>
    </row>
    <row r="77" spans="1:4" ht="18" customHeight="1" x14ac:dyDescent="0.15">
      <c r="A77" s="5" t="s">
        <v>27</v>
      </c>
      <c r="B77" s="22">
        <v>30</v>
      </c>
      <c r="C77" s="14">
        <v>37</v>
      </c>
      <c r="D77" s="18">
        <v>67</v>
      </c>
    </row>
    <row r="78" spans="1:4" ht="18" customHeight="1" x14ac:dyDescent="0.15">
      <c r="A78" s="5">
        <v>60</v>
      </c>
      <c r="B78" s="22">
        <v>4</v>
      </c>
      <c r="C78" s="14">
        <v>10</v>
      </c>
      <c r="D78" s="18">
        <v>14</v>
      </c>
    </row>
    <row r="79" spans="1:4" ht="18" customHeight="1" x14ac:dyDescent="0.15">
      <c r="A79" s="5">
        <v>61</v>
      </c>
      <c r="B79" s="22">
        <v>12</v>
      </c>
      <c r="C79" s="14">
        <v>6</v>
      </c>
      <c r="D79" s="18">
        <v>18</v>
      </c>
    </row>
    <row r="80" spans="1:4" ht="18" customHeight="1" x14ac:dyDescent="0.15">
      <c r="A80" s="5">
        <v>62</v>
      </c>
      <c r="B80" s="22">
        <v>9</v>
      </c>
      <c r="C80" s="14">
        <v>6</v>
      </c>
      <c r="D80" s="18">
        <v>15</v>
      </c>
    </row>
    <row r="81" spans="1:4" ht="18" customHeight="1" x14ac:dyDescent="0.15">
      <c r="A81" s="5">
        <v>63</v>
      </c>
      <c r="B81" s="22">
        <v>6</v>
      </c>
      <c r="C81" s="14">
        <v>3</v>
      </c>
      <c r="D81" s="18">
        <v>9</v>
      </c>
    </row>
    <row r="82" spans="1:4" ht="18" customHeight="1" x14ac:dyDescent="0.15">
      <c r="A82" s="5">
        <v>64</v>
      </c>
      <c r="B82" s="22">
        <v>4</v>
      </c>
      <c r="C82" s="14">
        <v>8</v>
      </c>
      <c r="D82" s="18">
        <v>12</v>
      </c>
    </row>
    <row r="83" spans="1:4" ht="18" customHeight="1" x14ac:dyDescent="0.15">
      <c r="A83" s="5" t="s">
        <v>28</v>
      </c>
      <c r="B83" s="22">
        <v>35</v>
      </c>
      <c r="C83" s="14">
        <v>33</v>
      </c>
      <c r="D83" s="18">
        <v>68</v>
      </c>
    </row>
    <row r="84" spans="1:4" ht="18" customHeight="1" x14ac:dyDescent="0.15">
      <c r="A84" s="5" t="s">
        <v>31</v>
      </c>
      <c r="B84" s="22">
        <v>277</v>
      </c>
      <c r="C84" s="14">
        <v>288</v>
      </c>
      <c r="D84" s="18">
        <v>565</v>
      </c>
    </row>
    <row r="85" spans="1:4" ht="18" customHeight="1" x14ac:dyDescent="0.15">
      <c r="A85" s="5">
        <v>65</v>
      </c>
      <c r="B85" s="22">
        <v>8</v>
      </c>
      <c r="C85" s="14">
        <v>6</v>
      </c>
      <c r="D85" s="18">
        <v>14</v>
      </c>
    </row>
    <row r="86" spans="1:4" ht="18" customHeight="1" x14ac:dyDescent="0.15">
      <c r="A86" s="5">
        <v>66</v>
      </c>
      <c r="B86" s="22">
        <v>11</v>
      </c>
      <c r="C86" s="14">
        <v>12</v>
      </c>
      <c r="D86" s="18">
        <v>23</v>
      </c>
    </row>
    <row r="87" spans="1:4" ht="18" customHeight="1" x14ac:dyDescent="0.15">
      <c r="A87" s="5">
        <v>67</v>
      </c>
      <c r="B87" s="22">
        <v>8</v>
      </c>
      <c r="C87" s="14">
        <v>13</v>
      </c>
      <c r="D87" s="18">
        <v>21</v>
      </c>
    </row>
    <row r="88" spans="1:4" ht="18" customHeight="1" x14ac:dyDescent="0.15">
      <c r="A88" s="5">
        <v>68</v>
      </c>
      <c r="B88" s="22">
        <v>10</v>
      </c>
      <c r="C88" s="14">
        <v>12</v>
      </c>
      <c r="D88" s="18">
        <v>22</v>
      </c>
    </row>
    <row r="89" spans="1:4" ht="18" customHeight="1" x14ac:dyDescent="0.15">
      <c r="A89" s="5">
        <v>69</v>
      </c>
      <c r="B89" s="22">
        <v>8</v>
      </c>
      <c r="C89" s="14">
        <v>5</v>
      </c>
      <c r="D89" s="18">
        <v>13</v>
      </c>
    </row>
    <row r="90" spans="1:4" ht="18" customHeight="1" x14ac:dyDescent="0.15">
      <c r="A90" s="5" t="s">
        <v>20</v>
      </c>
      <c r="B90" s="22">
        <v>45</v>
      </c>
      <c r="C90" s="14">
        <v>48</v>
      </c>
      <c r="D90" s="18">
        <v>93</v>
      </c>
    </row>
    <row r="91" spans="1:4" ht="18" customHeight="1" x14ac:dyDescent="0.15">
      <c r="A91" s="5">
        <v>70</v>
      </c>
      <c r="B91" s="22">
        <v>11</v>
      </c>
      <c r="C91" s="14">
        <v>9</v>
      </c>
      <c r="D91" s="18">
        <v>20</v>
      </c>
    </row>
    <row r="92" spans="1:4" ht="18" customHeight="1" x14ac:dyDescent="0.15">
      <c r="A92" s="5">
        <v>71</v>
      </c>
      <c r="B92" s="22">
        <v>17</v>
      </c>
      <c r="C92" s="14">
        <v>8</v>
      </c>
      <c r="D92" s="18">
        <v>25</v>
      </c>
    </row>
    <row r="93" spans="1:4" ht="18" customHeight="1" x14ac:dyDescent="0.15">
      <c r="A93" s="5">
        <v>72</v>
      </c>
      <c r="B93" s="22">
        <v>10</v>
      </c>
      <c r="C93" s="14">
        <v>11</v>
      </c>
      <c r="D93" s="18">
        <v>21</v>
      </c>
    </row>
    <row r="94" spans="1:4" ht="18" customHeight="1" x14ac:dyDescent="0.15">
      <c r="A94" s="5">
        <v>73</v>
      </c>
      <c r="B94" s="22">
        <v>10</v>
      </c>
      <c r="C94" s="14">
        <v>14</v>
      </c>
      <c r="D94" s="18">
        <v>24</v>
      </c>
    </row>
    <row r="95" spans="1:4" ht="18" customHeight="1" x14ac:dyDescent="0.15">
      <c r="A95" s="5">
        <v>74</v>
      </c>
      <c r="B95" s="22">
        <v>15</v>
      </c>
      <c r="C95" s="14">
        <v>6</v>
      </c>
      <c r="D95" s="18">
        <v>21</v>
      </c>
    </row>
    <row r="96" spans="1:4" ht="18" customHeight="1" x14ac:dyDescent="0.15">
      <c r="A96" s="5" t="s">
        <v>33</v>
      </c>
      <c r="B96" s="22">
        <v>63</v>
      </c>
      <c r="C96" s="14">
        <v>48</v>
      </c>
      <c r="D96" s="18">
        <v>111</v>
      </c>
    </row>
    <row r="97" spans="1:4" ht="18" customHeight="1" x14ac:dyDescent="0.15">
      <c r="A97" s="5">
        <v>75</v>
      </c>
      <c r="B97" s="22">
        <v>9</v>
      </c>
      <c r="C97" s="14">
        <v>7</v>
      </c>
      <c r="D97" s="18">
        <v>16</v>
      </c>
    </row>
    <row r="98" spans="1:4" ht="18" customHeight="1" x14ac:dyDescent="0.15">
      <c r="A98" s="5">
        <v>76</v>
      </c>
      <c r="B98" s="22">
        <v>5</v>
      </c>
      <c r="C98" s="14">
        <v>16</v>
      </c>
      <c r="D98" s="18">
        <v>21</v>
      </c>
    </row>
    <row r="99" spans="1:4" ht="18" customHeight="1" x14ac:dyDescent="0.15">
      <c r="A99" s="5">
        <v>77</v>
      </c>
      <c r="B99" s="22">
        <v>11</v>
      </c>
      <c r="C99" s="14">
        <v>8</v>
      </c>
      <c r="D99" s="18">
        <v>19</v>
      </c>
    </row>
    <row r="100" spans="1:4" ht="18" customHeight="1" x14ac:dyDescent="0.15">
      <c r="A100" s="5">
        <v>78</v>
      </c>
      <c r="B100" s="22">
        <v>11</v>
      </c>
      <c r="C100" s="14">
        <v>14</v>
      </c>
      <c r="D100" s="18">
        <v>25</v>
      </c>
    </row>
    <row r="101" spans="1:4" ht="18" customHeight="1" x14ac:dyDescent="0.15">
      <c r="A101" s="5">
        <v>79</v>
      </c>
      <c r="B101" s="22">
        <v>6</v>
      </c>
      <c r="C101" s="14">
        <v>7</v>
      </c>
      <c r="D101" s="18">
        <v>13</v>
      </c>
    </row>
    <row r="102" spans="1:4" ht="18" customHeight="1" x14ac:dyDescent="0.15">
      <c r="A102" s="5" t="s">
        <v>0</v>
      </c>
      <c r="B102" s="22">
        <v>42</v>
      </c>
      <c r="C102" s="14">
        <v>52</v>
      </c>
      <c r="D102" s="18">
        <v>94</v>
      </c>
    </row>
    <row r="103" spans="1:4" ht="18" customHeight="1" x14ac:dyDescent="0.15">
      <c r="A103" s="5">
        <v>80</v>
      </c>
      <c r="B103" s="22">
        <v>3</v>
      </c>
      <c r="C103" s="14">
        <v>7</v>
      </c>
      <c r="D103" s="18">
        <v>10</v>
      </c>
    </row>
    <row r="104" spans="1:4" ht="18" customHeight="1" x14ac:dyDescent="0.15">
      <c r="A104" s="5">
        <v>81</v>
      </c>
      <c r="B104" s="22">
        <v>5</v>
      </c>
      <c r="C104" s="14">
        <v>8</v>
      </c>
      <c r="D104" s="18">
        <v>13</v>
      </c>
    </row>
    <row r="105" spans="1:4" ht="18" customHeight="1" x14ac:dyDescent="0.15">
      <c r="A105" s="5">
        <v>82</v>
      </c>
      <c r="B105" s="22">
        <v>3</v>
      </c>
      <c r="C105" s="14">
        <v>8</v>
      </c>
      <c r="D105" s="18">
        <v>11</v>
      </c>
    </row>
    <row r="106" spans="1:4" ht="18" customHeight="1" x14ac:dyDescent="0.15">
      <c r="A106" s="5">
        <v>83</v>
      </c>
      <c r="B106" s="22">
        <v>2</v>
      </c>
      <c r="C106" s="14">
        <v>5</v>
      </c>
      <c r="D106" s="18">
        <v>7</v>
      </c>
    </row>
    <row r="107" spans="1:4" ht="18" customHeight="1" x14ac:dyDescent="0.15">
      <c r="A107" s="5">
        <v>84</v>
      </c>
      <c r="B107" s="22">
        <v>7</v>
      </c>
      <c r="C107" s="14">
        <v>5</v>
      </c>
      <c r="D107" s="18">
        <v>12</v>
      </c>
    </row>
    <row r="108" spans="1:4" ht="18" customHeight="1" x14ac:dyDescent="0.15">
      <c r="A108" s="5" t="s">
        <v>35</v>
      </c>
      <c r="B108" s="22">
        <v>20</v>
      </c>
      <c r="C108" s="14">
        <v>33</v>
      </c>
      <c r="D108" s="18">
        <v>53</v>
      </c>
    </row>
    <row r="109" spans="1:4" ht="18" customHeight="1" x14ac:dyDescent="0.15">
      <c r="A109" s="5">
        <v>85</v>
      </c>
      <c r="B109" s="22">
        <v>6</v>
      </c>
      <c r="C109" s="14">
        <v>9</v>
      </c>
      <c r="D109" s="18">
        <v>15</v>
      </c>
    </row>
    <row r="110" spans="1:4" ht="18" customHeight="1" x14ac:dyDescent="0.15">
      <c r="A110" s="5">
        <v>86</v>
      </c>
      <c r="B110" s="22">
        <v>2</v>
      </c>
      <c r="C110" s="14">
        <v>4</v>
      </c>
      <c r="D110" s="18">
        <v>6</v>
      </c>
    </row>
    <row r="111" spans="1:4" ht="18" customHeight="1" x14ac:dyDescent="0.15">
      <c r="A111" s="5">
        <v>87</v>
      </c>
      <c r="B111" s="22">
        <v>1</v>
      </c>
      <c r="C111" s="14">
        <v>8</v>
      </c>
      <c r="D111" s="18">
        <v>9</v>
      </c>
    </row>
    <row r="112" spans="1:4" ht="18" customHeight="1" x14ac:dyDescent="0.15">
      <c r="A112" s="5">
        <v>88</v>
      </c>
      <c r="B112" s="22">
        <v>9</v>
      </c>
      <c r="C112" s="14">
        <v>4</v>
      </c>
      <c r="D112" s="18">
        <v>13</v>
      </c>
    </row>
    <row r="113" spans="1:4" ht="18" customHeight="1" x14ac:dyDescent="0.15">
      <c r="A113" s="5">
        <v>89</v>
      </c>
      <c r="B113" s="22">
        <v>3</v>
      </c>
      <c r="C113" s="14">
        <v>4</v>
      </c>
      <c r="D113" s="18">
        <v>7</v>
      </c>
    </row>
    <row r="114" spans="1:4" ht="18" customHeight="1" x14ac:dyDescent="0.15">
      <c r="A114" s="5" t="s">
        <v>37</v>
      </c>
      <c r="B114" s="22">
        <v>21</v>
      </c>
      <c r="C114" s="14">
        <v>29</v>
      </c>
      <c r="D114" s="18">
        <v>50</v>
      </c>
    </row>
    <row r="115" spans="1:4" ht="18" customHeight="1" x14ac:dyDescent="0.15">
      <c r="A115" s="5">
        <v>90</v>
      </c>
      <c r="B115" s="22">
        <v>3</v>
      </c>
      <c r="C115" s="14">
        <v>6</v>
      </c>
      <c r="D115" s="18">
        <v>9</v>
      </c>
    </row>
    <row r="116" spans="1:4" ht="18" customHeight="1" x14ac:dyDescent="0.15">
      <c r="A116" s="5">
        <v>91</v>
      </c>
      <c r="B116" s="22">
        <v>0</v>
      </c>
      <c r="C116" s="14">
        <v>4</v>
      </c>
      <c r="D116" s="18">
        <v>4</v>
      </c>
    </row>
    <row r="117" spans="1:4" ht="18" customHeight="1" x14ac:dyDescent="0.15">
      <c r="A117" s="5">
        <v>92</v>
      </c>
      <c r="B117" s="22">
        <v>1</v>
      </c>
      <c r="C117" s="14">
        <v>5</v>
      </c>
      <c r="D117" s="18">
        <v>6</v>
      </c>
    </row>
    <row r="118" spans="1:4" ht="18" customHeight="1" x14ac:dyDescent="0.15">
      <c r="A118" s="5">
        <v>93</v>
      </c>
      <c r="B118" s="22">
        <v>0</v>
      </c>
      <c r="C118" s="14">
        <v>5</v>
      </c>
      <c r="D118" s="18">
        <v>5</v>
      </c>
    </row>
    <row r="119" spans="1:4" ht="18" customHeight="1" x14ac:dyDescent="0.15">
      <c r="A119" s="5">
        <v>94</v>
      </c>
      <c r="B119" s="22">
        <v>0</v>
      </c>
      <c r="C119" s="14">
        <v>7</v>
      </c>
      <c r="D119" s="18">
        <v>7</v>
      </c>
    </row>
    <row r="120" spans="1:4" ht="18" customHeight="1" x14ac:dyDescent="0.15">
      <c r="A120" s="5" t="s">
        <v>39</v>
      </c>
      <c r="B120" s="22">
        <v>4</v>
      </c>
      <c r="C120" s="14">
        <v>27</v>
      </c>
      <c r="D120" s="18">
        <v>31</v>
      </c>
    </row>
    <row r="121" spans="1:4" ht="18" customHeight="1" x14ac:dyDescent="0.15">
      <c r="A121" s="5">
        <v>95</v>
      </c>
      <c r="B121" s="22">
        <v>1</v>
      </c>
      <c r="C121" s="14">
        <v>1</v>
      </c>
      <c r="D121" s="18">
        <v>2</v>
      </c>
    </row>
    <row r="122" spans="1:4" ht="18" customHeight="1" x14ac:dyDescent="0.15">
      <c r="A122" s="5">
        <v>96</v>
      </c>
      <c r="B122" s="22">
        <v>1</v>
      </c>
      <c r="C122" s="14">
        <v>1</v>
      </c>
      <c r="D122" s="18">
        <v>2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3</v>
      </c>
      <c r="C126" s="14">
        <v>5</v>
      </c>
      <c r="D126" s="18">
        <v>8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198</v>
      </c>
      <c r="C130" s="14">
        <v>247</v>
      </c>
      <c r="D130" s="18">
        <v>445</v>
      </c>
    </row>
    <row r="131" spans="1:4" ht="18" customHeight="1" x14ac:dyDescent="0.15">
      <c r="A131" s="7" t="s">
        <v>45</v>
      </c>
      <c r="B131" s="23">
        <v>516</v>
      </c>
      <c r="C131" s="15">
        <v>575</v>
      </c>
      <c r="D131" s="19">
        <v>109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1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8</v>
      </c>
      <c r="C5" s="13">
        <v>9</v>
      </c>
      <c r="D5" s="17">
        <v>27</v>
      </c>
    </row>
    <row r="6" spans="1:4" ht="18" customHeight="1" x14ac:dyDescent="0.15">
      <c r="A6" s="5">
        <v>1</v>
      </c>
      <c r="B6" s="22">
        <v>10</v>
      </c>
      <c r="C6" s="14">
        <v>16</v>
      </c>
      <c r="D6" s="18">
        <v>26</v>
      </c>
    </row>
    <row r="7" spans="1:4" ht="18" customHeight="1" x14ac:dyDescent="0.15">
      <c r="A7" s="5">
        <v>2</v>
      </c>
      <c r="B7" s="22">
        <v>10</v>
      </c>
      <c r="C7" s="14">
        <v>16</v>
      </c>
      <c r="D7" s="18">
        <v>26</v>
      </c>
    </row>
    <row r="8" spans="1:4" ht="18" customHeight="1" x14ac:dyDescent="0.15">
      <c r="A8" s="5">
        <v>3</v>
      </c>
      <c r="B8" s="22">
        <v>12</v>
      </c>
      <c r="C8" s="14">
        <v>11</v>
      </c>
      <c r="D8" s="18">
        <v>23</v>
      </c>
    </row>
    <row r="9" spans="1:4" ht="18" customHeight="1" x14ac:dyDescent="0.15">
      <c r="A9" s="5">
        <v>4</v>
      </c>
      <c r="B9" s="22">
        <v>17</v>
      </c>
      <c r="C9" s="14">
        <v>10</v>
      </c>
      <c r="D9" s="18">
        <v>27</v>
      </c>
    </row>
    <row r="10" spans="1:4" ht="18" customHeight="1" x14ac:dyDescent="0.15">
      <c r="A10" s="5" t="s">
        <v>7</v>
      </c>
      <c r="B10" s="22">
        <v>67</v>
      </c>
      <c r="C10" s="14">
        <v>62</v>
      </c>
      <c r="D10" s="18">
        <v>129</v>
      </c>
    </row>
    <row r="11" spans="1:4" ht="18" customHeight="1" x14ac:dyDescent="0.15">
      <c r="A11" s="5">
        <v>5</v>
      </c>
      <c r="B11" s="22">
        <v>19</v>
      </c>
      <c r="C11" s="14">
        <v>9</v>
      </c>
      <c r="D11" s="18">
        <v>28</v>
      </c>
    </row>
    <row r="12" spans="1:4" ht="18" customHeight="1" x14ac:dyDescent="0.15">
      <c r="A12" s="5">
        <v>6</v>
      </c>
      <c r="B12" s="22">
        <v>21</v>
      </c>
      <c r="C12" s="14">
        <v>13</v>
      </c>
      <c r="D12" s="18">
        <v>34</v>
      </c>
    </row>
    <row r="13" spans="1:4" ht="18" customHeight="1" x14ac:dyDescent="0.15">
      <c r="A13" s="5">
        <v>7</v>
      </c>
      <c r="B13" s="22">
        <v>14</v>
      </c>
      <c r="C13" s="14">
        <v>13</v>
      </c>
      <c r="D13" s="18">
        <v>27</v>
      </c>
    </row>
    <row r="14" spans="1:4" ht="18" customHeight="1" x14ac:dyDescent="0.15">
      <c r="A14" s="5">
        <v>8</v>
      </c>
      <c r="B14" s="22">
        <v>16</v>
      </c>
      <c r="C14" s="14">
        <v>18</v>
      </c>
      <c r="D14" s="18">
        <v>34</v>
      </c>
    </row>
    <row r="15" spans="1:4" ht="18" customHeight="1" x14ac:dyDescent="0.15">
      <c r="A15" s="5">
        <v>9</v>
      </c>
      <c r="B15" s="22">
        <v>13</v>
      </c>
      <c r="C15" s="14">
        <v>19</v>
      </c>
      <c r="D15" s="18">
        <v>32</v>
      </c>
    </row>
    <row r="16" spans="1:4" ht="18" customHeight="1" x14ac:dyDescent="0.15">
      <c r="A16" s="5" t="s">
        <v>11</v>
      </c>
      <c r="B16" s="22">
        <v>83</v>
      </c>
      <c r="C16" s="14">
        <v>72</v>
      </c>
      <c r="D16" s="18">
        <v>155</v>
      </c>
    </row>
    <row r="17" spans="1:4" ht="18" customHeight="1" x14ac:dyDescent="0.15">
      <c r="A17" s="5">
        <v>10</v>
      </c>
      <c r="B17" s="22">
        <v>16</v>
      </c>
      <c r="C17" s="14">
        <v>13</v>
      </c>
      <c r="D17" s="18">
        <v>29</v>
      </c>
    </row>
    <row r="18" spans="1:4" ht="18" customHeight="1" x14ac:dyDescent="0.15">
      <c r="A18" s="5">
        <v>11</v>
      </c>
      <c r="B18" s="22">
        <v>20</v>
      </c>
      <c r="C18" s="14">
        <v>20</v>
      </c>
      <c r="D18" s="18">
        <v>40</v>
      </c>
    </row>
    <row r="19" spans="1:4" ht="18" customHeight="1" x14ac:dyDescent="0.15">
      <c r="A19" s="5">
        <v>12</v>
      </c>
      <c r="B19" s="22">
        <v>11</v>
      </c>
      <c r="C19" s="14">
        <v>18</v>
      </c>
      <c r="D19" s="18">
        <v>29</v>
      </c>
    </row>
    <row r="20" spans="1:4" ht="18" customHeight="1" x14ac:dyDescent="0.15">
      <c r="A20" s="5">
        <v>13</v>
      </c>
      <c r="B20" s="22">
        <v>18</v>
      </c>
      <c r="C20" s="14">
        <v>15</v>
      </c>
      <c r="D20" s="18">
        <v>33</v>
      </c>
    </row>
    <row r="21" spans="1:4" ht="18" customHeight="1" x14ac:dyDescent="0.15">
      <c r="A21" s="5">
        <v>14</v>
      </c>
      <c r="B21" s="22">
        <v>15</v>
      </c>
      <c r="C21" s="14">
        <v>25</v>
      </c>
      <c r="D21" s="18">
        <v>40</v>
      </c>
    </row>
    <row r="22" spans="1:4" ht="18" customHeight="1" x14ac:dyDescent="0.15">
      <c r="A22" s="5" t="s">
        <v>12</v>
      </c>
      <c r="B22" s="22">
        <v>80</v>
      </c>
      <c r="C22" s="14">
        <v>91</v>
      </c>
      <c r="D22" s="18">
        <v>171</v>
      </c>
    </row>
    <row r="23" spans="1:4" ht="18" customHeight="1" x14ac:dyDescent="0.15">
      <c r="A23" s="5" t="s">
        <v>6</v>
      </c>
      <c r="B23" s="22">
        <v>230</v>
      </c>
      <c r="C23" s="14">
        <v>225</v>
      </c>
      <c r="D23" s="18">
        <v>455</v>
      </c>
    </row>
    <row r="24" spans="1:4" ht="18" customHeight="1" x14ac:dyDescent="0.15">
      <c r="A24" s="5">
        <v>15</v>
      </c>
      <c r="B24" s="22">
        <v>19</v>
      </c>
      <c r="C24" s="14">
        <v>11</v>
      </c>
      <c r="D24" s="18">
        <v>30</v>
      </c>
    </row>
    <row r="25" spans="1:4" ht="18" customHeight="1" x14ac:dyDescent="0.15">
      <c r="A25" s="5">
        <v>16</v>
      </c>
      <c r="B25" s="22">
        <v>23</v>
      </c>
      <c r="C25" s="14">
        <v>19</v>
      </c>
      <c r="D25" s="18">
        <v>42</v>
      </c>
    </row>
    <row r="26" spans="1:4" ht="18" customHeight="1" x14ac:dyDescent="0.15">
      <c r="A26" s="5">
        <v>17</v>
      </c>
      <c r="B26" s="22">
        <v>16</v>
      </c>
      <c r="C26" s="14">
        <v>16</v>
      </c>
      <c r="D26" s="18">
        <v>32</v>
      </c>
    </row>
    <row r="27" spans="1:4" ht="18" customHeight="1" x14ac:dyDescent="0.15">
      <c r="A27" s="5">
        <v>18</v>
      </c>
      <c r="B27" s="22">
        <v>12</v>
      </c>
      <c r="C27" s="14">
        <v>25</v>
      </c>
      <c r="D27" s="18">
        <v>37</v>
      </c>
    </row>
    <row r="28" spans="1:4" ht="18" customHeight="1" x14ac:dyDescent="0.15">
      <c r="A28" s="5">
        <v>19</v>
      </c>
      <c r="B28" s="22">
        <v>17</v>
      </c>
      <c r="C28" s="14">
        <v>14</v>
      </c>
      <c r="D28" s="18">
        <v>31</v>
      </c>
    </row>
    <row r="29" spans="1:4" ht="18" customHeight="1" x14ac:dyDescent="0.15">
      <c r="A29" s="5" t="s">
        <v>14</v>
      </c>
      <c r="B29" s="22">
        <v>87</v>
      </c>
      <c r="C29" s="14">
        <v>85</v>
      </c>
      <c r="D29" s="18">
        <v>172</v>
      </c>
    </row>
    <row r="30" spans="1:4" ht="18" customHeight="1" x14ac:dyDescent="0.15">
      <c r="A30" s="5">
        <v>20</v>
      </c>
      <c r="B30" s="22">
        <v>22</v>
      </c>
      <c r="C30" s="14">
        <v>20</v>
      </c>
      <c r="D30" s="18">
        <v>42</v>
      </c>
    </row>
    <row r="31" spans="1:4" ht="18" customHeight="1" x14ac:dyDescent="0.15">
      <c r="A31" s="5">
        <v>21</v>
      </c>
      <c r="B31" s="22">
        <v>21</v>
      </c>
      <c r="C31" s="14">
        <v>13</v>
      </c>
      <c r="D31" s="18">
        <v>34</v>
      </c>
    </row>
    <row r="32" spans="1:4" ht="18" customHeight="1" x14ac:dyDescent="0.15">
      <c r="A32" s="5">
        <v>22</v>
      </c>
      <c r="B32" s="22">
        <v>22</v>
      </c>
      <c r="C32" s="14">
        <v>29</v>
      </c>
      <c r="D32" s="18">
        <v>51</v>
      </c>
    </row>
    <row r="33" spans="1:4" ht="18" customHeight="1" x14ac:dyDescent="0.15">
      <c r="A33" s="5">
        <v>23</v>
      </c>
      <c r="B33" s="22">
        <v>34</v>
      </c>
      <c r="C33" s="14">
        <v>22</v>
      </c>
      <c r="D33" s="18">
        <v>56</v>
      </c>
    </row>
    <row r="34" spans="1:4" ht="18" customHeight="1" x14ac:dyDescent="0.15">
      <c r="A34" s="5">
        <v>24</v>
      </c>
      <c r="B34" s="22">
        <v>40</v>
      </c>
      <c r="C34" s="14">
        <v>21</v>
      </c>
      <c r="D34" s="18">
        <v>61</v>
      </c>
    </row>
    <row r="35" spans="1:4" ht="18" customHeight="1" x14ac:dyDescent="0.15">
      <c r="A35" s="5" t="s">
        <v>9</v>
      </c>
      <c r="B35" s="22">
        <v>139</v>
      </c>
      <c r="C35" s="14">
        <v>105</v>
      </c>
      <c r="D35" s="18">
        <v>244</v>
      </c>
    </row>
    <row r="36" spans="1:4" ht="18" customHeight="1" x14ac:dyDescent="0.15">
      <c r="A36" s="5">
        <v>25</v>
      </c>
      <c r="B36" s="22">
        <v>27</v>
      </c>
      <c r="C36" s="14">
        <v>23</v>
      </c>
      <c r="D36" s="18">
        <v>50</v>
      </c>
    </row>
    <row r="37" spans="1:4" ht="18" customHeight="1" x14ac:dyDescent="0.15">
      <c r="A37" s="5">
        <v>26</v>
      </c>
      <c r="B37" s="22">
        <v>24</v>
      </c>
      <c r="C37" s="14">
        <v>25</v>
      </c>
      <c r="D37" s="18">
        <v>49</v>
      </c>
    </row>
    <row r="38" spans="1:4" ht="18" customHeight="1" x14ac:dyDescent="0.15">
      <c r="A38" s="5">
        <v>27</v>
      </c>
      <c r="B38" s="22">
        <v>38</v>
      </c>
      <c r="C38" s="14">
        <v>17</v>
      </c>
      <c r="D38" s="18">
        <v>55</v>
      </c>
    </row>
    <row r="39" spans="1:4" ht="18" customHeight="1" x14ac:dyDescent="0.15">
      <c r="A39" s="5">
        <v>28</v>
      </c>
      <c r="B39" s="22">
        <v>31</v>
      </c>
      <c r="C39" s="14">
        <v>22</v>
      </c>
      <c r="D39" s="18">
        <v>53</v>
      </c>
    </row>
    <row r="40" spans="1:4" ht="18" customHeight="1" x14ac:dyDescent="0.15">
      <c r="A40" s="5">
        <v>29</v>
      </c>
      <c r="B40" s="22">
        <v>38</v>
      </c>
      <c r="C40" s="14">
        <v>22</v>
      </c>
      <c r="D40" s="18">
        <v>60</v>
      </c>
    </row>
    <row r="41" spans="1:4" ht="18" customHeight="1" x14ac:dyDescent="0.15">
      <c r="A41" s="5" t="s">
        <v>2</v>
      </c>
      <c r="B41" s="22">
        <v>158</v>
      </c>
      <c r="C41" s="14">
        <v>109</v>
      </c>
      <c r="D41" s="18">
        <v>267</v>
      </c>
    </row>
    <row r="42" spans="1:4" ht="18" customHeight="1" x14ac:dyDescent="0.15">
      <c r="A42" s="5">
        <v>30</v>
      </c>
      <c r="B42" s="22">
        <v>29</v>
      </c>
      <c r="C42" s="14">
        <v>18</v>
      </c>
      <c r="D42" s="18">
        <v>47</v>
      </c>
    </row>
    <row r="43" spans="1:4" ht="18" customHeight="1" x14ac:dyDescent="0.15">
      <c r="A43" s="5">
        <v>31</v>
      </c>
      <c r="B43" s="22">
        <v>29</v>
      </c>
      <c r="C43" s="14">
        <v>24</v>
      </c>
      <c r="D43" s="18">
        <v>53</v>
      </c>
    </row>
    <row r="44" spans="1:4" ht="18" customHeight="1" x14ac:dyDescent="0.15">
      <c r="A44" s="5">
        <v>32</v>
      </c>
      <c r="B44" s="22">
        <v>31</v>
      </c>
      <c r="C44" s="14">
        <v>16</v>
      </c>
      <c r="D44" s="18">
        <v>47</v>
      </c>
    </row>
    <row r="45" spans="1:4" ht="18" customHeight="1" x14ac:dyDescent="0.15">
      <c r="A45" s="5">
        <v>33</v>
      </c>
      <c r="B45" s="22">
        <v>17</v>
      </c>
      <c r="C45" s="14">
        <v>27</v>
      </c>
      <c r="D45" s="18">
        <v>44</v>
      </c>
    </row>
    <row r="46" spans="1:4" ht="18" customHeight="1" x14ac:dyDescent="0.15">
      <c r="A46" s="5">
        <v>34</v>
      </c>
      <c r="B46" s="22">
        <v>25</v>
      </c>
      <c r="C46" s="14">
        <v>19</v>
      </c>
      <c r="D46" s="18">
        <v>44</v>
      </c>
    </row>
    <row r="47" spans="1:4" ht="18" customHeight="1" x14ac:dyDescent="0.15">
      <c r="A47" s="5" t="s">
        <v>15</v>
      </c>
      <c r="B47" s="22">
        <v>131</v>
      </c>
      <c r="C47" s="14">
        <v>104</v>
      </c>
      <c r="D47" s="18">
        <v>235</v>
      </c>
    </row>
    <row r="48" spans="1:4" ht="18" customHeight="1" x14ac:dyDescent="0.15">
      <c r="A48" s="5">
        <v>35</v>
      </c>
      <c r="B48" s="22">
        <v>27</v>
      </c>
      <c r="C48" s="14">
        <v>29</v>
      </c>
      <c r="D48" s="18">
        <v>56</v>
      </c>
    </row>
    <row r="49" spans="1:4" ht="18" customHeight="1" x14ac:dyDescent="0.15">
      <c r="A49" s="5">
        <v>36</v>
      </c>
      <c r="B49" s="22">
        <v>31</v>
      </c>
      <c r="C49" s="14">
        <v>27</v>
      </c>
      <c r="D49" s="18">
        <v>58</v>
      </c>
    </row>
    <row r="50" spans="1:4" ht="18" customHeight="1" x14ac:dyDescent="0.15">
      <c r="A50" s="5">
        <v>37</v>
      </c>
      <c r="B50" s="22">
        <v>31</v>
      </c>
      <c r="C50" s="14">
        <v>19</v>
      </c>
      <c r="D50" s="18">
        <v>50</v>
      </c>
    </row>
    <row r="51" spans="1:4" ht="18" customHeight="1" x14ac:dyDescent="0.15">
      <c r="A51" s="5">
        <v>38</v>
      </c>
      <c r="B51" s="22">
        <v>25</v>
      </c>
      <c r="C51" s="14">
        <v>29</v>
      </c>
      <c r="D51" s="18">
        <v>54</v>
      </c>
    </row>
    <row r="52" spans="1:4" ht="18" customHeight="1" x14ac:dyDescent="0.15">
      <c r="A52" s="5">
        <v>39</v>
      </c>
      <c r="B52" s="22">
        <v>32</v>
      </c>
      <c r="C52" s="14">
        <v>34</v>
      </c>
      <c r="D52" s="18">
        <v>66</v>
      </c>
    </row>
    <row r="53" spans="1:4" ht="18" customHeight="1" x14ac:dyDescent="0.15">
      <c r="A53" s="5" t="s">
        <v>18</v>
      </c>
      <c r="B53" s="22">
        <v>146</v>
      </c>
      <c r="C53" s="14">
        <v>138</v>
      </c>
      <c r="D53" s="18">
        <v>284</v>
      </c>
    </row>
    <row r="54" spans="1:4" ht="18" customHeight="1" x14ac:dyDescent="0.15">
      <c r="A54" s="5">
        <v>40</v>
      </c>
      <c r="B54" s="22">
        <v>26</v>
      </c>
      <c r="C54" s="14">
        <v>23</v>
      </c>
      <c r="D54" s="18">
        <v>49</v>
      </c>
    </row>
    <row r="55" spans="1:4" ht="18" customHeight="1" x14ac:dyDescent="0.15">
      <c r="A55" s="5">
        <v>41</v>
      </c>
      <c r="B55" s="22">
        <v>24</v>
      </c>
      <c r="C55" s="14">
        <v>25</v>
      </c>
      <c r="D55" s="18">
        <v>49</v>
      </c>
    </row>
    <row r="56" spans="1:4" ht="18" customHeight="1" x14ac:dyDescent="0.15">
      <c r="A56" s="5">
        <v>42</v>
      </c>
      <c r="B56" s="22">
        <v>31</v>
      </c>
      <c r="C56" s="14">
        <v>26</v>
      </c>
      <c r="D56" s="18">
        <v>57</v>
      </c>
    </row>
    <row r="57" spans="1:4" ht="18" customHeight="1" x14ac:dyDescent="0.15">
      <c r="A57" s="5">
        <v>43</v>
      </c>
      <c r="B57" s="22">
        <v>34</v>
      </c>
      <c r="C57" s="14">
        <v>25</v>
      </c>
      <c r="D57" s="18">
        <v>59</v>
      </c>
    </row>
    <row r="58" spans="1:4" ht="18" customHeight="1" x14ac:dyDescent="0.15">
      <c r="A58" s="5">
        <v>44</v>
      </c>
      <c r="B58" s="22">
        <v>34</v>
      </c>
      <c r="C58" s="14">
        <v>38</v>
      </c>
      <c r="D58" s="18">
        <v>72</v>
      </c>
    </row>
    <row r="59" spans="1:4" ht="18" customHeight="1" x14ac:dyDescent="0.15">
      <c r="A59" s="5" t="s">
        <v>21</v>
      </c>
      <c r="B59" s="22">
        <v>149</v>
      </c>
      <c r="C59" s="14">
        <v>137</v>
      </c>
      <c r="D59" s="18">
        <v>286</v>
      </c>
    </row>
    <row r="60" spans="1:4" ht="18" customHeight="1" x14ac:dyDescent="0.15">
      <c r="A60" s="5">
        <v>45</v>
      </c>
      <c r="B60" s="22">
        <v>25</v>
      </c>
      <c r="C60" s="14">
        <v>32</v>
      </c>
      <c r="D60" s="18">
        <v>57</v>
      </c>
    </row>
    <row r="61" spans="1:4" ht="18" customHeight="1" x14ac:dyDescent="0.15">
      <c r="A61" s="5">
        <v>46</v>
      </c>
      <c r="B61" s="22">
        <v>43</v>
      </c>
      <c r="C61" s="14">
        <v>32</v>
      </c>
      <c r="D61" s="18">
        <v>75</v>
      </c>
    </row>
    <row r="62" spans="1:4" ht="18" customHeight="1" x14ac:dyDescent="0.15">
      <c r="A62" s="5">
        <v>47</v>
      </c>
      <c r="B62" s="22">
        <v>42</v>
      </c>
      <c r="C62" s="14">
        <v>41</v>
      </c>
      <c r="D62" s="18">
        <v>83</v>
      </c>
    </row>
    <row r="63" spans="1:4" ht="18" customHeight="1" x14ac:dyDescent="0.15">
      <c r="A63" s="5">
        <v>48</v>
      </c>
      <c r="B63" s="22">
        <v>43</v>
      </c>
      <c r="C63" s="14">
        <v>34</v>
      </c>
      <c r="D63" s="18">
        <v>77</v>
      </c>
    </row>
    <row r="64" spans="1:4" ht="18" customHeight="1" x14ac:dyDescent="0.15">
      <c r="A64" s="5">
        <v>49</v>
      </c>
      <c r="B64" s="22">
        <v>34</v>
      </c>
      <c r="C64" s="14">
        <v>38</v>
      </c>
      <c r="D64" s="18">
        <v>72</v>
      </c>
    </row>
    <row r="65" spans="1:4" ht="18" customHeight="1" x14ac:dyDescent="0.15">
      <c r="A65" s="5" t="s">
        <v>17</v>
      </c>
      <c r="B65" s="22">
        <v>187</v>
      </c>
      <c r="C65" s="14">
        <v>177</v>
      </c>
      <c r="D65" s="18">
        <v>364</v>
      </c>
    </row>
    <row r="66" spans="1:4" ht="18" customHeight="1" x14ac:dyDescent="0.15">
      <c r="A66" s="5">
        <v>50</v>
      </c>
      <c r="B66" s="22">
        <v>43</v>
      </c>
      <c r="C66" s="14">
        <v>34</v>
      </c>
      <c r="D66" s="18">
        <v>77</v>
      </c>
    </row>
    <row r="67" spans="1:4" ht="18" customHeight="1" x14ac:dyDescent="0.15">
      <c r="A67" s="5">
        <v>51</v>
      </c>
      <c r="B67" s="22">
        <v>39</v>
      </c>
      <c r="C67" s="14">
        <v>44</v>
      </c>
      <c r="D67" s="18">
        <v>83</v>
      </c>
    </row>
    <row r="68" spans="1:4" ht="18" customHeight="1" x14ac:dyDescent="0.15">
      <c r="A68" s="5">
        <v>52</v>
      </c>
      <c r="B68" s="22">
        <v>39</v>
      </c>
      <c r="C68" s="14">
        <v>43</v>
      </c>
      <c r="D68" s="18">
        <v>82</v>
      </c>
    </row>
    <row r="69" spans="1:4" ht="18" customHeight="1" x14ac:dyDescent="0.15">
      <c r="A69" s="5">
        <v>53</v>
      </c>
      <c r="B69" s="22">
        <v>45</v>
      </c>
      <c r="C69" s="14">
        <v>40</v>
      </c>
      <c r="D69" s="18">
        <v>85</v>
      </c>
    </row>
    <row r="70" spans="1:4" ht="18" customHeight="1" x14ac:dyDescent="0.15">
      <c r="A70" s="5">
        <v>54</v>
      </c>
      <c r="B70" s="22">
        <v>62</v>
      </c>
      <c r="C70" s="14">
        <v>47</v>
      </c>
      <c r="D70" s="18">
        <v>109</v>
      </c>
    </row>
    <row r="71" spans="1:4" ht="18" customHeight="1" x14ac:dyDescent="0.15">
      <c r="A71" s="5" t="s">
        <v>22</v>
      </c>
      <c r="B71" s="22">
        <v>228</v>
      </c>
      <c r="C71" s="14">
        <v>208</v>
      </c>
      <c r="D71" s="18">
        <v>436</v>
      </c>
    </row>
    <row r="72" spans="1:4" ht="18" customHeight="1" x14ac:dyDescent="0.15">
      <c r="A72" s="5">
        <v>55</v>
      </c>
      <c r="B72" s="22">
        <v>51</v>
      </c>
      <c r="C72" s="14">
        <v>41</v>
      </c>
      <c r="D72" s="18">
        <v>92</v>
      </c>
    </row>
    <row r="73" spans="1:4" ht="18" customHeight="1" x14ac:dyDescent="0.15">
      <c r="A73" s="5">
        <v>56</v>
      </c>
      <c r="B73" s="22">
        <v>49</v>
      </c>
      <c r="C73" s="14">
        <v>43</v>
      </c>
      <c r="D73" s="18">
        <v>92</v>
      </c>
    </row>
    <row r="74" spans="1:4" ht="18" customHeight="1" x14ac:dyDescent="0.15">
      <c r="A74" s="5">
        <v>57</v>
      </c>
      <c r="B74" s="22">
        <v>48</v>
      </c>
      <c r="C74" s="14">
        <v>35</v>
      </c>
      <c r="D74" s="18">
        <v>83</v>
      </c>
    </row>
    <row r="75" spans="1:4" ht="18" customHeight="1" x14ac:dyDescent="0.15">
      <c r="A75" s="5">
        <v>58</v>
      </c>
      <c r="B75" s="22">
        <v>57</v>
      </c>
      <c r="C75" s="14">
        <v>50</v>
      </c>
      <c r="D75" s="18">
        <v>107</v>
      </c>
    </row>
    <row r="76" spans="1:4" ht="18" customHeight="1" x14ac:dyDescent="0.15">
      <c r="A76" s="5">
        <v>59</v>
      </c>
      <c r="B76" s="22">
        <v>28</v>
      </c>
      <c r="C76" s="14">
        <v>37</v>
      </c>
      <c r="D76" s="18">
        <v>65</v>
      </c>
    </row>
    <row r="77" spans="1:4" ht="18" customHeight="1" x14ac:dyDescent="0.15">
      <c r="A77" s="5" t="s">
        <v>27</v>
      </c>
      <c r="B77" s="22">
        <v>233</v>
      </c>
      <c r="C77" s="14">
        <v>206</v>
      </c>
      <c r="D77" s="18">
        <v>439</v>
      </c>
    </row>
    <row r="78" spans="1:4" ht="18" customHeight="1" x14ac:dyDescent="0.15">
      <c r="A78" s="5">
        <v>60</v>
      </c>
      <c r="B78" s="22">
        <v>39</v>
      </c>
      <c r="C78" s="14">
        <v>58</v>
      </c>
      <c r="D78" s="18">
        <v>97</v>
      </c>
    </row>
    <row r="79" spans="1:4" ht="18" customHeight="1" x14ac:dyDescent="0.15">
      <c r="A79" s="5">
        <v>61</v>
      </c>
      <c r="B79" s="22">
        <v>42</v>
      </c>
      <c r="C79" s="14">
        <v>41</v>
      </c>
      <c r="D79" s="18">
        <v>83</v>
      </c>
    </row>
    <row r="80" spans="1:4" ht="18" customHeight="1" x14ac:dyDescent="0.15">
      <c r="A80" s="5">
        <v>62</v>
      </c>
      <c r="B80" s="22">
        <v>47</v>
      </c>
      <c r="C80" s="14">
        <v>45</v>
      </c>
      <c r="D80" s="18">
        <v>92</v>
      </c>
    </row>
    <row r="81" spans="1:4" ht="18" customHeight="1" x14ac:dyDescent="0.15">
      <c r="A81" s="5">
        <v>63</v>
      </c>
      <c r="B81" s="22">
        <v>44</v>
      </c>
      <c r="C81" s="14">
        <v>34</v>
      </c>
      <c r="D81" s="18">
        <v>78</v>
      </c>
    </row>
    <row r="82" spans="1:4" ht="18" customHeight="1" x14ac:dyDescent="0.15">
      <c r="A82" s="5">
        <v>64</v>
      </c>
      <c r="B82" s="22">
        <v>40</v>
      </c>
      <c r="C82" s="14">
        <v>40</v>
      </c>
      <c r="D82" s="18">
        <v>80</v>
      </c>
    </row>
    <row r="83" spans="1:4" ht="18" customHeight="1" x14ac:dyDescent="0.15">
      <c r="A83" s="5" t="s">
        <v>28</v>
      </c>
      <c r="B83" s="22">
        <v>212</v>
      </c>
      <c r="C83" s="14">
        <v>218</v>
      </c>
      <c r="D83" s="18">
        <v>430</v>
      </c>
    </row>
    <row r="84" spans="1:4" ht="18" customHeight="1" x14ac:dyDescent="0.15">
      <c r="A84" s="5" t="s">
        <v>31</v>
      </c>
      <c r="B84" s="22">
        <v>1670</v>
      </c>
      <c r="C84" s="14">
        <v>1487</v>
      </c>
      <c r="D84" s="18">
        <v>3157</v>
      </c>
    </row>
    <row r="85" spans="1:4" ht="18" customHeight="1" x14ac:dyDescent="0.15">
      <c r="A85" s="5">
        <v>65</v>
      </c>
      <c r="B85" s="22">
        <v>31</v>
      </c>
      <c r="C85" s="14">
        <v>40</v>
      </c>
      <c r="D85" s="18">
        <v>71</v>
      </c>
    </row>
    <row r="86" spans="1:4" ht="18" customHeight="1" x14ac:dyDescent="0.15">
      <c r="A86" s="5">
        <v>66</v>
      </c>
      <c r="B86" s="22">
        <v>46</v>
      </c>
      <c r="C86" s="14">
        <v>41</v>
      </c>
      <c r="D86" s="18">
        <v>87</v>
      </c>
    </row>
    <row r="87" spans="1:4" ht="18" customHeight="1" x14ac:dyDescent="0.15">
      <c r="A87" s="5">
        <v>67</v>
      </c>
      <c r="B87" s="22">
        <v>35</v>
      </c>
      <c r="C87" s="14">
        <v>41</v>
      </c>
      <c r="D87" s="18">
        <v>76</v>
      </c>
    </row>
    <row r="88" spans="1:4" ht="18" customHeight="1" x14ac:dyDescent="0.15">
      <c r="A88" s="5">
        <v>68</v>
      </c>
      <c r="B88" s="22">
        <v>34</v>
      </c>
      <c r="C88" s="14">
        <v>33</v>
      </c>
      <c r="D88" s="18">
        <v>67</v>
      </c>
    </row>
    <row r="89" spans="1:4" ht="18" customHeight="1" x14ac:dyDescent="0.15">
      <c r="A89" s="5">
        <v>69</v>
      </c>
      <c r="B89" s="22">
        <v>41</v>
      </c>
      <c r="C89" s="14">
        <v>45</v>
      </c>
      <c r="D89" s="18">
        <v>86</v>
      </c>
    </row>
    <row r="90" spans="1:4" ht="18" customHeight="1" x14ac:dyDescent="0.15">
      <c r="A90" s="5" t="s">
        <v>20</v>
      </c>
      <c r="B90" s="22">
        <v>187</v>
      </c>
      <c r="C90" s="14">
        <v>200</v>
      </c>
      <c r="D90" s="18">
        <v>387</v>
      </c>
    </row>
    <row r="91" spans="1:4" ht="18" customHeight="1" x14ac:dyDescent="0.15">
      <c r="A91" s="5">
        <v>70</v>
      </c>
      <c r="B91" s="22">
        <v>39</v>
      </c>
      <c r="C91" s="14">
        <v>35</v>
      </c>
      <c r="D91" s="18">
        <v>74</v>
      </c>
    </row>
    <row r="92" spans="1:4" ht="18" customHeight="1" x14ac:dyDescent="0.15">
      <c r="A92" s="5">
        <v>71</v>
      </c>
      <c r="B92" s="22">
        <v>28</v>
      </c>
      <c r="C92" s="14">
        <v>44</v>
      </c>
      <c r="D92" s="18">
        <v>72</v>
      </c>
    </row>
    <row r="93" spans="1:4" ht="18" customHeight="1" x14ac:dyDescent="0.15">
      <c r="A93" s="5">
        <v>72</v>
      </c>
      <c r="B93" s="22">
        <v>25</v>
      </c>
      <c r="C93" s="14">
        <v>31</v>
      </c>
      <c r="D93" s="18">
        <v>56</v>
      </c>
    </row>
    <row r="94" spans="1:4" ht="18" customHeight="1" x14ac:dyDescent="0.15">
      <c r="A94" s="5">
        <v>73</v>
      </c>
      <c r="B94" s="22">
        <v>39</v>
      </c>
      <c r="C94" s="14">
        <v>46</v>
      </c>
      <c r="D94" s="18">
        <v>85</v>
      </c>
    </row>
    <row r="95" spans="1:4" ht="18" customHeight="1" x14ac:dyDescent="0.15">
      <c r="A95" s="5">
        <v>74</v>
      </c>
      <c r="B95" s="22">
        <v>32</v>
      </c>
      <c r="C95" s="14">
        <v>42</v>
      </c>
      <c r="D95" s="18">
        <v>74</v>
      </c>
    </row>
    <row r="96" spans="1:4" ht="18" customHeight="1" x14ac:dyDescent="0.15">
      <c r="A96" s="5" t="s">
        <v>33</v>
      </c>
      <c r="B96" s="22">
        <v>163</v>
      </c>
      <c r="C96" s="14">
        <v>198</v>
      </c>
      <c r="D96" s="18">
        <v>361</v>
      </c>
    </row>
    <row r="97" spans="1:4" ht="18" customHeight="1" x14ac:dyDescent="0.15">
      <c r="A97" s="5">
        <v>75</v>
      </c>
      <c r="B97" s="22">
        <v>38</v>
      </c>
      <c r="C97" s="14">
        <v>47</v>
      </c>
      <c r="D97" s="18">
        <v>85</v>
      </c>
    </row>
    <row r="98" spans="1:4" ht="18" customHeight="1" x14ac:dyDescent="0.15">
      <c r="A98" s="5">
        <v>76</v>
      </c>
      <c r="B98" s="22">
        <v>48</v>
      </c>
      <c r="C98" s="14">
        <v>50</v>
      </c>
      <c r="D98" s="18">
        <v>98</v>
      </c>
    </row>
    <row r="99" spans="1:4" ht="18" customHeight="1" x14ac:dyDescent="0.15">
      <c r="A99" s="5">
        <v>77</v>
      </c>
      <c r="B99" s="22">
        <v>56</v>
      </c>
      <c r="C99" s="14">
        <v>55</v>
      </c>
      <c r="D99" s="18">
        <v>111</v>
      </c>
    </row>
    <row r="100" spans="1:4" ht="18" customHeight="1" x14ac:dyDescent="0.15">
      <c r="A100" s="5">
        <v>78</v>
      </c>
      <c r="B100" s="22">
        <v>52</v>
      </c>
      <c r="C100" s="14">
        <v>69</v>
      </c>
      <c r="D100" s="18">
        <v>121</v>
      </c>
    </row>
    <row r="101" spans="1:4" ht="18" customHeight="1" x14ac:dyDescent="0.15">
      <c r="A101" s="5">
        <v>79</v>
      </c>
      <c r="B101" s="22">
        <v>24</v>
      </c>
      <c r="C101" s="14">
        <v>46</v>
      </c>
      <c r="D101" s="18">
        <v>70</v>
      </c>
    </row>
    <row r="102" spans="1:4" ht="18" customHeight="1" x14ac:dyDescent="0.15">
      <c r="A102" s="5" t="s">
        <v>0</v>
      </c>
      <c r="B102" s="22">
        <v>218</v>
      </c>
      <c r="C102" s="14">
        <v>267</v>
      </c>
      <c r="D102" s="18">
        <v>485</v>
      </c>
    </row>
    <row r="103" spans="1:4" ht="18" customHeight="1" x14ac:dyDescent="0.15">
      <c r="A103" s="5">
        <v>80</v>
      </c>
      <c r="B103" s="22">
        <v>28</v>
      </c>
      <c r="C103" s="14">
        <v>33</v>
      </c>
      <c r="D103" s="18">
        <v>61</v>
      </c>
    </row>
    <row r="104" spans="1:4" ht="18" customHeight="1" x14ac:dyDescent="0.15">
      <c r="A104" s="5">
        <v>81</v>
      </c>
      <c r="B104" s="22">
        <v>29</v>
      </c>
      <c r="C104" s="14">
        <v>47</v>
      </c>
      <c r="D104" s="18">
        <v>76</v>
      </c>
    </row>
    <row r="105" spans="1:4" ht="18" customHeight="1" x14ac:dyDescent="0.15">
      <c r="A105" s="5">
        <v>82</v>
      </c>
      <c r="B105" s="22">
        <v>26</v>
      </c>
      <c r="C105" s="14">
        <v>50</v>
      </c>
      <c r="D105" s="18">
        <v>76</v>
      </c>
    </row>
    <row r="106" spans="1:4" ht="18" customHeight="1" x14ac:dyDescent="0.15">
      <c r="A106" s="5">
        <v>83</v>
      </c>
      <c r="B106" s="22">
        <v>28</v>
      </c>
      <c r="C106" s="14">
        <v>45</v>
      </c>
      <c r="D106" s="18">
        <v>73</v>
      </c>
    </row>
    <row r="107" spans="1:4" ht="18" customHeight="1" x14ac:dyDescent="0.15">
      <c r="A107" s="5">
        <v>84</v>
      </c>
      <c r="B107" s="22">
        <v>32</v>
      </c>
      <c r="C107" s="14">
        <v>50</v>
      </c>
      <c r="D107" s="18">
        <v>82</v>
      </c>
    </row>
    <row r="108" spans="1:4" ht="18" customHeight="1" x14ac:dyDescent="0.15">
      <c r="A108" s="5" t="s">
        <v>35</v>
      </c>
      <c r="B108" s="22">
        <v>143</v>
      </c>
      <c r="C108" s="14">
        <v>225</v>
      </c>
      <c r="D108" s="18">
        <v>368</v>
      </c>
    </row>
    <row r="109" spans="1:4" ht="18" customHeight="1" x14ac:dyDescent="0.15">
      <c r="A109" s="5">
        <v>85</v>
      </c>
      <c r="B109" s="22">
        <v>25</v>
      </c>
      <c r="C109" s="14">
        <v>39</v>
      </c>
      <c r="D109" s="18">
        <v>64</v>
      </c>
    </row>
    <row r="110" spans="1:4" ht="18" customHeight="1" x14ac:dyDescent="0.15">
      <c r="A110" s="5">
        <v>86</v>
      </c>
      <c r="B110" s="22">
        <v>24</v>
      </c>
      <c r="C110" s="14">
        <v>25</v>
      </c>
      <c r="D110" s="18">
        <v>49</v>
      </c>
    </row>
    <row r="111" spans="1:4" ht="18" customHeight="1" x14ac:dyDescent="0.15">
      <c r="A111" s="5">
        <v>87</v>
      </c>
      <c r="B111" s="22">
        <v>9</v>
      </c>
      <c r="C111" s="14">
        <v>33</v>
      </c>
      <c r="D111" s="18">
        <v>42</v>
      </c>
    </row>
    <row r="112" spans="1:4" ht="18" customHeight="1" x14ac:dyDescent="0.15">
      <c r="A112" s="5">
        <v>88</v>
      </c>
      <c r="B112" s="22">
        <v>18</v>
      </c>
      <c r="C112" s="14">
        <v>30</v>
      </c>
      <c r="D112" s="18">
        <v>48</v>
      </c>
    </row>
    <row r="113" spans="1:4" ht="18" customHeight="1" x14ac:dyDescent="0.15">
      <c r="A113" s="5">
        <v>89</v>
      </c>
      <c r="B113" s="22">
        <v>11</v>
      </c>
      <c r="C113" s="14">
        <v>30</v>
      </c>
      <c r="D113" s="18">
        <v>41</v>
      </c>
    </row>
    <row r="114" spans="1:4" ht="18" customHeight="1" x14ac:dyDescent="0.15">
      <c r="A114" s="5" t="s">
        <v>37</v>
      </c>
      <c r="B114" s="22">
        <v>87</v>
      </c>
      <c r="C114" s="14">
        <v>157</v>
      </c>
      <c r="D114" s="18">
        <v>244</v>
      </c>
    </row>
    <row r="115" spans="1:4" ht="18" customHeight="1" x14ac:dyDescent="0.15">
      <c r="A115" s="5">
        <v>90</v>
      </c>
      <c r="B115" s="22">
        <v>17</v>
      </c>
      <c r="C115" s="14">
        <v>29</v>
      </c>
      <c r="D115" s="18">
        <v>46</v>
      </c>
    </row>
    <row r="116" spans="1:4" ht="18" customHeight="1" x14ac:dyDescent="0.15">
      <c r="A116" s="5">
        <v>91</v>
      </c>
      <c r="B116" s="22">
        <v>8</v>
      </c>
      <c r="C116" s="14">
        <v>24</v>
      </c>
      <c r="D116" s="18">
        <v>32</v>
      </c>
    </row>
    <row r="117" spans="1:4" ht="18" customHeight="1" x14ac:dyDescent="0.15">
      <c r="A117" s="5">
        <v>92</v>
      </c>
      <c r="B117" s="22">
        <v>10</v>
      </c>
      <c r="C117" s="14">
        <v>33</v>
      </c>
      <c r="D117" s="18">
        <v>43</v>
      </c>
    </row>
    <row r="118" spans="1:4" ht="18" customHeight="1" x14ac:dyDescent="0.15">
      <c r="A118" s="5">
        <v>93</v>
      </c>
      <c r="B118" s="22">
        <v>4</v>
      </c>
      <c r="C118" s="14">
        <v>16</v>
      </c>
      <c r="D118" s="18">
        <v>20</v>
      </c>
    </row>
    <row r="119" spans="1:4" ht="18" customHeight="1" x14ac:dyDescent="0.15">
      <c r="A119" s="5">
        <v>94</v>
      </c>
      <c r="B119" s="22">
        <v>3</v>
      </c>
      <c r="C119" s="14">
        <v>17</v>
      </c>
      <c r="D119" s="18">
        <v>20</v>
      </c>
    </row>
    <row r="120" spans="1:4" ht="18" customHeight="1" x14ac:dyDescent="0.15">
      <c r="A120" s="5" t="s">
        <v>39</v>
      </c>
      <c r="B120" s="22">
        <v>42</v>
      </c>
      <c r="C120" s="14">
        <v>119</v>
      </c>
      <c r="D120" s="18">
        <v>161</v>
      </c>
    </row>
    <row r="121" spans="1:4" ht="18" customHeight="1" x14ac:dyDescent="0.15">
      <c r="A121" s="5">
        <v>95</v>
      </c>
      <c r="B121" s="22">
        <v>2</v>
      </c>
      <c r="C121" s="14">
        <v>14</v>
      </c>
      <c r="D121" s="18">
        <v>16</v>
      </c>
    </row>
    <row r="122" spans="1:4" ht="18" customHeight="1" x14ac:dyDescent="0.15">
      <c r="A122" s="5">
        <v>96</v>
      </c>
      <c r="B122" s="22">
        <v>2</v>
      </c>
      <c r="C122" s="14">
        <v>14</v>
      </c>
      <c r="D122" s="18">
        <v>16</v>
      </c>
    </row>
    <row r="123" spans="1:4" ht="18" customHeight="1" x14ac:dyDescent="0.15">
      <c r="A123" s="5">
        <v>97</v>
      </c>
      <c r="B123" s="22">
        <v>3</v>
      </c>
      <c r="C123" s="14">
        <v>7</v>
      </c>
      <c r="D123" s="18">
        <v>10</v>
      </c>
    </row>
    <row r="124" spans="1:4" ht="18" customHeight="1" x14ac:dyDescent="0.15">
      <c r="A124" s="5">
        <v>98</v>
      </c>
      <c r="B124" s="22">
        <v>1</v>
      </c>
      <c r="C124" s="14">
        <v>3</v>
      </c>
      <c r="D124" s="18">
        <v>4</v>
      </c>
    </row>
    <row r="125" spans="1:4" ht="18" customHeight="1" x14ac:dyDescent="0.15">
      <c r="A125" s="5">
        <v>99</v>
      </c>
      <c r="B125" s="22">
        <v>0</v>
      </c>
      <c r="C125" s="14">
        <v>5</v>
      </c>
      <c r="D125" s="18">
        <v>5</v>
      </c>
    </row>
    <row r="126" spans="1:4" ht="18" customHeight="1" x14ac:dyDescent="0.15">
      <c r="A126" s="5" t="s">
        <v>40</v>
      </c>
      <c r="B126" s="22">
        <v>8</v>
      </c>
      <c r="C126" s="14">
        <v>43</v>
      </c>
      <c r="D126" s="18">
        <v>51</v>
      </c>
    </row>
    <row r="127" spans="1:4" ht="18" customHeight="1" x14ac:dyDescent="0.15">
      <c r="A127" s="5">
        <v>100</v>
      </c>
      <c r="B127" s="22">
        <v>1</v>
      </c>
      <c r="C127" s="14">
        <v>3</v>
      </c>
      <c r="D127" s="18">
        <v>4</v>
      </c>
    </row>
    <row r="128" spans="1:4" ht="18" customHeight="1" x14ac:dyDescent="0.15">
      <c r="A128" s="6" t="s">
        <v>43</v>
      </c>
      <c r="B128" s="22">
        <v>1</v>
      </c>
      <c r="C128" s="14">
        <v>4</v>
      </c>
      <c r="D128" s="18">
        <v>5</v>
      </c>
    </row>
    <row r="129" spans="1:4" ht="18" customHeight="1" x14ac:dyDescent="0.15">
      <c r="A129" s="5" t="s">
        <v>44</v>
      </c>
      <c r="B129" s="22">
        <v>2</v>
      </c>
      <c r="C129" s="14">
        <v>7</v>
      </c>
      <c r="D129" s="18">
        <v>9</v>
      </c>
    </row>
    <row r="130" spans="1:4" ht="18" customHeight="1" x14ac:dyDescent="0.15">
      <c r="A130" s="5" t="s">
        <v>46</v>
      </c>
      <c r="B130" s="22">
        <v>850</v>
      </c>
      <c r="C130" s="14">
        <v>1216</v>
      </c>
      <c r="D130" s="18">
        <v>2066</v>
      </c>
    </row>
    <row r="131" spans="1:4" ht="18" customHeight="1" x14ac:dyDescent="0.15">
      <c r="A131" s="7" t="s">
        <v>45</v>
      </c>
      <c r="B131" s="23">
        <v>2750</v>
      </c>
      <c r="C131" s="15">
        <v>2928</v>
      </c>
      <c r="D131" s="19">
        <v>567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400-000000000000}">
  <sheetPr codeName="Sheet8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0</v>
      </c>
      <c r="C10" s="14">
        <v>0</v>
      </c>
      <c r="D10" s="18">
        <v>0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1</v>
      </c>
      <c r="D12" s="18">
        <v>1</v>
      </c>
    </row>
    <row r="13" spans="1:4" ht="18" customHeight="1" x14ac:dyDescent="0.15">
      <c r="A13" s="5">
        <v>7</v>
      </c>
      <c r="B13" s="27">
        <v>2</v>
      </c>
      <c r="C13" s="14">
        <v>0</v>
      </c>
      <c r="D13" s="18">
        <v>2</v>
      </c>
    </row>
    <row r="14" spans="1:4" ht="18" customHeight="1" x14ac:dyDescent="0.15">
      <c r="A14" s="5">
        <v>8</v>
      </c>
      <c r="B14" s="27">
        <v>0</v>
      </c>
      <c r="C14" s="14">
        <v>0</v>
      </c>
      <c r="D14" s="18">
        <v>0</v>
      </c>
    </row>
    <row r="15" spans="1:4" ht="18" customHeight="1" x14ac:dyDescent="0.15">
      <c r="A15" s="5">
        <v>9</v>
      </c>
      <c r="B15" s="27">
        <v>0</v>
      </c>
      <c r="C15" s="14">
        <v>0</v>
      </c>
      <c r="D15" s="18">
        <v>0</v>
      </c>
    </row>
    <row r="16" spans="1:4" ht="18" customHeight="1" x14ac:dyDescent="0.15">
      <c r="A16" s="5" t="s">
        <v>11</v>
      </c>
      <c r="B16" s="22">
        <v>2</v>
      </c>
      <c r="C16" s="14">
        <v>1</v>
      </c>
      <c r="D16" s="18">
        <v>3</v>
      </c>
    </row>
    <row r="17" spans="1:4" ht="18" customHeight="1" x14ac:dyDescent="0.15">
      <c r="A17" s="5">
        <v>10</v>
      </c>
      <c r="B17" s="22">
        <v>0</v>
      </c>
      <c r="C17" s="14">
        <v>1</v>
      </c>
      <c r="D17" s="18">
        <v>1</v>
      </c>
    </row>
    <row r="18" spans="1:4" ht="18" customHeight="1" x14ac:dyDescent="0.15">
      <c r="A18" s="5">
        <v>11</v>
      </c>
      <c r="B18" s="22">
        <v>0</v>
      </c>
      <c r="C18" s="14">
        <v>1</v>
      </c>
      <c r="D18" s="18">
        <v>1</v>
      </c>
    </row>
    <row r="19" spans="1:4" ht="18" customHeight="1" x14ac:dyDescent="0.15">
      <c r="A19" s="5">
        <v>12</v>
      </c>
      <c r="B19" s="22">
        <v>1</v>
      </c>
      <c r="C19" s="14">
        <v>0</v>
      </c>
      <c r="D19" s="18">
        <v>1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4</v>
      </c>
      <c r="C21" s="14">
        <v>2</v>
      </c>
      <c r="D21" s="18">
        <v>6</v>
      </c>
    </row>
    <row r="22" spans="1:4" ht="18" customHeight="1" x14ac:dyDescent="0.15">
      <c r="A22" s="5" t="s">
        <v>12</v>
      </c>
      <c r="B22" s="22">
        <v>5</v>
      </c>
      <c r="C22" s="14">
        <v>4</v>
      </c>
      <c r="D22" s="18">
        <v>9</v>
      </c>
    </row>
    <row r="23" spans="1:4" ht="18" customHeight="1" x14ac:dyDescent="0.15">
      <c r="A23" s="5" t="s">
        <v>6</v>
      </c>
      <c r="B23" s="22">
        <v>7</v>
      </c>
      <c r="C23" s="14">
        <v>5</v>
      </c>
      <c r="D23" s="18">
        <v>12</v>
      </c>
    </row>
    <row r="24" spans="1:4" ht="18" customHeight="1" x14ac:dyDescent="0.15">
      <c r="A24" s="5">
        <v>15</v>
      </c>
      <c r="B24" s="22">
        <v>0</v>
      </c>
      <c r="C24" s="14">
        <v>0</v>
      </c>
      <c r="D24" s="18">
        <v>0</v>
      </c>
    </row>
    <row r="25" spans="1:4" ht="18" customHeight="1" x14ac:dyDescent="0.15">
      <c r="A25" s="5">
        <v>16</v>
      </c>
      <c r="B25" s="22">
        <v>1</v>
      </c>
      <c r="C25" s="14">
        <v>1</v>
      </c>
      <c r="D25" s="18">
        <v>2</v>
      </c>
    </row>
    <row r="26" spans="1:4" ht="18" customHeight="1" x14ac:dyDescent="0.15">
      <c r="A26" s="5">
        <v>17</v>
      </c>
      <c r="B26" s="22">
        <v>2</v>
      </c>
      <c r="C26" s="14">
        <v>2</v>
      </c>
      <c r="D26" s="18">
        <v>4</v>
      </c>
    </row>
    <row r="27" spans="1:4" ht="18" customHeight="1" x14ac:dyDescent="0.15">
      <c r="A27" s="5">
        <v>18</v>
      </c>
      <c r="B27" s="22">
        <v>2</v>
      </c>
      <c r="C27" s="14">
        <v>2</v>
      </c>
      <c r="D27" s="18">
        <v>4</v>
      </c>
    </row>
    <row r="28" spans="1:4" ht="18" customHeight="1" x14ac:dyDescent="0.15">
      <c r="A28" s="5">
        <v>19</v>
      </c>
      <c r="B28" s="22">
        <v>1</v>
      </c>
      <c r="C28" s="14">
        <v>1</v>
      </c>
      <c r="D28" s="18">
        <v>2</v>
      </c>
    </row>
    <row r="29" spans="1:4" ht="18" customHeight="1" x14ac:dyDescent="0.15">
      <c r="A29" s="5" t="s">
        <v>14</v>
      </c>
      <c r="B29" s="22">
        <v>6</v>
      </c>
      <c r="C29" s="14">
        <v>6</v>
      </c>
      <c r="D29" s="18">
        <v>12</v>
      </c>
    </row>
    <row r="30" spans="1:4" ht="18" customHeight="1" x14ac:dyDescent="0.15">
      <c r="A30" s="5">
        <v>20</v>
      </c>
      <c r="B30" s="22">
        <v>1</v>
      </c>
      <c r="C30" s="14">
        <v>3</v>
      </c>
      <c r="D30" s="18">
        <v>4</v>
      </c>
    </row>
    <row r="31" spans="1:4" ht="18" customHeight="1" x14ac:dyDescent="0.15">
      <c r="A31" s="5">
        <v>21</v>
      </c>
      <c r="B31" s="22">
        <v>4</v>
      </c>
      <c r="C31" s="14">
        <v>0</v>
      </c>
      <c r="D31" s="18">
        <v>4</v>
      </c>
    </row>
    <row r="32" spans="1:4" ht="18" customHeight="1" x14ac:dyDescent="0.15">
      <c r="A32" s="5">
        <v>22</v>
      </c>
      <c r="B32" s="22">
        <v>2</v>
      </c>
      <c r="C32" s="14">
        <v>1</v>
      </c>
      <c r="D32" s="18">
        <v>3</v>
      </c>
    </row>
    <row r="33" spans="1:4" ht="18" customHeight="1" x14ac:dyDescent="0.15">
      <c r="A33" s="5">
        <v>23</v>
      </c>
      <c r="B33" s="22">
        <v>1</v>
      </c>
      <c r="C33" s="14">
        <v>1</v>
      </c>
      <c r="D33" s="18">
        <v>2</v>
      </c>
    </row>
    <row r="34" spans="1:4" ht="18" customHeight="1" x14ac:dyDescent="0.15">
      <c r="A34" s="5">
        <v>24</v>
      </c>
      <c r="B34" s="22">
        <v>1</v>
      </c>
      <c r="C34" s="14">
        <v>1</v>
      </c>
      <c r="D34" s="18">
        <v>2</v>
      </c>
    </row>
    <row r="35" spans="1:4" ht="18" customHeight="1" x14ac:dyDescent="0.15">
      <c r="A35" s="5" t="s">
        <v>9</v>
      </c>
      <c r="B35" s="22">
        <v>9</v>
      </c>
      <c r="C35" s="14">
        <v>6</v>
      </c>
      <c r="D35" s="18">
        <v>15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2</v>
      </c>
      <c r="C37" s="14">
        <v>2</v>
      </c>
      <c r="D37" s="18">
        <v>4</v>
      </c>
    </row>
    <row r="38" spans="1:4" ht="18" customHeight="1" x14ac:dyDescent="0.15">
      <c r="A38" s="5">
        <v>27</v>
      </c>
      <c r="B38" s="22">
        <v>5</v>
      </c>
      <c r="C38" s="14">
        <v>2</v>
      </c>
      <c r="D38" s="18">
        <v>7</v>
      </c>
    </row>
    <row r="39" spans="1:4" ht="18" customHeight="1" x14ac:dyDescent="0.15">
      <c r="A39" s="5">
        <v>28</v>
      </c>
      <c r="B39" s="22">
        <v>0</v>
      </c>
      <c r="C39" s="14">
        <v>1</v>
      </c>
      <c r="D39" s="18">
        <v>1</v>
      </c>
    </row>
    <row r="40" spans="1:4" ht="18" customHeight="1" x14ac:dyDescent="0.15">
      <c r="A40" s="5">
        <v>29</v>
      </c>
      <c r="B40" s="22">
        <v>0</v>
      </c>
      <c r="C40" s="14">
        <v>0</v>
      </c>
      <c r="D40" s="18">
        <v>0</v>
      </c>
    </row>
    <row r="41" spans="1:4" ht="18" customHeight="1" x14ac:dyDescent="0.15">
      <c r="A41" s="5" t="s">
        <v>2</v>
      </c>
      <c r="B41" s="22">
        <v>7</v>
      </c>
      <c r="C41" s="14">
        <v>5</v>
      </c>
      <c r="D41" s="18">
        <v>12</v>
      </c>
    </row>
    <row r="42" spans="1:4" ht="18" customHeight="1" x14ac:dyDescent="0.15">
      <c r="A42" s="5">
        <v>30</v>
      </c>
      <c r="B42" s="22">
        <v>0</v>
      </c>
      <c r="C42" s="14">
        <v>2</v>
      </c>
      <c r="D42" s="18">
        <v>2</v>
      </c>
    </row>
    <row r="43" spans="1:4" ht="18" customHeight="1" x14ac:dyDescent="0.15">
      <c r="A43" s="5">
        <v>31</v>
      </c>
      <c r="B43" s="22">
        <v>0</v>
      </c>
      <c r="C43" s="14">
        <v>2</v>
      </c>
      <c r="D43" s="18">
        <v>2</v>
      </c>
    </row>
    <row r="44" spans="1:4" ht="18" customHeight="1" x14ac:dyDescent="0.15">
      <c r="A44" s="5">
        <v>32</v>
      </c>
      <c r="B44" s="22">
        <v>3</v>
      </c>
      <c r="C44" s="14">
        <v>0</v>
      </c>
      <c r="D44" s="18">
        <v>3</v>
      </c>
    </row>
    <row r="45" spans="1:4" ht="18" customHeight="1" x14ac:dyDescent="0.15">
      <c r="A45" s="5">
        <v>33</v>
      </c>
      <c r="B45" s="22">
        <v>1</v>
      </c>
      <c r="C45" s="14">
        <v>1</v>
      </c>
      <c r="D45" s="18">
        <v>2</v>
      </c>
    </row>
    <row r="46" spans="1:4" ht="18" customHeight="1" x14ac:dyDescent="0.15">
      <c r="A46" s="5">
        <v>34</v>
      </c>
      <c r="B46" s="22">
        <v>2</v>
      </c>
      <c r="C46" s="14">
        <v>1</v>
      </c>
      <c r="D46" s="18">
        <v>3</v>
      </c>
    </row>
    <row r="47" spans="1:4" ht="18" customHeight="1" x14ac:dyDescent="0.15">
      <c r="A47" s="5" t="s">
        <v>15</v>
      </c>
      <c r="B47" s="22">
        <v>6</v>
      </c>
      <c r="C47" s="14">
        <v>6</v>
      </c>
      <c r="D47" s="18">
        <v>12</v>
      </c>
    </row>
    <row r="48" spans="1:4" ht="18" customHeight="1" x14ac:dyDescent="0.15">
      <c r="A48" s="5">
        <v>35</v>
      </c>
      <c r="B48" s="22">
        <v>1</v>
      </c>
      <c r="C48" s="14">
        <v>0</v>
      </c>
      <c r="D48" s="18">
        <v>1</v>
      </c>
    </row>
    <row r="49" spans="1:4" ht="18" customHeight="1" x14ac:dyDescent="0.15">
      <c r="A49" s="5">
        <v>36</v>
      </c>
      <c r="B49" s="22">
        <v>1</v>
      </c>
      <c r="C49" s="14">
        <v>1</v>
      </c>
      <c r="D49" s="18">
        <v>2</v>
      </c>
    </row>
    <row r="50" spans="1:4" ht="18" customHeight="1" x14ac:dyDescent="0.15">
      <c r="A50" s="5">
        <v>37</v>
      </c>
      <c r="B50" s="22">
        <v>2</v>
      </c>
      <c r="C50" s="14">
        <v>0</v>
      </c>
      <c r="D50" s="18">
        <v>2</v>
      </c>
    </row>
    <row r="51" spans="1:4" ht="18" customHeight="1" x14ac:dyDescent="0.15">
      <c r="A51" s="5">
        <v>38</v>
      </c>
      <c r="B51" s="22">
        <v>1</v>
      </c>
      <c r="C51" s="14">
        <v>2</v>
      </c>
      <c r="D51" s="18">
        <v>3</v>
      </c>
    </row>
    <row r="52" spans="1:4" ht="18" customHeight="1" x14ac:dyDescent="0.15">
      <c r="A52" s="5">
        <v>39</v>
      </c>
      <c r="B52" s="22">
        <v>3</v>
      </c>
      <c r="C52" s="14">
        <v>2</v>
      </c>
      <c r="D52" s="18">
        <v>5</v>
      </c>
    </row>
    <row r="53" spans="1:4" ht="18" customHeight="1" x14ac:dyDescent="0.15">
      <c r="A53" s="5" t="s">
        <v>18</v>
      </c>
      <c r="B53" s="22">
        <v>8</v>
      </c>
      <c r="C53" s="14">
        <v>5</v>
      </c>
      <c r="D53" s="18">
        <v>13</v>
      </c>
    </row>
    <row r="54" spans="1:4" ht="18" customHeight="1" x14ac:dyDescent="0.15">
      <c r="A54" s="5">
        <v>40</v>
      </c>
      <c r="B54" s="22">
        <v>2</v>
      </c>
      <c r="C54" s="14">
        <v>2</v>
      </c>
      <c r="D54" s="18">
        <v>4</v>
      </c>
    </row>
    <row r="55" spans="1:4" ht="18" customHeight="1" x14ac:dyDescent="0.15">
      <c r="A55" s="5">
        <v>41</v>
      </c>
      <c r="B55" s="22">
        <v>4</v>
      </c>
      <c r="C55" s="14">
        <v>0</v>
      </c>
      <c r="D55" s="18">
        <v>4</v>
      </c>
    </row>
    <row r="56" spans="1:4" ht="18" customHeight="1" x14ac:dyDescent="0.15">
      <c r="A56" s="5">
        <v>42</v>
      </c>
      <c r="B56" s="22">
        <v>2</v>
      </c>
      <c r="C56" s="14">
        <v>0</v>
      </c>
      <c r="D56" s="18">
        <v>2</v>
      </c>
    </row>
    <row r="57" spans="1:4" ht="18" customHeight="1" x14ac:dyDescent="0.15">
      <c r="A57" s="5">
        <v>43</v>
      </c>
      <c r="B57" s="22">
        <v>2</v>
      </c>
      <c r="C57" s="14">
        <v>1</v>
      </c>
      <c r="D57" s="18">
        <v>3</v>
      </c>
    </row>
    <row r="58" spans="1:4" ht="18" customHeight="1" x14ac:dyDescent="0.15">
      <c r="A58" s="5">
        <v>44</v>
      </c>
      <c r="B58" s="22">
        <v>2</v>
      </c>
      <c r="C58" s="14">
        <v>2</v>
      </c>
      <c r="D58" s="18">
        <v>4</v>
      </c>
    </row>
    <row r="59" spans="1:4" ht="18" customHeight="1" x14ac:dyDescent="0.15">
      <c r="A59" s="5" t="s">
        <v>21</v>
      </c>
      <c r="B59" s="22">
        <v>12</v>
      </c>
      <c r="C59" s="14">
        <v>5</v>
      </c>
      <c r="D59" s="18">
        <v>17</v>
      </c>
    </row>
    <row r="60" spans="1:4" ht="18" customHeight="1" x14ac:dyDescent="0.15">
      <c r="A60" s="5">
        <v>45</v>
      </c>
      <c r="B60" s="22">
        <v>4</v>
      </c>
      <c r="C60" s="14">
        <v>3</v>
      </c>
      <c r="D60" s="18">
        <v>7</v>
      </c>
    </row>
    <row r="61" spans="1:4" ht="18" customHeight="1" x14ac:dyDescent="0.15">
      <c r="A61" s="5">
        <v>46</v>
      </c>
      <c r="B61" s="22">
        <v>4</v>
      </c>
      <c r="C61" s="14">
        <v>1</v>
      </c>
      <c r="D61" s="18">
        <v>5</v>
      </c>
    </row>
    <row r="62" spans="1:4" ht="18" customHeight="1" x14ac:dyDescent="0.15">
      <c r="A62" s="5">
        <v>47</v>
      </c>
      <c r="B62" s="22">
        <v>2</v>
      </c>
      <c r="C62" s="14">
        <v>4</v>
      </c>
      <c r="D62" s="18">
        <v>6</v>
      </c>
    </row>
    <row r="63" spans="1:4" ht="18" customHeight="1" x14ac:dyDescent="0.15">
      <c r="A63" s="5">
        <v>48</v>
      </c>
      <c r="B63" s="22">
        <v>4</v>
      </c>
      <c r="C63" s="14">
        <v>3</v>
      </c>
      <c r="D63" s="18">
        <v>7</v>
      </c>
    </row>
    <row r="64" spans="1:4" ht="18" customHeight="1" x14ac:dyDescent="0.15">
      <c r="A64" s="5">
        <v>49</v>
      </c>
      <c r="B64" s="22">
        <v>4</v>
      </c>
      <c r="C64" s="14">
        <v>3</v>
      </c>
      <c r="D64" s="18">
        <v>7</v>
      </c>
    </row>
    <row r="65" spans="1:4" ht="18" customHeight="1" x14ac:dyDescent="0.15">
      <c r="A65" s="5" t="s">
        <v>17</v>
      </c>
      <c r="B65" s="22">
        <v>18</v>
      </c>
      <c r="C65" s="14">
        <v>14</v>
      </c>
      <c r="D65" s="18">
        <v>32</v>
      </c>
    </row>
    <row r="66" spans="1:4" ht="18" customHeight="1" x14ac:dyDescent="0.15">
      <c r="A66" s="5">
        <v>50</v>
      </c>
      <c r="B66" s="22">
        <v>6</v>
      </c>
      <c r="C66" s="14">
        <v>3</v>
      </c>
      <c r="D66" s="18">
        <v>9</v>
      </c>
    </row>
    <row r="67" spans="1:4" ht="18" customHeight="1" x14ac:dyDescent="0.15">
      <c r="A67" s="5">
        <v>51</v>
      </c>
      <c r="B67" s="22">
        <v>6</v>
      </c>
      <c r="C67" s="14">
        <v>5</v>
      </c>
      <c r="D67" s="18">
        <v>11</v>
      </c>
    </row>
    <row r="68" spans="1:4" ht="18" customHeight="1" x14ac:dyDescent="0.15">
      <c r="A68" s="5">
        <v>52</v>
      </c>
      <c r="B68" s="22">
        <v>4</v>
      </c>
      <c r="C68" s="14">
        <v>5</v>
      </c>
      <c r="D68" s="18">
        <v>9</v>
      </c>
    </row>
    <row r="69" spans="1:4" ht="18" customHeight="1" x14ac:dyDescent="0.15">
      <c r="A69" s="5">
        <v>53</v>
      </c>
      <c r="B69" s="22">
        <v>6</v>
      </c>
      <c r="C69" s="14">
        <v>0</v>
      </c>
      <c r="D69" s="18">
        <v>6</v>
      </c>
    </row>
    <row r="70" spans="1:4" ht="18" customHeight="1" x14ac:dyDescent="0.15">
      <c r="A70" s="5">
        <v>54</v>
      </c>
      <c r="B70" s="22">
        <v>3</v>
      </c>
      <c r="C70" s="14">
        <v>4</v>
      </c>
      <c r="D70" s="18">
        <v>7</v>
      </c>
    </row>
    <row r="71" spans="1:4" ht="18" customHeight="1" x14ac:dyDescent="0.15">
      <c r="A71" s="5" t="s">
        <v>22</v>
      </c>
      <c r="B71" s="22">
        <v>25</v>
      </c>
      <c r="C71" s="14">
        <v>17</v>
      </c>
      <c r="D71" s="18">
        <v>42</v>
      </c>
    </row>
    <row r="72" spans="1:4" ht="18" customHeight="1" x14ac:dyDescent="0.15">
      <c r="A72" s="5">
        <v>55</v>
      </c>
      <c r="B72" s="22">
        <v>2</v>
      </c>
      <c r="C72" s="14">
        <v>0</v>
      </c>
      <c r="D72" s="18">
        <v>2</v>
      </c>
    </row>
    <row r="73" spans="1:4" ht="18" customHeight="1" x14ac:dyDescent="0.15">
      <c r="A73" s="5">
        <v>56</v>
      </c>
      <c r="B73" s="22">
        <v>4</v>
      </c>
      <c r="C73" s="14">
        <v>3</v>
      </c>
      <c r="D73" s="18">
        <v>7</v>
      </c>
    </row>
    <row r="74" spans="1:4" ht="18" customHeight="1" x14ac:dyDescent="0.15">
      <c r="A74" s="5">
        <v>57</v>
      </c>
      <c r="B74" s="22">
        <v>4</v>
      </c>
      <c r="C74" s="14">
        <v>2</v>
      </c>
      <c r="D74" s="18">
        <v>6</v>
      </c>
    </row>
    <row r="75" spans="1:4" ht="18" customHeight="1" x14ac:dyDescent="0.15">
      <c r="A75" s="5">
        <v>58</v>
      </c>
      <c r="B75" s="22">
        <v>3</v>
      </c>
      <c r="C75" s="14">
        <v>5</v>
      </c>
      <c r="D75" s="18">
        <v>8</v>
      </c>
    </row>
    <row r="76" spans="1:4" ht="18" customHeight="1" x14ac:dyDescent="0.15">
      <c r="A76" s="5">
        <v>59</v>
      </c>
      <c r="B76" s="22">
        <v>0</v>
      </c>
      <c r="C76" s="14">
        <v>3</v>
      </c>
      <c r="D76" s="18">
        <v>3</v>
      </c>
    </row>
    <row r="77" spans="1:4" ht="18" customHeight="1" x14ac:dyDescent="0.15">
      <c r="A77" s="5" t="s">
        <v>27</v>
      </c>
      <c r="B77" s="22">
        <v>13</v>
      </c>
      <c r="C77" s="14">
        <v>13</v>
      </c>
      <c r="D77" s="18">
        <v>26</v>
      </c>
    </row>
    <row r="78" spans="1:4" ht="18" customHeight="1" x14ac:dyDescent="0.15">
      <c r="A78" s="5">
        <v>60</v>
      </c>
      <c r="B78" s="22">
        <v>4</v>
      </c>
      <c r="C78" s="14">
        <v>2</v>
      </c>
      <c r="D78" s="18">
        <v>6</v>
      </c>
    </row>
    <row r="79" spans="1:4" ht="18" customHeight="1" x14ac:dyDescent="0.15">
      <c r="A79" s="5">
        <v>61</v>
      </c>
      <c r="B79" s="22">
        <v>4</v>
      </c>
      <c r="C79" s="14">
        <v>6</v>
      </c>
      <c r="D79" s="18">
        <v>10</v>
      </c>
    </row>
    <row r="80" spans="1:4" ht="18" customHeight="1" x14ac:dyDescent="0.15">
      <c r="A80" s="5">
        <v>62</v>
      </c>
      <c r="B80" s="22">
        <v>4</v>
      </c>
      <c r="C80" s="14">
        <v>3</v>
      </c>
      <c r="D80" s="18">
        <v>7</v>
      </c>
    </row>
    <row r="81" spans="1:4" ht="18" customHeight="1" x14ac:dyDescent="0.15">
      <c r="A81" s="5">
        <v>63</v>
      </c>
      <c r="B81" s="22">
        <v>0</v>
      </c>
      <c r="C81" s="14">
        <v>4</v>
      </c>
      <c r="D81" s="18">
        <v>4</v>
      </c>
    </row>
    <row r="82" spans="1:4" ht="18" customHeight="1" x14ac:dyDescent="0.15">
      <c r="A82" s="5">
        <v>64</v>
      </c>
      <c r="B82" s="22">
        <v>6</v>
      </c>
      <c r="C82" s="14">
        <v>3</v>
      </c>
      <c r="D82" s="18">
        <v>9</v>
      </c>
    </row>
    <row r="83" spans="1:4" ht="18" customHeight="1" x14ac:dyDescent="0.15">
      <c r="A83" s="5" t="s">
        <v>28</v>
      </c>
      <c r="B83" s="22">
        <v>18</v>
      </c>
      <c r="C83" s="14">
        <v>18</v>
      </c>
      <c r="D83" s="18">
        <v>36</v>
      </c>
    </row>
    <row r="84" spans="1:4" ht="18" customHeight="1" x14ac:dyDescent="0.15">
      <c r="A84" s="5" t="s">
        <v>31</v>
      </c>
      <c r="B84" s="22">
        <v>122</v>
      </c>
      <c r="C84" s="14">
        <v>95</v>
      </c>
      <c r="D84" s="18">
        <v>217</v>
      </c>
    </row>
    <row r="85" spans="1:4" ht="18" customHeight="1" x14ac:dyDescent="0.15">
      <c r="A85" s="5">
        <v>65</v>
      </c>
      <c r="B85" s="22">
        <v>6</v>
      </c>
      <c r="C85" s="14">
        <v>7</v>
      </c>
      <c r="D85" s="18">
        <v>13</v>
      </c>
    </row>
    <row r="86" spans="1:4" ht="18" customHeight="1" x14ac:dyDescent="0.15">
      <c r="A86" s="5">
        <v>66</v>
      </c>
      <c r="B86" s="22">
        <v>3</v>
      </c>
      <c r="C86" s="14">
        <v>2</v>
      </c>
      <c r="D86" s="18">
        <v>5</v>
      </c>
    </row>
    <row r="87" spans="1:4" ht="18" customHeight="1" x14ac:dyDescent="0.15">
      <c r="A87" s="5">
        <v>67</v>
      </c>
      <c r="B87" s="22">
        <v>7</v>
      </c>
      <c r="C87" s="14">
        <v>7</v>
      </c>
      <c r="D87" s="18">
        <v>14</v>
      </c>
    </row>
    <row r="88" spans="1:4" ht="18" customHeight="1" x14ac:dyDescent="0.15">
      <c r="A88" s="5">
        <v>68</v>
      </c>
      <c r="B88" s="22">
        <v>10</v>
      </c>
      <c r="C88" s="14">
        <v>2</v>
      </c>
      <c r="D88" s="18">
        <v>12</v>
      </c>
    </row>
    <row r="89" spans="1:4" ht="18" customHeight="1" x14ac:dyDescent="0.15">
      <c r="A89" s="5">
        <v>69</v>
      </c>
      <c r="B89" s="22">
        <v>5</v>
      </c>
      <c r="C89" s="14">
        <v>8</v>
      </c>
      <c r="D89" s="18">
        <v>13</v>
      </c>
    </row>
    <row r="90" spans="1:4" ht="18" customHeight="1" x14ac:dyDescent="0.15">
      <c r="A90" s="5" t="s">
        <v>20</v>
      </c>
      <c r="B90" s="22">
        <v>31</v>
      </c>
      <c r="C90" s="14">
        <v>26</v>
      </c>
      <c r="D90" s="18">
        <v>57</v>
      </c>
    </row>
    <row r="91" spans="1:4" ht="18" customHeight="1" x14ac:dyDescent="0.15">
      <c r="A91" s="5">
        <v>70</v>
      </c>
      <c r="B91" s="22">
        <v>3</v>
      </c>
      <c r="C91" s="14">
        <v>9</v>
      </c>
      <c r="D91" s="18">
        <v>12</v>
      </c>
    </row>
    <row r="92" spans="1:4" ht="18" customHeight="1" x14ac:dyDescent="0.15">
      <c r="A92" s="5">
        <v>71</v>
      </c>
      <c r="B92" s="22">
        <v>8</v>
      </c>
      <c r="C92" s="14">
        <v>10</v>
      </c>
      <c r="D92" s="18">
        <v>18</v>
      </c>
    </row>
    <row r="93" spans="1:4" ht="18" customHeight="1" x14ac:dyDescent="0.15">
      <c r="A93" s="5">
        <v>72</v>
      </c>
      <c r="B93" s="22">
        <v>11</v>
      </c>
      <c r="C93" s="14">
        <v>11</v>
      </c>
      <c r="D93" s="18">
        <v>22</v>
      </c>
    </row>
    <row r="94" spans="1:4" ht="18" customHeight="1" x14ac:dyDescent="0.15">
      <c r="A94" s="5">
        <v>73</v>
      </c>
      <c r="B94" s="22">
        <v>12</v>
      </c>
      <c r="C94" s="14">
        <v>6</v>
      </c>
      <c r="D94" s="18">
        <v>18</v>
      </c>
    </row>
    <row r="95" spans="1:4" ht="18" customHeight="1" x14ac:dyDescent="0.15">
      <c r="A95" s="5">
        <v>74</v>
      </c>
      <c r="B95" s="22">
        <v>8</v>
      </c>
      <c r="C95" s="14">
        <v>5</v>
      </c>
      <c r="D95" s="18">
        <v>13</v>
      </c>
    </row>
    <row r="96" spans="1:4" ht="18" customHeight="1" x14ac:dyDescent="0.15">
      <c r="A96" s="5" t="s">
        <v>33</v>
      </c>
      <c r="B96" s="22">
        <v>42</v>
      </c>
      <c r="C96" s="14">
        <v>41</v>
      </c>
      <c r="D96" s="18">
        <v>83</v>
      </c>
    </row>
    <row r="97" spans="1:4" ht="18" customHeight="1" x14ac:dyDescent="0.15">
      <c r="A97" s="5">
        <v>75</v>
      </c>
      <c r="B97" s="22">
        <v>11</v>
      </c>
      <c r="C97" s="14">
        <v>5</v>
      </c>
      <c r="D97" s="18">
        <v>16</v>
      </c>
    </row>
    <row r="98" spans="1:4" ht="18" customHeight="1" x14ac:dyDescent="0.15">
      <c r="A98" s="5">
        <v>76</v>
      </c>
      <c r="B98" s="22">
        <v>10</v>
      </c>
      <c r="C98" s="14">
        <v>7</v>
      </c>
      <c r="D98" s="18">
        <v>17</v>
      </c>
    </row>
    <row r="99" spans="1:4" ht="18" customHeight="1" x14ac:dyDescent="0.15">
      <c r="A99" s="5">
        <v>77</v>
      </c>
      <c r="B99" s="22">
        <v>3</v>
      </c>
      <c r="C99" s="14">
        <v>11</v>
      </c>
      <c r="D99" s="18">
        <v>14</v>
      </c>
    </row>
    <row r="100" spans="1:4" ht="18" customHeight="1" x14ac:dyDescent="0.15">
      <c r="A100" s="5">
        <v>78</v>
      </c>
      <c r="B100" s="22">
        <v>6</v>
      </c>
      <c r="C100" s="14">
        <v>6</v>
      </c>
      <c r="D100" s="18">
        <v>12</v>
      </c>
    </row>
    <row r="101" spans="1:4" ht="18" customHeight="1" x14ac:dyDescent="0.15">
      <c r="A101" s="5">
        <v>79</v>
      </c>
      <c r="B101" s="22">
        <v>7</v>
      </c>
      <c r="C101" s="14">
        <v>7</v>
      </c>
      <c r="D101" s="18">
        <v>14</v>
      </c>
    </row>
    <row r="102" spans="1:4" ht="18" customHeight="1" x14ac:dyDescent="0.15">
      <c r="A102" s="5" t="s">
        <v>0</v>
      </c>
      <c r="B102" s="22">
        <v>37</v>
      </c>
      <c r="C102" s="14">
        <v>36</v>
      </c>
      <c r="D102" s="18">
        <v>73</v>
      </c>
    </row>
    <row r="103" spans="1:4" ht="18" customHeight="1" x14ac:dyDescent="0.15">
      <c r="A103" s="5">
        <v>80</v>
      </c>
      <c r="B103" s="22">
        <v>1</v>
      </c>
      <c r="C103" s="14">
        <v>4</v>
      </c>
      <c r="D103" s="18">
        <v>5</v>
      </c>
    </row>
    <row r="104" spans="1:4" ht="18" customHeight="1" x14ac:dyDescent="0.15">
      <c r="A104" s="5">
        <v>81</v>
      </c>
      <c r="B104" s="22">
        <v>5</v>
      </c>
      <c r="C104" s="14">
        <v>4</v>
      </c>
      <c r="D104" s="18">
        <v>9</v>
      </c>
    </row>
    <row r="105" spans="1:4" ht="18" customHeight="1" x14ac:dyDescent="0.15">
      <c r="A105" s="5">
        <v>82</v>
      </c>
      <c r="B105" s="22">
        <v>5</v>
      </c>
      <c r="C105" s="14">
        <v>4</v>
      </c>
      <c r="D105" s="18">
        <v>9</v>
      </c>
    </row>
    <row r="106" spans="1:4" ht="18" customHeight="1" x14ac:dyDescent="0.15">
      <c r="A106" s="5">
        <v>83</v>
      </c>
      <c r="B106" s="22">
        <v>3</v>
      </c>
      <c r="C106" s="14">
        <v>2</v>
      </c>
      <c r="D106" s="18">
        <v>5</v>
      </c>
    </row>
    <row r="107" spans="1:4" ht="18" customHeight="1" x14ac:dyDescent="0.15">
      <c r="A107" s="5">
        <v>84</v>
      </c>
      <c r="B107" s="22">
        <v>4</v>
      </c>
      <c r="C107" s="14">
        <v>8</v>
      </c>
      <c r="D107" s="18">
        <v>12</v>
      </c>
    </row>
    <row r="108" spans="1:4" ht="18" customHeight="1" x14ac:dyDescent="0.15">
      <c r="A108" s="5" t="s">
        <v>35</v>
      </c>
      <c r="B108" s="22">
        <v>18</v>
      </c>
      <c r="C108" s="14">
        <v>22</v>
      </c>
      <c r="D108" s="18">
        <v>40</v>
      </c>
    </row>
    <row r="109" spans="1:4" ht="18" customHeight="1" x14ac:dyDescent="0.15">
      <c r="A109" s="5">
        <v>85</v>
      </c>
      <c r="B109" s="22">
        <v>4</v>
      </c>
      <c r="C109" s="14">
        <v>5</v>
      </c>
      <c r="D109" s="18">
        <v>9</v>
      </c>
    </row>
    <row r="110" spans="1:4" ht="18" customHeight="1" x14ac:dyDescent="0.15">
      <c r="A110" s="5">
        <v>86</v>
      </c>
      <c r="B110" s="22">
        <v>3</v>
      </c>
      <c r="C110" s="14">
        <v>2</v>
      </c>
      <c r="D110" s="18">
        <v>5</v>
      </c>
    </row>
    <row r="111" spans="1:4" ht="18" customHeight="1" x14ac:dyDescent="0.15">
      <c r="A111" s="5">
        <v>87</v>
      </c>
      <c r="B111" s="22">
        <v>2</v>
      </c>
      <c r="C111" s="14">
        <v>5</v>
      </c>
      <c r="D111" s="18">
        <v>7</v>
      </c>
    </row>
    <row r="112" spans="1:4" ht="18" customHeight="1" x14ac:dyDescent="0.15">
      <c r="A112" s="5">
        <v>88</v>
      </c>
      <c r="B112" s="22">
        <v>1</v>
      </c>
      <c r="C112" s="14">
        <v>3</v>
      </c>
      <c r="D112" s="18">
        <v>4</v>
      </c>
    </row>
    <row r="113" spans="1:4" ht="18" customHeight="1" x14ac:dyDescent="0.15">
      <c r="A113" s="5">
        <v>89</v>
      </c>
      <c r="B113" s="22">
        <v>1</v>
      </c>
      <c r="C113" s="14">
        <v>2</v>
      </c>
      <c r="D113" s="18">
        <v>3</v>
      </c>
    </row>
    <row r="114" spans="1:4" ht="18" customHeight="1" x14ac:dyDescent="0.15">
      <c r="A114" s="5" t="s">
        <v>37</v>
      </c>
      <c r="B114" s="22">
        <v>11</v>
      </c>
      <c r="C114" s="14">
        <v>17</v>
      </c>
      <c r="D114" s="18">
        <v>28</v>
      </c>
    </row>
    <row r="115" spans="1:4" ht="18" customHeight="1" x14ac:dyDescent="0.15">
      <c r="A115" s="5">
        <v>90</v>
      </c>
      <c r="B115" s="22">
        <v>0</v>
      </c>
      <c r="C115" s="14">
        <v>5</v>
      </c>
      <c r="D115" s="18">
        <v>5</v>
      </c>
    </row>
    <row r="116" spans="1:4" ht="18" customHeight="1" x14ac:dyDescent="0.15">
      <c r="A116" s="5">
        <v>91</v>
      </c>
      <c r="B116" s="22">
        <v>1</v>
      </c>
      <c r="C116" s="14">
        <v>4</v>
      </c>
      <c r="D116" s="18">
        <v>5</v>
      </c>
    </row>
    <row r="117" spans="1:4" ht="18" customHeight="1" x14ac:dyDescent="0.15">
      <c r="A117" s="5">
        <v>92</v>
      </c>
      <c r="B117" s="22">
        <v>1</v>
      </c>
      <c r="C117" s="14">
        <v>1</v>
      </c>
      <c r="D117" s="18">
        <v>2</v>
      </c>
    </row>
    <row r="118" spans="1:4" ht="18" customHeight="1" x14ac:dyDescent="0.15">
      <c r="A118" s="5">
        <v>93</v>
      </c>
      <c r="B118" s="22">
        <v>0</v>
      </c>
      <c r="C118" s="14">
        <v>2</v>
      </c>
      <c r="D118" s="18">
        <v>2</v>
      </c>
    </row>
    <row r="119" spans="1:4" ht="18" customHeight="1" x14ac:dyDescent="0.15">
      <c r="A119" s="5">
        <v>94</v>
      </c>
      <c r="B119" s="22">
        <v>0</v>
      </c>
      <c r="C119" s="14">
        <v>4</v>
      </c>
      <c r="D119" s="18">
        <v>4</v>
      </c>
    </row>
    <row r="120" spans="1:4" ht="18" customHeight="1" x14ac:dyDescent="0.15">
      <c r="A120" s="5" t="s">
        <v>39</v>
      </c>
      <c r="B120" s="22">
        <v>2</v>
      </c>
      <c r="C120" s="14">
        <v>16</v>
      </c>
      <c r="D120" s="18">
        <v>18</v>
      </c>
    </row>
    <row r="121" spans="1:4" ht="18" customHeight="1" x14ac:dyDescent="0.15">
      <c r="A121" s="5">
        <v>95</v>
      </c>
      <c r="B121" s="22">
        <v>0</v>
      </c>
      <c r="C121" s="14">
        <v>3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0</v>
      </c>
      <c r="C123" s="14">
        <v>5</v>
      </c>
      <c r="D123" s="18">
        <v>5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11</v>
      </c>
      <c r="D126" s="18">
        <v>11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141</v>
      </c>
      <c r="C130" s="14">
        <v>172</v>
      </c>
      <c r="D130" s="18">
        <v>313</v>
      </c>
    </row>
    <row r="131" spans="1:4" ht="18" customHeight="1" x14ac:dyDescent="0.15">
      <c r="A131" s="7" t="s">
        <v>45</v>
      </c>
      <c r="B131" s="23">
        <v>270</v>
      </c>
      <c r="C131" s="15">
        <v>272</v>
      </c>
      <c r="D131" s="19">
        <v>54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500-000000000000}">
  <sheetPr codeName="Sheet8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0</v>
      </c>
      <c r="C10" s="14">
        <v>0</v>
      </c>
      <c r="D10" s="18">
        <v>0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0</v>
      </c>
      <c r="C13" s="14">
        <v>0</v>
      </c>
      <c r="D13" s="18">
        <v>0</v>
      </c>
    </row>
    <row r="14" spans="1:4" ht="18" customHeight="1" x14ac:dyDescent="0.15">
      <c r="A14" s="5">
        <v>8</v>
      </c>
      <c r="B14" s="27">
        <v>0</v>
      </c>
      <c r="C14" s="14">
        <v>0</v>
      </c>
      <c r="D14" s="18">
        <v>0</v>
      </c>
    </row>
    <row r="15" spans="1:4" ht="18" customHeight="1" x14ac:dyDescent="0.15">
      <c r="A15" s="5">
        <v>9</v>
      </c>
      <c r="B15" s="27">
        <v>0</v>
      </c>
      <c r="C15" s="14">
        <v>0</v>
      </c>
      <c r="D15" s="18">
        <v>0</v>
      </c>
    </row>
    <row r="16" spans="1:4" ht="18" customHeight="1" x14ac:dyDescent="0.15">
      <c r="A16" s="5" t="s">
        <v>11</v>
      </c>
      <c r="B16" s="22">
        <v>0</v>
      </c>
      <c r="C16" s="14">
        <v>0</v>
      </c>
      <c r="D16" s="18">
        <v>0</v>
      </c>
    </row>
    <row r="17" spans="1:4" ht="18" customHeight="1" x14ac:dyDescent="0.15">
      <c r="A17" s="5">
        <v>10</v>
      </c>
      <c r="B17" s="22">
        <v>0</v>
      </c>
      <c r="C17" s="14">
        <v>1</v>
      </c>
      <c r="D17" s="18">
        <v>1</v>
      </c>
    </row>
    <row r="18" spans="1:4" ht="18" customHeight="1" x14ac:dyDescent="0.15">
      <c r="A18" s="5">
        <v>11</v>
      </c>
      <c r="B18" s="22">
        <v>0</v>
      </c>
      <c r="C18" s="14">
        <v>0</v>
      </c>
      <c r="D18" s="18">
        <v>0</v>
      </c>
    </row>
    <row r="19" spans="1:4" ht="18" customHeight="1" x14ac:dyDescent="0.15">
      <c r="A19" s="5">
        <v>12</v>
      </c>
      <c r="B19" s="22">
        <v>0</v>
      </c>
      <c r="C19" s="14">
        <v>1</v>
      </c>
      <c r="D19" s="18">
        <v>1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0</v>
      </c>
      <c r="C21" s="14">
        <v>1</v>
      </c>
      <c r="D21" s="18">
        <v>1</v>
      </c>
    </row>
    <row r="22" spans="1:4" ht="18" customHeight="1" x14ac:dyDescent="0.15">
      <c r="A22" s="5" t="s">
        <v>12</v>
      </c>
      <c r="B22" s="22">
        <v>0</v>
      </c>
      <c r="C22" s="14">
        <v>3</v>
      </c>
      <c r="D22" s="18">
        <v>3</v>
      </c>
    </row>
    <row r="23" spans="1:4" ht="18" customHeight="1" x14ac:dyDescent="0.15">
      <c r="A23" s="5" t="s">
        <v>6</v>
      </c>
      <c r="B23" s="22">
        <v>0</v>
      </c>
      <c r="C23" s="14">
        <v>3</v>
      </c>
      <c r="D23" s="18">
        <v>3</v>
      </c>
    </row>
    <row r="24" spans="1:4" ht="18" customHeight="1" x14ac:dyDescent="0.15">
      <c r="A24" s="5">
        <v>15</v>
      </c>
      <c r="B24" s="22">
        <v>0</v>
      </c>
      <c r="C24" s="14">
        <v>0</v>
      </c>
      <c r="D24" s="18">
        <v>0</v>
      </c>
    </row>
    <row r="25" spans="1:4" ht="18" customHeight="1" x14ac:dyDescent="0.15">
      <c r="A25" s="5">
        <v>16</v>
      </c>
      <c r="B25" s="22">
        <v>0</v>
      </c>
      <c r="C25" s="14">
        <v>0</v>
      </c>
      <c r="D25" s="18">
        <v>0</v>
      </c>
    </row>
    <row r="26" spans="1:4" ht="18" customHeight="1" x14ac:dyDescent="0.15">
      <c r="A26" s="5">
        <v>17</v>
      </c>
      <c r="B26" s="22">
        <v>0</v>
      </c>
      <c r="C26" s="14">
        <v>0</v>
      </c>
      <c r="D26" s="18">
        <v>0</v>
      </c>
    </row>
    <row r="27" spans="1:4" ht="18" customHeight="1" x14ac:dyDescent="0.15">
      <c r="A27" s="5">
        <v>18</v>
      </c>
      <c r="B27" s="22">
        <v>0</v>
      </c>
      <c r="C27" s="14">
        <v>0</v>
      </c>
      <c r="D27" s="18">
        <v>0</v>
      </c>
    </row>
    <row r="28" spans="1:4" ht="18" customHeight="1" x14ac:dyDescent="0.15">
      <c r="A28" s="5">
        <v>19</v>
      </c>
      <c r="B28" s="22">
        <v>0</v>
      </c>
      <c r="C28" s="14">
        <v>0</v>
      </c>
      <c r="D28" s="18">
        <v>0</v>
      </c>
    </row>
    <row r="29" spans="1:4" ht="18" customHeight="1" x14ac:dyDescent="0.15">
      <c r="A29" s="5" t="s">
        <v>14</v>
      </c>
      <c r="B29" s="22">
        <v>0</v>
      </c>
      <c r="C29" s="14">
        <v>0</v>
      </c>
      <c r="D29" s="18">
        <v>0</v>
      </c>
    </row>
    <row r="30" spans="1:4" ht="18" customHeight="1" x14ac:dyDescent="0.15">
      <c r="A30" s="5">
        <v>20</v>
      </c>
      <c r="B30" s="22">
        <v>1</v>
      </c>
      <c r="C30" s="14">
        <v>0</v>
      </c>
      <c r="D30" s="18">
        <v>1</v>
      </c>
    </row>
    <row r="31" spans="1:4" ht="18" customHeight="1" x14ac:dyDescent="0.15">
      <c r="A31" s="5">
        <v>21</v>
      </c>
      <c r="B31" s="22">
        <v>0</v>
      </c>
      <c r="C31" s="14">
        <v>0</v>
      </c>
      <c r="D31" s="18">
        <v>0</v>
      </c>
    </row>
    <row r="32" spans="1:4" ht="18" customHeight="1" x14ac:dyDescent="0.15">
      <c r="A32" s="5">
        <v>22</v>
      </c>
      <c r="B32" s="22">
        <v>0</v>
      </c>
      <c r="C32" s="14">
        <v>0</v>
      </c>
      <c r="D32" s="18">
        <v>0</v>
      </c>
    </row>
    <row r="33" spans="1:4" ht="18" customHeight="1" x14ac:dyDescent="0.15">
      <c r="A33" s="5">
        <v>23</v>
      </c>
      <c r="B33" s="22">
        <v>0</v>
      </c>
      <c r="C33" s="14">
        <v>0</v>
      </c>
      <c r="D33" s="18">
        <v>0</v>
      </c>
    </row>
    <row r="34" spans="1:4" ht="18" customHeight="1" x14ac:dyDescent="0.15">
      <c r="A34" s="5">
        <v>24</v>
      </c>
      <c r="B34" s="22">
        <v>0</v>
      </c>
      <c r="C34" s="14">
        <v>1</v>
      </c>
      <c r="D34" s="18">
        <v>1</v>
      </c>
    </row>
    <row r="35" spans="1:4" ht="18" customHeight="1" x14ac:dyDescent="0.15">
      <c r="A35" s="5" t="s">
        <v>9</v>
      </c>
      <c r="B35" s="22">
        <v>1</v>
      </c>
      <c r="C35" s="14">
        <v>1</v>
      </c>
      <c r="D35" s="18">
        <v>2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0</v>
      </c>
      <c r="C37" s="14">
        <v>0</v>
      </c>
      <c r="D37" s="18">
        <v>0</v>
      </c>
    </row>
    <row r="38" spans="1:4" ht="18" customHeight="1" x14ac:dyDescent="0.15">
      <c r="A38" s="5">
        <v>27</v>
      </c>
      <c r="B38" s="22">
        <v>0</v>
      </c>
      <c r="C38" s="14">
        <v>0</v>
      </c>
      <c r="D38" s="18">
        <v>0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0</v>
      </c>
      <c r="C40" s="14">
        <v>0</v>
      </c>
      <c r="D40" s="18">
        <v>0</v>
      </c>
    </row>
    <row r="41" spans="1:4" ht="18" customHeight="1" x14ac:dyDescent="0.15">
      <c r="A41" s="5" t="s">
        <v>2</v>
      </c>
      <c r="B41" s="22">
        <v>0</v>
      </c>
      <c r="C41" s="14">
        <v>0</v>
      </c>
      <c r="D41" s="18">
        <v>0</v>
      </c>
    </row>
    <row r="42" spans="1:4" ht="18" customHeight="1" x14ac:dyDescent="0.15">
      <c r="A42" s="5">
        <v>30</v>
      </c>
      <c r="B42" s="22">
        <v>0</v>
      </c>
      <c r="C42" s="14">
        <v>0</v>
      </c>
      <c r="D42" s="18">
        <v>0</v>
      </c>
    </row>
    <row r="43" spans="1:4" ht="18" customHeight="1" x14ac:dyDescent="0.15">
      <c r="A43" s="5">
        <v>31</v>
      </c>
      <c r="B43" s="22">
        <v>0</v>
      </c>
      <c r="C43" s="14">
        <v>0</v>
      </c>
      <c r="D43" s="18">
        <v>0</v>
      </c>
    </row>
    <row r="44" spans="1:4" ht="18" customHeight="1" x14ac:dyDescent="0.15">
      <c r="A44" s="5">
        <v>32</v>
      </c>
      <c r="B44" s="22">
        <v>1</v>
      </c>
      <c r="C44" s="14">
        <v>0</v>
      </c>
      <c r="D44" s="18">
        <v>1</v>
      </c>
    </row>
    <row r="45" spans="1:4" ht="18" customHeight="1" x14ac:dyDescent="0.15">
      <c r="A45" s="5">
        <v>33</v>
      </c>
      <c r="B45" s="22">
        <v>1</v>
      </c>
      <c r="C45" s="14">
        <v>0</v>
      </c>
      <c r="D45" s="18">
        <v>1</v>
      </c>
    </row>
    <row r="46" spans="1:4" ht="18" customHeight="1" x14ac:dyDescent="0.15">
      <c r="A46" s="5">
        <v>34</v>
      </c>
      <c r="B46" s="22">
        <v>0</v>
      </c>
      <c r="C46" s="14">
        <v>1</v>
      </c>
      <c r="D46" s="18">
        <v>1</v>
      </c>
    </row>
    <row r="47" spans="1:4" ht="18" customHeight="1" x14ac:dyDescent="0.15">
      <c r="A47" s="5" t="s">
        <v>15</v>
      </c>
      <c r="B47" s="22">
        <v>2</v>
      </c>
      <c r="C47" s="14">
        <v>1</v>
      </c>
      <c r="D47" s="18">
        <v>3</v>
      </c>
    </row>
    <row r="48" spans="1:4" ht="18" customHeight="1" x14ac:dyDescent="0.15">
      <c r="A48" s="5">
        <v>35</v>
      </c>
      <c r="B48" s="22">
        <v>0</v>
      </c>
      <c r="C48" s="14">
        <v>0</v>
      </c>
      <c r="D48" s="18">
        <v>0</v>
      </c>
    </row>
    <row r="49" spans="1:4" ht="18" customHeight="1" x14ac:dyDescent="0.15">
      <c r="A49" s="5">
        <v>36</v>
      </c>
      <c r="B49" s="22">
        <v>0</v>
      </c>
      <c r="C49" s="14">
        <v>1</v>
      </c>
      <c r="D49" s="18">
        <v>1</v>
      </c>
    </row>
    <row r="50" spans="1:4" ht="18" customHeight="1" x14ac:dyDescent="0.15">
      <c r="A50" s="5">
        <v>37</v>
      </c>
      <c r="B50" s="22">
        <v>0</v>
      </c>
      <c r="C50" s="14">
        <v>0</v>
      </c>
      <c r="D50" s="18">
        <v>0</v>
      </c>
    </row>
    <row r="51" spans="1:4" ht="18" customHeight="1" x14ac:dyDescent="0.15">
      <c r="A51" s="5">
        <v>38</v>
      </c>
      <c r="B51" s="22">
        <v>1</v>
      </c>
      <c r="C51" s="14">
        <v>0</v>
      </c>
      <c r="D51" s="18">
        <v>1</v>
      </c>
    </row>
    <row r="52" spans="1:4" ht="18" customHeight="1" x14ac:dyDescent="0.15">
      <c r="A52" s="5">
        <v>39</v>
      </c>
      <c r="B52" s="22">
        <v>1</v>
      </c>
      <c r="C52" s="14">
        <v>1</v>
      </c>
      <c r="D52" s="18">
        <v>2</v>
      </c>
    </row>
    <row r="53" spans="1:4" ht="18" customHeight="1" x14ac:dyDescent="0.15">
      <c r="A53" s="5" t="s">
        <v>18</v>
      </c>
      <c r="B53" s="22">
        <v>2</v>
      </c>
      <c r="C53" s="14">
        <v>2</v>
      </c>
      <c r="D53" s="18">
        <v>4</v>
      </c>
    </row>
    <row r="54" spans="1:4" ht="18" customHeight="1" x14ac:dyDescent="0.15">
      <c r="A54" s="5">
        <v>40</v>
      </c>
      <c r="B54" s="22">
        <v>2</v>
      </c>
      <c r="C54" s="14">
        <v>0</v>
      </c>
      <c r="D54" s="18">
        <v>2</v>
      </c>
    </row>
    <row r="55" spans="1:4" ht="18" customHeight="1" x14ac:dyDescent="0.15">
      <c r="A55" s="5">
        <v>41</v>
      </c>
      <c r="B55" s="22">
        <v>0</v>
      </c>
      <c r="C55" s="14">
        <v>0</v>
      </c>
      <c r="D55" s="18">
        <v>0</v>
      </c>
    </row>
    <row r="56" spans="1:4" ht="18" customHeight="1" x14ac:dyDescent="0.15">
      <c r="A56" s="5">
        <v>42</v>
      </c>
      <c r="B56" s="22">
        <v>0</v>
      </c>
      <c r="C56" s="14">
        <v>1</v>
      </c>
      <c r="D56" s="18">
        <v>1</v>
      </c>
    </row>
    <row r="57" spans="1:4" ht="18" customHeight="1" x14ac:dyDescent="0.15">
      <c r="A57" s="5">
        <v>43</v>
      </c>
      <c r="B57" s="22">
        <v>0</v>
      </c>
      <c r="C57" s="14">
        <v>0</v>
      </c>
      <c r="D57" s="18">
        <v>0</v>
      </c>
    </row>
    <row r="58" spans="1:4" ht="18" customHeight="1" x14ac:dyDescent="0.15">
      <c r="A58" s="5">
        <v>44</v>
      </c>
      <c r="B58" s="22">
        <v>1</v>
      </c>
      <c r="C58" s="14">
        <v>1</v>
      </c>
      <c r="D58" s="18">
        <v>2</v>
      </c>
    </row>
    <row r="59" spans="1:4" ht="18" customHeight="1" x14ac:dyDescent="0.15">
      <c r="A59" s="5" t="s">
        <v>21</v>
      </c>
      <c r="B59" s="22">
        <v>3</v>
      </c>
      <c r="C59" s="14">
        <v>2</v>
      </c>
      <c r="D59" s="18">
        <v>5</v>
      </c>
    </row>
    <row r="60" spans="1:4" ht="18" customHeight="1" x14ac:dyDescent="0.15">
      <c r="A60" s="5">
        <v>45</v>
      </c>
      <c r="B60" s="22">
        <v>1</v>
      </c>
      <c r="C60" s="14">
        <v>0</v>
      </c>
      <c r="D60" s="18">
        <v>1</v>
      </c>
    </row>
    <row r="61" spans="1:4" ht="18" customHeight="1" x14ac:dyDescent="0.15">
      <c r="A61" s="5">
        <v>46</v>
      </c>
      <c r="B61" s="22">
        <v>1</v>
      </c>
      <c r="C61" s="14">
        <v>0</v>
      </c>
      <c r="D61" s="18">
        <v>1</v>
      </c>
    </row>
    <row r="62" spans="1:4" ht="18" customHeight="1" x14ac:dyDescent="0.15">
      <c r="A62" s="5">
        <v>47</v>
      </c>
      <c r="B62" s="22">
        <v>1</v>
      </c>
      <c r="C62" s="14">
        <v>0</v>
      </c>
      <c r="D62" s="18">
        <v>1</v>
      </c>
    </row>
    <row r="63" spans="1:4" ht="18" customHeight="1" x14ac:dyDescent="0.15">
      <c r="A63" s="5">
        <v>48</v>
      </c>
      <c r="B63" s="22">
        <v>0</v>
      </c>
      <c r="C63" s="14">
        <v>0</v>
      </c>
      <c r="D63" s="18">
        <v>0</v>
      </c>
    </row>
    <row r="64" spans="1:4" ht="18" customHeight="1" x14ac:dyDescent="0.15">
      <c r="A64" s="5">
        <v>49</v>
      </c>
      <c r="B64" s="22">
        <v>0</v>
      </c>
      <c r="C64" s="14">
        <v>0</v>
      </c>
      <c r="D64" s="18">
        <v>0</v>
      </c>
    </row>
    <row r="65" spans="1:4" ht="18" customHeight="1" x14ac:dyDescent="0.15">
      <c r="A65" s="5" t="s">
        <v>17</v>
      </c>
      <c r="B65" s="22">
        <v>3</v>
      </c>
      <c r="C65" s="14">
        <v>0</v>
      </c>
      <c r="D65" s="18">
        <v>3</v>
      </c>
    </row>
    <row r="66" spans="1:4" ht="18" customHeight="1" x14ac:dyDescent="0.15">
      <c r="A66" s="5">
        <v>50</v>
      </c>
      <c r="B66" s="22">
        <v>0</v>
      </c>
      <c r="C66" s="14">
        <v>1</v>
      </c>
      <c r="D66" s="18">
        <v>1</v>
      </c>
    </row>
    <row r="67" spans="1:4" ht="18" customHeight="1" x14ac:dyDescent="0.15">
      <c r="A67" s="5">
        <v>51</v>
      </c>
      <c r="B67" s="22">
        <v>0</v>
      </c>
      <c r="C67" s="14">
        <v>0</v>
      </c>
      <c r="D67" s="18">
        <v>0</v>
      </c>
    </row>
    <row r="68" spans="1:4" ht="18" customHeight="1" x14ac:dyDescent="0.15">
      <c r="A68" s="5">
        <v>52</v>
      </c>
      <c r="B68" s="22">
        <v>0</v>
      </c>
      <c r="C68" s="14">
        <v>0</v>
      </c>
      <c r="D68" s="18">
        <v>0</v>
      </c>
    </row>
    <row r="69" spans="1:4" ht="18" customHeight="1" x14ac:dyDescent="0.15">
      <c r="A69" s="5">
        <v>53</v>
      </c>
      <c r="B69" s="22">
        <v>0</v>
      </c>
      <c r="C69" s="14">
        <v>0</v>
      </c>
      <c r="D69" s="18">
        <v>0</v>
      </c>
    </row>
    <row r="70" spans="1:4" ht="18" customHeight="1" x14ac:dyDescent="0.15">
      <c r="A70" s="5">
        <v>54</v>
      </c>
      <c r="B70" s="22">
        <v>0</v>
      </c>
      <c r="C70" s="14">
        <v>0</v>
      </c>
      <c r="D70" s="18">
        <v>0</v>
      </c>
    </row>
    <row r="71" spans="1:4" ht="18" customHeight="1" x14ac:dyDescent="0.15">
      <c r="A71" s="5" t="s">
        <v>22</v>
      </c>
      <c r="B71" s="22">
        <v>0</v>
      </c>
      <c r="C71" s="14">
        <v>1</v>
      </c>
      <c r="D71" s="18">
        <v>1</v>
      </c>
    </row>
    <row r="72" spans="1:4" ht="18" customHeight="1" x14ac:dyDescent="0.15">
      <c r="A72" s="5">
        <v>55</v>
      </c>
      <c r="B72" s="22">
        <v>0</v>
      </c>
      <c r="C72" s="14">
        <v>1</v>
      </c>
      <c r="D72" s="18">
        <v>1</v>
      </c>
    </row>
    <row r="73" spans="1:4" ht="18" customHeight="1" x14ac:dyDescent="0.15">
      <c r="A73" s="5">
        <v>56</v>
      </c>
      <c r="B73" s="22">
        <v>0</v>
      </c>
      <c r="C73" s="14">
        <v>0</v>
      </c>
      <c r="D73" s="18">
        <v>0</v>
      </c>
    </row>
    <row r="74" spans="1:4" ht="18" customHeight="1" x14ac:dyDescent="0.15">
      <c r="A74" s="5">
        <v>57</v>
      </c>
      <c r="B74" s="22">
        <v>0</v>
      </c>
      <c r="C74" s="14">
        <v>1</v>
      </c>
      <c r="D74" s="18">
        <v>1</v>
      </c>
    </row>
    <row r="75" spans="1:4" ht="18" customHeight="1" x14ac:dyDescent="0.15">
      <c r="A75" s="5">
        <v>58</v>
      </c>
      <c r="B75" s="22">
        <v>1</v>
      </c>
      <c r="C75" s="14">
        <v>0</v>
      </c>
      <c r="D75" s="18">
        <v>1</v>
      </c>
    </row>
    <row r="76" spans="1:4" ht="18" customHeight="1" x14ac:dyDescent="0.15">
      <c r="A76" s="5">
        <v>59</v>
      </c>
      <c r="B76" s="22">
        <v>0</v>
      </c>
      <c r="C76" s="14">
        <v>1</v>
      </c>
      <c r="D76" s="18">
        <v>1</v>
      </c>
    </row>
    <row r="77" spans="1:4" ht="18" customHeight="1" x14ac:dyDescent="0.15">
      <c r="A77" s="5" t="s">
        <v>27</v>
      </c>
      <c r="B77" s="22">
        <v>1</v>
      </c>
      <c r="C77" s="14">
        <v>3</v>
      </c>
      <c r="D77" s="18">
        <v>4</v>
      </c>
    </row>
    <row r="78" spans="1:4" ht="18" customHeight="1" x14ac:dyDescent="0.15">
      <c r="A78" s="5">
        <v>60</v>
      </c>
      <c r="B78" s="22">
        <v>1</v>
      </c>
      <c r="C78" s="14">
        <v>2</v>
      </c>
      <c r="D78" s="18">
        <v>3</v>
      </c>
    </row>
    <row r="79" spans="1:4" ht="18" customHeight="1" x14ac:dyDescent="0.15">
      <c r="A79" s="5">
        <v>61</v>
      </c>
      <c r="B79" s="22">
        <v>0</v>
      </c>
      <c r="C79" s="14">
        <v>1</v>
      </c>
      <c r="D79" s="18">
        <v>1</v>
      </c>
    </row>
    <row r="80" spans="1:4" ht="18" customHeight="1" x14ac:dyDescent="0.15">
      <c r="A80" s="5">
        <v>62</v>
      </c>
      <c r="B80" s="22">
        <v>1</v>
      </c>
      <c r="C80" s="14">
        <v>1</v>
      </c>
      <c r="D80" s="18">
        <v>2</v>
      </c>
    </row>
    <row r="81" spans="1:4" ht="18" customHeight="1" x14ac:dyDescent="0.15">
      <c r="A81" s="5">
        <v>63</v>
      </c>
      <c r="B81" s="22">
        <v>1</v>
      </c>
      <c r="C81" s="14">
        <v>0</v>
      </c>
      <c r="D81" s="18">
        <v>1</v>
      </c>
    </row>
    <row r="82" spans="1:4" ht="18" customHeight="1" x14ac:dyDescent="0.15">
      <c r="A82" s="5">
        <v>64</v>
      </c>
      <c r="B82" s="22">
        <v>2</v>
      </c>
      <c r="C82" s="14">
        <v>1</v>
      </c>
      <c r="D82" s="18">
        <v>3</v>
      </c>
    </row>
    <row r="83" spans="1:4" ht="18" customHeight="1" x14ac:dyDescent="0.15">
      <c r="A83" s="5" t="s">
        <v>28</v>
      </c>
      <c r="B83" s="22">
        <v>5</v>
      </c>
      <c r="C83" s="14">
        <v>5</v>
      </c>
      <c r="D83" s="18">
        <v>10</v>
      </c>
    </row>
    <row r="84" spans="1:4" ht="18" customHeight="1" x14ac:dyDescent="0.15">
      <c r="A84" s="5" t="s">
        <v>31</v>
      </c>
      <c r="B84" s="22">
        <v>17</v>
      </c>
      <c r="C84" s="14">
        <v>15</v>
      </c>
      <c r="D84" s="18">
        <v>32</v>
      </c>
    </row>
    <row r="85" spans="1:4" ht="18" customHeight="1" x14ac:dyDescent="0.15">
      <c r="A85" s="5">
        <v>65</v>
      </c>
      <c r="B85" s="22">
        <v>1</v>
      </c>
      <c r="C85" s="14">
        <v>1</v>
      </c>
      <c r="D85" s="18">
        <v>2</v>
      </c>
    </row>
    <row r="86" spans="1:4" ht="18" customHeight="1" x14ac:dyDescent="0.15">
      <c r="A86" s="5">
        <v>66</v>
      </c>
      <c r="B86" s="22">
        <v>2</v>
      </c>
      <c r="C86" s="14">
        <v>0</v>
      </c>
      <c r="D86" s="18">
        <v>2</v>
      </c>
    </row>
    <row r="87" spans="1:4" ht="18" customHeight="1" x14ac:dyDescent="0.15">
      <c r="A87" s="5">
        <v>67</v>
      </c>
      <c r="B87" s="22">
        <v>1</v>
      </c>
      <c r="C87" s="14">
        <v>1</v>
      </c>
      <c r="D87" s="18">
        <v>2</v>
      </c>
    </row>
    <row r="88" spans="1:4" ht="18" customHeight="1" x14ac:dyDescent="0.15">
      <c r="A88" s="5">
        <v>68</v>
      </c>
      <c r="B88" s="22">
        <v>1</v>
      </c>
      <c r="C88" s="14">
        <v>0</v>
      </c>
      <c r="D88" s="18">
        <v>1</v>
      </c>
    </row>
    <row r="89" spans="1:4" ht="18" customHeight="1" x14ac:dyDescent="0.15">
      <c r="A89" s="5">
        <v>69</v>
      </c>
      <c r="B89" s="22">
        <v>1</v>
      </c>
      <c r="C89" s="14">
        <v>7</v>
      </c>
      <c r="D89" s="18">
        <v>8</v>
      </c>
    </row>
    <row r="90" spans="1:4" ht="18" customHeight="1" x14ac:dyDescent="0.15">
      <c r="A90" s="5" t="s">
        <v>20</v>
      </c>
      <c r="B90" s="22">
        <v>6</v>
      </c>
      <c r="C90" s="14">
        <v>9</v>
      </c>
      <c r="D90" s="18">
        <v>15</v>
      </c>
    </row>
    <row r="91" spans="1:4" ht="18" customHeight="1" x14ac:dyDescent="0.15">
      <c r="A91" s="5">
        <v>70</v>
      </c>
      <c r="B91" s="22">
        <v>0</v>
      </c>
      <c r="C91" s="14">
        <v>4</v>
      </c>
      <c r="D91" s="18">
        <v>4</v>
      </c>
    </row>
    <row r="92" spans="1:4" ht="18" customHeight="1" x14ac:dyDescent="0.15">
      <c r="A92" s="5">
        <v>71</v>
      </c>
      <c r="B92" s="22">
        <v>1</v>
      </c>
      <c r="C92" s="14">
        <v>1</v>
      </c>
      <c r="D92" s="18">
        <v>2</v>
      </c>
    </row>
    <row r="93" spans="1:4" ht="18" customHeight="1" x14ac:dyDescent="0.15">
      <c r="A93" s="5">
        <v>72</v>
      </c>
      <c r="B93" s="22">
        <v>1</v>
      </c>
      <c r="C93" s="14">
        <v>0</v>
      </c>
      <c r="D93" s="18">
        <v>1</v>
      </c>
    </row>
    <row r="94" spans="1:4" ht="18" customHeight="1" x14ac:dyDescent="0.15">
      <c r="A94" s="5">
        <v>73</v>
      </c>
      <c r="B94" s="22">
        <v>1</v>
      </c>
      <c r="C94" s="14">
        <v>0</v>
      </c>
      <c r="D94" s="18">
        <v>1</v>
      </c>
    </row>
    <row r="95" spans="1:4" ht="18" customHeight="1" x14ac:dyDescent="0.15">
      <c r="A95" s="5">
        <v>74</v>
      </c>
      <c r="B95" s="22">
        <v>3</v>
      </c>
      <c r="C95" s="14">
        <v>2</v>
      </c>
      <c r="D95" s="18">
        <v>5</v>
      </c>
    </row>
    <row r="96" spans="1:4" ht="18" customHeight="1" x14ac:dyDescent="0.15">
      <c r="A96" s="5" t="s">
        <v>33</v>
      </c>
      <c r="B96" s="22">
        <v>6</v>
      </c>
      <c r="C96" s="14">
        <v>7</v>
      </c>
      <c r="D96" s="18">
        <v>13</v>
      </c>
    </row>
    <row r="97" spans="1:4" ht="18" customHeight="1" x14ac:dyDescent="0.15">
      <c r="A97" s="5">
        <v>75</v>
      </c>
      <c r="B97" s="22">
        <v>1</v>
      </c>
      <c r="C97" s="14">
        <v>0</v>
      </c>
      <c r="D97" s="18">
        <v>1</v>
      </c>
    </row>
    <row r="98" spans="1:4" ht="18" customHeight="1" x14ac:dyDescent="0.15">
      <c r="A98" s="5">
        <v>76</v>
      </c>
      <c r="B98" s="22">
        <v>4</v>
      </c>
      <c r="C98" s="14">
        <v>0</v>
      </c>
      <c r="D98" s="18">
        <v>4</v>
      </c>
    </row>
    <row r="99" spans="1:4" ht="18" customHeight="1" x14ac:dyDescent="0.15">
      <c r="A99" s="5">
        <v>77</v>
      </c>
      <c r="B99" s="22">
        <v>4</v>
      </c>
      <c r="C99" s="14">
        <v>1</v>
      </c>
      <c r="D99" s="18">
        <v>5</v>
      </c>
    </row>
    <row r="100" spans="1:4" ht="18" customHeight="1" x14ac:dyDescent="0.15">
      <c r="A100" s="5">
        <v>78</v>
      </c>
      <c r="B100" s="22">
        <v>2</v>
      </c>
      <c r="C100" s="14">
        <v>4</v>
      </c>
      <c r="D100" s="18">
        <v>6</v>
      </c>
    </row>
    <row r="101" spans="1:4" ht="18" customHeight="1" x14ac:dyDescent="0.15">
      <c r="A101" s="5">
        <v>79</v>
      </c>
      <c r="B101" s="22">
        <v>0</v>
      </c>
      <c r="C101" s="14">
        <v>1</v>
      </c>
      <c r="D101" s="18">
        <v>1</v>
      </c>
    </row>
    <row r="102" spans="1:4" ht="18" customHeight="1" x14ac:dyDescent="0.15">
      <c r="A102" s="5" t="s">
        <v>0</v>
      </c>
      <c r="B102" s="22">
        <v>11</v>
      </c>
      <c r="C102" s="14">
        <v>6</v>
      </c>
      <c r="D102" s="18">
        <v>17</v>
      </c>
    </row>
    <row r="103" spans="1:4" ht="18" customHeight="1" x14ac:dyDescent="0.15">
      <c r="A103" s="5">
        <v>80</v>
      </c>
      <c r="B103" s="22">
        <v>1</v>
      </c>
      <c r="C103" s="14">
        <v>0</v>
      </c>
      <c r="D103" s="18">
        <v>1</v>
      </c>
    </row>
    <row r="104" spans="1:4" ht="18" customHeight="1" x14ac:dyDescent="0.15">
      <c r="A104" s="5">
        <v>81</v>
      </c>
      <c r="B104" s="22">
        <v>1</v>
      </c>
      <c r="C104" s="14">
        <v>1</v>
      </c>
      <c r="D104" s="18">
        <v>2</v>
      </c>
    </row>
    <row r="105" spans="1:4" ht="18" customHeight="1" x14ac:dyDescent="0.15">
      <c r="A105" s="5">
        <v>82</v>
      </c>
      <c r="B105" s="22">
        <v>1</v>
      </c>
      <c r="C105" s="14">
        <v>0</v>
      </c>
      <c r="D105" s="18">
        <v>1</v>
      </c>
    </row>
    <row r="106" spans="1:4" ht="18" customHeight="1" x14ac:dyDescent="0.15">
      <c r="A106" s="5">
        <v>83</v>
      </c>
      <c r="B106" s="22">
        <v>0</v>
      </c>
      <c r="C106" s="14">
        <v>2</v>
      </c>
      <c r="D106" s="18">
        <v>2</v>
      </c>
    </row>
    <row r="107" spans="1:4" ht="18" customHeight="1" x14ac:dyDescent="0.15">
      <c r="A107" s="5">
        <v>84</v>
      </c>
      <c r="B107" s="22">
        <v>0</v>
      </c>
      <c r="C107" s="14">
        <v>2</v>
      </c>
      <c r="D107" s="18">
        <v>2</v>
      </c>
    </row>
    <row r="108" spans="1:4" ht="18" customHeight="1" x14ac:dyDescent="0.15">
      <c r="A108" s="5" t="s">
        <v>35</v>
      </c>
      <c r="B108" s="22">
        <v>3</v>
      </c>
      <c r="C108" s="14">
        <v>5</v>
      </c>
      <c r="D108" s="18">
        <v>8</v>
      </c>
    </row>
    <row r="109" spans="1:4" ht="18" customHeight="1" x14ac:dyDescent="0.15">
      <c r="A109" s="5">
        <v>85</v>
      </c>
      <c r="B109" s="22">
        <v>0</v>
      </c>
      <c r="C109" s="14">
        <v>1</v>
      </c>
      <c r="D109" s="18">
        <v>1</v>
      </c>
    </row>
    <row r="110" spans="1:4" ht="18" customHeight="1" x14ac:dyDescent="0.15">
      <c r="A110" s="5">
        <v>86</v>
      </c>
      <c r="B110" s="22">
        <v>1</v>
      </c>
      <c r="C110" s="14">
        <v>4</v>
      </c>
      <c r="D110" s="18">
        <v>5</v>
      </c>
    </row>
    <row r="111" spans="1:4" ht="18" customHeight="1" x14ac:dyDescent="0.15">
      <c r="A111" s="5">
        <v>87</v>
      </c>
      <c r="B111" s="22">
        <v>1</v>
      </c>
      <c r="C111" s="14">
        <v>1</v>
      </c>
      <c r="D111" s="18">
        <v>2</v>
      </c>
    </row>
    <row r="112" spans="1:4" ht="18" customHeight="1" x14ac:dyDescent="0.15">
      <c r="A112" s="5">
        <v>88</v>
      </c>
      <c r="B112" s="22">
        <v>2</v>
      </c>
      <c r="C112" s="14">
        <v>4</v>
      </c>
      <c r="D112" s="18">
        <v>6</v>
      </c>
    </row>
    <row r="113" spans="1:4" ht="18" customHeight="1" x14ac:dyDescent="0.15">
      <c r="A113" s="5">
        <v>89</v>
      </c>
      <c r="B113" s="22">
        <v>2</v>
      </c>
      <c r="C113" s="14">
        <v>2</v>
      </c>
      <c r="D113" s="18">
        <v>4</v>
      </c>
    </row>
    <row r="114" spans="1:4" ht="18" customHeight="1" x14ac:dyDescent="0.15">
      <c r="A114" s="5" t="s">
        <v>37</v>
      </c>
      <c r="B114" s="22">
        <v>6</v>
      </c>
      <c r="C114" s="14">
        <v>12</v>
      </c>
      <c r="D114" s="18">
        <v>18</v>
      </c>
    </row>
    <row r="115" spans="1:4" ht="18" customHeight="1" x14ac:dyDescent="0.15">
      <c r="A115" s="5">
        <v>90</v>
      </c>
      <c r="B115" s="22">
        <v>1</v>
      </c>
      <c r="C115" s="14">
        <v>2</v>
      </c>
      <c r="D115" s="18">
        <v>3</v>
      </c>
    </row>
    <row r="116" spans="1:4" ht="18" customHeight="1" x14ac:dyDescent="0.15">
      <c r="A116" s="5">
        <v>91</v>
      </c>
      <c r="B116" s="22">
        <v>0</v>
      </c>
      <c r="C116" s="14">
        <v>0</v>
      </c>
      <c r="D116" s="18">
        <v>0</v>
      </c>
    </row>
    <row r="117" spans="1:4" ht="18" customHeight="1" x14ac:dyDescent="0.15">
      <c r="A117" s="5">
        <v>92</v>
      </c>
      <c r="B117" s="22">
        <v>0</v>
      </c>
      <c r="C117" s="14">
        <v>2</v>
      </c>
      <c r="D117" s="18">
        <v>2</v>
      </c>
    </row>
    <row r="118" spans="1:4" ht="18" customHeight="1" x14ac:dyDescent="0.15">
      <c r="A118" s="5">
        <v>93</v>
      </c>
      <c r="B118" s="22">
        <v>0</v>
      </c>
      <c r="C118" s="14">
        <v>0</v>
      </c>
      <c r="D118" s="18">
        <v>0</v>
      </c>
    </row>
    <row r="119" spans="1:4" ht="18" customHeight="1" x14ac:dyDescent="0.15">
      <c r="A119" s="5">
        <v>94</v>
      </c>
      <c r="B119" s="22">
        <v>1</v>
      </c>
      <c r="C119" s="14">
        <v>0</v>
      </c>
      <c r="D119" s="18">
        <v>1</v>
      </c>
    </row>
    <row r="120" spans="1:4" ht="18" customHeight="1" x14ac:dyDescent="0.15">
      <c r="A120" s="5" t="s">
        <v>39</v>
      </c>
      <c r="B120" s="22">
        <v>2</v>
      </c>
      <c r="C120" s="14">
        <v>4</v>
      </c>
      <c r="D120" s="18">
        <v>6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0</v>
      </c>
      <c r="C123" s="14">
        <v>0</v>
      </c>
      <c r="D123" s="18">
        <v>0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3</v>
      </c>
      <c r="D126" s="18">
        <v>3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34</v>
      </c>
      <c r="C130" s="14">
        <v>46</v>
      </c>
      <c r="D130" s="18">
        <v>80</v>
      </c>
    </row>
    <row r="131" spans="1:4" ht="18" customHeight="1" x14ac:dyDescent="0.15">
      <c r="A131" s="7" t="s">
        <v>45</v>
      </c>
      <c r="B131" s="23">
        <v>51</v>
      </c>
      <c r="C131" s="15">
        <v>64</v>
      </c>
      <c r="D131" s="19">
        <v>11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600-000000000000}">
  <sheetPr codeName="Sheet8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0</v>
      </c>
      <c r="C10" s="14">
        <v>0</v>
      </c>
      <c r="D10" s="18">
        <v>0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0</v>
      </c>
      <c r="C13" s="14">
        <v>0</v>
      </c>
      <c r="D13" s="18">
        <v>0</v>
      </c>
    </row>
    <row r="14" spans="1:4" ht="18" customHeight="1" x14ac:dyDescent="0.15">
      <c r="A14" s="5">
        <v>8</v>
      </c>
      <c r="B14" s="27">
        <v>0</v>
      </c>
      <c r="C14" s="14">
        <v>0</v>
      </c>
      <c r="D14" s="18">
        <v>0</v>
      </c>
    </row>
    <row r="15" spans="1:4" ht="18" customHeight="1" x14ac:dyDescent="0.15">
      <c r="A15" s="5">
        <v>9</v>
      </c>
      <c r="B15" s="27">
        <v>0</v>
      </c>
      <c r="C15" s="14">
        <v>0</v>
      </c>
      <c r="D15" s="18">
        <v>0</v>
      </c>
    </row>
    <row r="16" spans="1:4" ht="18" customHeight="1" x14ac:dyDescent="0.15">
      <c r="A16" s="5" t="s">
        <v>11</v>
      </c>
      <c r="B16" s="22">
        <v>0</v>
      </c>
      <c r="C16" s="14">
        <v>0</v>
      </c>
      <c r="D16" s="18">
        <v>0</v>
      </c>
    </row>
    <row r="17" spans="1:4" ht="18" customHeight="1" x14ac:dyDescent="0.15">
      <c r="A17" s="5">
        <v>10</v>
      </c>
      <c r="B17" s="22">
        <v>1</v>
      </c>
      <c r="C17" s="14">
        <v>0</v>
      </c>
      <c r="D17" s="18">
        <v>1</v>
      </c>
    </row>
    <row r="18" spans="1:4" ht="18" customHeight="1" x14ac:dyDescent="0.15">
      <c r="A18" s="5">
        <v>11</v>
      </c>
      <c r="B18" s="22">
        <v>1</v>
      </c>
      <c r="C18" s="14">
        <v>0</v>
      </c>
      <c r="D18" s="18">
        <v>1</v>
      </c>
    </row>
    <row r="19" spans="1:4" ht="18" customHeight="1" x14ac:dyDescent="0.15">
      <c r="A19" s="5">
        <v>12</v>
      </c>
      <c r="B19" s="22">
        <v>0</v>
      </c>
      <c r="C19" s="14">
        <v>0</v>
      </c>
      <c r="D19" s="18">
        <v>0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1</v>
      </c>
      <c r="C21" s="14">
        <v>0</v>
      </c>
      <c r="D21" s="18">
        <v>1</v>
      </c>
    </row>
    <row r="22" spans="1:4" ht="18" customHeight="1" x14ac:dyDescent="0.15">
      <c r="A22" s="5" t="s">
        <v>12</v>
      </c>
      <c r="B22" s="22">
        <v>3</v>
      </c>
      <c r="C22" s="14">
        <v>0</v>
      </c>
      <c r="D22" s="18">
        <v>3</v>
      </c>
    </row>
    <row r="23" spans="1:4" ht="18" customHeight="1" x14ac:dyDescent="0.15">
      <c r="A23" s="5" t="s">
        <v>6</v>
      </c>
      <c r="B23" s="22">
        <v>3</v>
      </c>
      <c r="C23" s="14">
        <v>0</v>
      </c>
      <c r="D23" s="18">
        <v>3</v>
      </c>
    </row>
    <row r="24" spans="1:4" ht="18" customHeight="1" x14ac:dyDescent="0.15">
      <c r="A24" s="5">
        <v>15</v>
      </c>
      <c r="B24" s="22">
        <v>0</v>
      </c>
      <c r="C24" s="14">
        <v>0</v>
      </c>
      <c r="D24" s="18">
        <v>0</v>
      </c>
    </row>
    <row r="25" spans="1:4" ht="18" customHeight="1" x14ac:dyDescent="0.15">
      <c r="A25" s="5">
        <v>16</v>
      </c>
      <c r="B25" s="22">
        <v>0</v>
      </c>
      <c r="C25" s="14">
        <v>0</v>
      </c>
      <c r="D25" s="18">
        <v>0</v>
      </c>
    </row>
    <row r="26" spans="1:4" ht="18" customHeight="1" x14ac:dyDescent="0.15">
      <c r="A26" s="5">
        <v>17</v>
      </c>
      <c r="B26" s="22">
        <v>0</v>
      </c>
      <c r="C26" s="14">
        <v>0</v>
      </c>
      <c r="D26" s="18">
        <v>0</v>
      </c>
    </row>
    <row r="27" spans="1:4" ht="18" customHeight="1" x14ac:dyDescent="0.15">
      <c r="A27" s="5">
        <v>18</v>
      </c>
      <c r="B27" s="22">
        <v>0</v>
      </c>
      <c r="C27" s="14">
        <v>0</v>
      </c>
      <c r="D27" s="18">
        <v>0</v>
      </c>
    </row>
    <row r="28" spans="1:4" ht="18" customHeight="1" x14ac:dyDescent="0.15">
      <c r="A28" s="5">
        <v>19</v>
      </c>
      <c r="B28" s="22">
        <v>0</v>
      </c>
      <c r="C28" s="14">
        <v>0</v>
      </c>
      <c r="D28" s="18">
        <v>0</v>
      </c>
    </row>
    <row r="29" spans="1:4" ht="18" customHeight="1" x14ac:dyDescent="0.15">
      <c r="A29" s="5" t="s">
        <v>14</v>
      </c>
      <c r="B29" s="22">
        <v>0</v>
      </c>
      <c r="C29" s="14">
        <v>0</v>
      </c>
      <c r="D29" s="18">
        <v>0</v>
      </c>
    </row>
    <row r="30" spans="1:4" ht="18" customHeight="1" x14ac:dyDescent="0.15">
      <c r="A30" s="5">
        <v>20</v>
      </c>
      <c r="B30" s="22">
        <v>0</v>
      </c>
      <c r="C30" s="14">
        <v>0</v>
      </c>
      <c r="D30" s="18">
        <v>0</v>
      </c>
    </row>
    <row r="31" spans="1:4" ht="18" customHeight="1" x14ac:dyDescent="0.15">
      <c r="A31" s="5">
        <v>21</v>
      </c>
      <c r="B31" s="22">
        <v>0</v>
      </c>
      <c r="C31" s="14">
        <v>0</v>
      </c>
      <c r="D31" s="18">
        <v>0</v>
      </c>
    </row>
    <row r="32" spans="1:4" ht="18" customHeight="1" x14ac:dyDescent="0.15">
      <c r="A32" s="5">
        <v>22</v>
      </c>
      <c r="B32" s="22">
        <v>0</v>
      </c>
      <c r="C32" s="14">
        <v>0</v>
      </c>
      <c r="D32" s="18">
        <v>0</v>
      </c>
    </row>
    <row r="33" spans="1:4" ht="18" customHeight="1" x14ac:dyDescent="0.15">
      <c r="A33" s="5">
        <v>23</v>
      </c>
      <c r="B33" s="22">
        <v>0</v>
      </c>
      <c r="C33" s="14">
        <v>0</v>
      </c>
      <c r="D33" s="18">
        <v>0</v>
      </c>
    </row>
    <row r="34" spans="1:4" ht="18" customHeight="1" x14ac:dyDescent="0.15">
      <c r="A34" s="5">
        <v>24</v>
      </c>
      <c r="B34" s="22">
        <v>0</v>
      </c>
      <c r="C34" s="14">
        <v>0</v>
      </c>
      <c r="D34" s="18">
        <v>0</v>
      </c>
    </row>
    <row r="35" spans="1:4" ht="18" customHeight="1" x14ac:dyDescent="0.15">
      <c r="A35" s="5" t="s">
        <v>9</v>
      </c>
      <c r="B35" s="22">
        <v>0</v>
      </c>
      <c r="C35" s="14">
        <v>0</v>
      </c>
      <c r="D35" s="18">
        <v>0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0</v>
      </c>
      <c r="C37" s="14">
        <v>0</v>
      </c>
      <c r="D37" s="18">
        <v>0</v>
      </c>
    </row>
    <row r="38" spans="1:4" ht="18" customHeight="1" x14ac:dyDescent="0.15">
      <c r="A38" s="5">
        <v>27</v>
      </c>
      <c r="B38" s="22">
        <v>0</v>
      </c>
      <c r="C38" s="14">
        <v>0</v>
      </c>
      <c r="D38" s="18">
        <v>0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0</v>
      </c>
      <c r="C40" s="14">
        <v>0</v>
      </c>
      <c r="D40" s="18">
        <v>0</v>
      </c>
    </row>
    <row r="41" spans="1:4" ht="18" customHeight="1" x14ac:dyDescent="0.15">
      <c r="A41" s="5" t="s">
        <v>2</v>
      </c>
      <c r="B41" s="22">
        <v>0</v>
      </c>
      <c r="C41" s="14">
        <v>0</v>
      </c>
      <c r="D41" s="18">
        <v>0</v>
      </c>
    </row>
    <row r="42" spans="1:4" ht="18" customHeight="1" x14ac:dyDescent="0.15">
      <c r="A42" s="5">
        <v>30</v>
      </c>
      <c r="B42" s="22">
        <v>0</v>
      </c>
      <c r="C42" s="14">
        <v>0</v>
      </c>
      <c r="D42" s="18">
        <v>0</v>
      </c>
    </row>
    <row r="43" spans="1:4" ht="18" customHeight="1" x14ac:dyDescent="0.15">
      <c r="A43" s="5">
        <v>31</v>
      </c>
      <c r="B43" s="22">
        <v>0</v>
      </c>
      <c r="C43" s="14">
        <v>0</v>
      </c>
      <c r="D43" s="18">
        <v>0</v>
      </c>
    </row>
    <row r="44" spans="1:4" ht="18" customHeight="1" x14ac:dyDescent="0.15">
      <c r="A44" s="5">
        <v>32</v>
      </c>
      <c r="B44" s="22">
        <v>0</v>
      </c>
      <c r="C44" s="14">
        <v>0</v>
      </c>
      <c r="D44" s="18">
        <v>0</v>
      </c>
    </row>
    <row r="45" spans="1:4" ht="18" customHeight="1" x14ac:dyDescent="0.15">
      <c r="A45" s="5">
        <v>33</v>
      </c>
      <c r="B45" s="22">
        <v>0</v>
      </c>
      <c r="C45" s="14">
        <v>0</v>
      </c>
      <c r="D45" s="18">
        <v>0</v>
      </c>
    </row>
    <row r="46" spans="1:4" ht="18" customHeight="1" x14ac:dyDescent="0.15">
      <c r="A46" s="5">
        <v>34</v>
      </c>
      <c r="B46" s="22">
        <v>1</v>
      </c>
      <c r="C46" s="14">
        <v>0</v>
      </c>
      <c r="D46" s="18">
        <v>1</v>
      </c>
    </row>
    <row r="47" spans="1:4" ht="18" customHeight="1" x14ac:dyDescent="0.15">
      <c r="A47" s="5" t="s">
        <v>15</v>
      </c>
      <c r="B47" s="22">
        <v>1</v>
      </c>
      <c r="C47" s="14">
        <v>0</v>
      </c>
      <c r="D47" s="18">
        <v>1</v>
      </c>
    </row>
    <row r="48" spans="1:4" ht="18" customHeight="1" x14ac:dyDescent="0.15">
      <c r="A48" s="5">
        <v>35</v>
      </c>
      <c r="B48" s="22">
        <v>0</v>
      </c>
      <c r="C48" s="14">
        <v>0</v>
      </c>
      <c r="D48" s="18">
        <v>0</v>
      </c>
    </row>
    <row r="49" spans="1:4" ht="18" customHeight="1" x14ac:dyDescent="0.15">
      <c r="A49" s="5">
        <v>36</v>
      </c>
      <c r="B49" s="22">
        <v>0</v>
      </c>
      <c r="C49" s="14">
        <v>0</v>
      </c>
      <c r="D49" s="18">
        <v>0</v>
      </c>
    </row>
    <row r="50" spans="1:4" ht="18" customHeight="1" x14ac:dyDescent="0.15">
      <c r="A50" s="5">
        <v>37</v>
      </c>
      <c r="B50" s="22">
        <v>1</v>
      </c>
      <c r="C50" s="14">
        <v>0</v>
      </c>
      <c r="D50" s="18">
        <v>1</v>
      </c>
    </row>
    <row r="51" spans="1:4" ht="18" customHeight="1" x14ac:dyDescent="0.15">
      <c r="A51" s="5">
        <v>38</v>
      </c>
      <c r="B51" s="22">
        <v>0</v>
      </c>
      <c r="C51" s="14">
        <v>0</v>
      </c>
      <c r="D51" s="18">
        <v>0</v>
      </c>
    </row>
    <row r="52" spans="1:4" ht="18" customHeight="1" x14ac:dyDescent="0.15">
      <c r="A52" s="5">
        <v>39</v>
      </c>
      <c r="B52" s="22">
        <v>0</v>
      </c>
      <c r="C52" s="14">
        <v>0</v>
      </c>
      <c r="D52" s="18">
        <v>0</v>
      </c>
    </row>
    <row r="53" spans="1:4" ht="18" customHeight="1" x14ac:dyDescent="0.15">
      <c r="A53" s="5" t="s">
        <v>18</v>
      </c>
      <c r="B53" s="22">
        <v>1</v>
      </c>
      <c r="C53" s="14">
        <v>0</v>
      </c>
      <c r="D53" s="18">
        <v>1</v>
      </c>
    </row>
    <row r="54" spans="1:4" ht="18" customHeight="1" x14ac:dyDescent="0.15">
      <c r="A54" s="5">
        <v>40</v>
      </c>
      <c r="B54" s="22">
        <v>0</v>
      </c>
      <c r="C54" s="14">
        <v>0</v>
      </c>
      <c r="D54" s="18">
        <v>0</v>
      </c>
    </row>
    <row r="55" spans="1:4" ht="18" customHeight="1" x14ac:dyDescent="0.15">
      <c r="A55" s="5">
        <v>41</v>
      </c>
      <c r="B55" s="22">
        <v>0</v>
      </c>
      <c r="C55" s="14">
        <v>0</v>
      </c>
      <c r="D55" s="18">
        <v>0</v>
      </c>
    </row>
    <row r="56" spans="1:4" ht="18" customHeight="1" x14ac:dyDescent="0.15">
      <c r="A56" s="5">
        <v>42</v>
      </c>
      <c r="B56" s="22">
        <v>0</v>
      </c>
      <c r="C56" s="14">
        <v>0</v>
      </c>
      <c r="D56" s="18">
        <v>0</v>
      </c>
    </row>
    <row r="57" spans="1:4" ht="18" customHeight="1" x14ac:dyDescent="0.15">
      <c r="A57" s="5">
        <v>43</v>
      </c>
      <c r="B57" s="22">
        <v>1</v>
      </c>
      <c r="C57" s="14">
        <v>0</v>
      </c>
      <c r="D57" s="18">
        <v>1</v>
      </c>
    </row>
    <row r="58" spans="1:4" ht="18" customHeight="1" x14ac:dyDescent="0.15">
      <c r="A58" s="5">
        <v>44</v>
      </c>
      <c r="B58" s="22">
        <v>1</v>
      </c>
      <c r="C58" s="14">
        <v>0</v>
      </c>
      <c r="D58" s="18">
        <v>1</v>
      </c>
    </row>
    <row r="59" spans="1:4" ht="18" customHeight="1" x14ac:dyDescent="0.15">
      <c r="A59" s="5" t="s">
        <v>21</v>
      </c>
      <c r="B59" s="22">
        <v>2</v>
      </c>
      <c r="C59" s="14">
        <v>0</v>
      </c>
      <c r="D59" s="18">
        <v>2</v>
      </c>
    </row>
    <row r="60" spans="1:4" ht="18" customHeight="1" x14ac:dyDescent="0.15">
      <c r="A60" s="5">
        <v>45</v>
      </c>
      <c r="B60" s="22">
        <v>0</v>
      </c>
      <c r="C60" s="14">
        <v>0</v>
      </c>
      <c r="D60" s="18">
        <v>0</v>
      </c>
    </row>
    <row r="61" spans="1:4" ht="18" customHeight="1" x14ac:dyDescent="0.15">
      <c r="A61" s="5">
        <v>46</v>
      </c>
      <c r="B61" s="22">
        <v>0</v>
      </c>
      <c r="C61" s="14">
        <v>0</v>
      </c>
      <c r="D61" s="18">
        <v>0</v>
      </c>
    </row>
    <row r="62" spans="1:4" ht="18" customHeight="1" x14ac:dyDescent="0.15">
      <c r="A62" s="5">
        <v>47</v>
      </c>
      <c r="B62" s="22">
        <v>0</v>
      </c>
      <c r="C62" s="14">
        <v>0</v>
      </c>
      <c r="D62" s="18">
        <v>0</v>
      </c>
    </row>
    <row r="63" spans="1:4" ht="18" customHeight="1" x14ac:dyDescent="0.15">
      <c r="A63" s="5">
        <v>48</v>
      </c>
      <c r="B63" s="22">
        <v>0</v>
      </c>
      <c r="C63" s="14">
        <v>0</v>
      </c>
      <c r="D63" s="18">
        <v>0</v>
      </c>
    </row>
    <row r="64" spans="1:4" ht="18" customHeight="1" x14ac:dyDescent="0.15">
      <c r="A64" s="5">
        <v>49</v>
      </c>
      <c r="B64" s="22">
        <v>0</v>
      </c>
      <c r="C64" s="14">
        <v>0</v>
      </c>
      <c r="D64" s="18">
        <v>0</v>
      </c>
    </row>
    <row r="65" spans="1:4" ht="18" customHeight="1" x14ac:dyDescent="0.15">
      <c r="A65" s="5" t="s">
        <v>17</v>
      </c>
      <c r="B65" s="22">
        <v>0</v>
      </c>
      <c r="C65" s="14">
        <v>0</v>
      </c>
      <c r="D65" s="18">
        <v>0</v>
      </c>
    </row>
    <row r="66" spans="1:4" ht="18" customHeight="1" x14ac:dyDescent="0.15">
      <c r="A66" s="5">
        <v>50</v>
      </c>
      <c r="B66" s="22">
        <v>0</v>
      </c>
      <c r="C66" s="14">
        <v>1</v>
      </c>
      <c r="D66" s="18">
        <v>1</v>
      </c>
    </row>
    <row r="67" spans="1:4" ht="18" customHeight="1" x14ac:dyDescent="0.15">
      <c r="A67" s="5">
        <v>51</v>
      </c>
      <c r="B67" s="22">
        <v>0</v>
      </c>
      <c r="C67" s="14">
        <v>0</v>
      </c>
      <c r="D67" s="18">
        <v>0</v>
      </c>
    </row>
    <row r="68" spans="1:4" ht="18" customHeight="1" x14ac:dyDescent="0.15">
      <c r="A68" s="5">
        <v>52</v>
      </c>
      <c r="B68" s="22">
        <v>0</v>
      </c>
      <c r="C68" s="14">
        <v>0</v>
      </c>
      <c r="D68" s="18">
        <v>0</v>
      </c>
    </row>
    <row r="69" spans="1:4" ht="18" customHeight="1" x14ac:dyDescent="0.15">
      <c r="A69" s="5">
        <v>53</v>
      </c>
      <c r="B69" s="22">
        <v>1</v>
      </c>
      <c r="C69" s="14">
        <v>0</v>
      </c>
      <c r="D69" s="18">
        <v>1</v>
      </c>
    </row>
    <row r="70" spans="1:4" ht="18" customHeight="1" x14ac:dyDescent="0.15">
      <c r="A70" s="5">
        <v>54</v>
      </c>
      <c r="B70" s="22">
        <v>1</v>
      </c>
      <c r="C70" s="14">
        <v>0</v>
      </c>
      <c r="D70" s="18">
        <v>1</v>
      </c>
    </row>
    <row r="71" spans="1:4" ht="18" customHeight="1" x14ac:dyDescent="0.15">
      <c r="A71" s="5" t="s">
        <v>22</v>
      </c>
      <c r="B71" s="22">
        <v>2</v>
      </c>
      <c r="C71" s="14">
        <v>1</v>
      </c>
      <c r="D71" s="18">
        <v>3</v>
      </c>
    </row>
    <row r="72" spans="1:4" ht="18" customHeight="1" x14ac:dyDescent="0.15">
      <c r="A72" s="5">
        <v>55</v>
      </c>
      <c r="B72" s="22">
        <v>0</v>
      </c>
      <c r="C72" s="14">
        <v>0</v>
      </c>
      <c r="D72" s="18">
        <v>0</v>
      </c>
    </row>
    <row r="73" spans="1:4" ht="18" customHeight="1" x14ac:dyDescent="0.15">
      <c r="A73" s="5">
        <v>56</v>
      </c>
      <c r="B73" s="22">
        <v>1</v>
      </c>
      <c r="C73" s="14">
        <v>0</v>
      </c>
      <c r="D73" s="18">
        <v>1</v>
      </c>
    </row>
    <row r="74" spans="1:4" ht="18" customHeight="1" x14ac:dyDescent="0.15">
      <c r="A74" s="5">
        <v>57</v>
      </c>
      <c r="B74" s="22">
        <v>0</v>
      </c>
      <c r="C74" s="14">
        <v>0</v>
      </c>
      <c r="D74" s="18">
        <v>0</v>
      </c>
    </row>
    <row r="75" spans="1:4" ht="18" customHeight="1" x14ac:dyDescent="0.15">
      <c r="A75" s="5">
        <v>58</v>
      </c>
      <c r="B75" s="22">
        <v>0</v>
      </c>
      <c r="C75" s="14">
        <v>1</v>
      </c>
      <c r="D75" s="18">
        <v>1</v>
      </c>
    </row>
    <row r="76" spans="1:4" ht="18" customHeight="1" x14ac:dyDescent="0.15">
      <c r="A76" s="5">
        <v>59</v>
      </c>
      <c r="B76" s="22">
        <v>0</v>
      </c>
      <c r="C76" s="14">
        <v>0</v>
      </c>
      <c r="D76" s="18">
        <v>0</v>
      </c>
    </row>
    <row r="77" spans="1:4" ht="18" customHeight="1" x14ac:dyDescent="0.15">
      <c r="A77" s="5" t="s">
        <v>27</v>
      </c>
      <c r="B77" s="22">
        <v>1</v>
      </c>
      <c r="C77" s="14">
        <v>1</v>
      </c>
      <c r="D77" s="18">
        <v>2</v>
      </c>
    </row>
    <row r="78" spans="1:4" ht="18" customHeight="1" x14ac:dyDescent="0.15">
      <c r="A78" s="5">
        <v>60</v>
      </c>
      <c r="B78" s="22">
        <v>0</v>
      </c>
      <c r="C78" s="14">
        <v>1</v>
      </c>
      <c r="D78" s="18">
        <v>1</v>
      </c>
    </row>
    <row r="79" spans="1:4" ht="18" customHeight="1" x14ac:dyDescent="0.15">
      <c r="A79" s="5">
        <v>61</v>
      </c>
      <c r="B79" s="22">
        <v>0</v>
      </c>
      <c r="C79" s="14">
        <v>0</v>
      </c>
      <c r="D79" s="18">
        <v>0</v>
      </c>
    </row>
    <row r="80" spans="1:4" ht="18" customHeight="1" x14ac:dyDescent="0.15">
      <c r="A80" s="5">
        <v>62</v>
      </c>
      <c r="B80" s="22">
        <v>0</v>
      </c>
      <c r="C80" s="14">
        <v>0</v>
      </c>
      <c r="D80" s="18">
        <v>0</v>
      </c>
    </row>
    <row r="81" spans="1:4" ht="18" customHeight="1" x14ac:dyDescent="0.15">
      <c r="A81" s="5">
        <v>63</v>
      </c>
      <c r="B81" s="22">
        <v>0</v>
      </c>
      <c r="C81" s="14">
        <v>0</v>
      </c>
      <c r="D81" s="18">
        <v>0</v>
      </c>
    </row>
    <row r="82" spans="1:4" ht="18" customHeight="1" x14ac:dyDescent="0.15">
      <c r="A82" s="5">
        <v>64</v>
      </c>
      <c r="B82" s="22">
        <v>0</v>
      </c>
      <c r="C82" s="14">
        <v>0</v>
      </c>
      <c r="D82" s="18">
        <v>0</v>
      </c>
    </row>
    <row r="83" spans="1:4" ht="18" customHeight="1" x14ac:dyDescent="0.15">
      <c r="A83" s="5" t="s">
        <v>28</v>
      </c>
      <c r="B83" s="22">
        <v>0</v>
      </c>
      <c r="C83" s="14">
        <v>1</v>
      </c>
      <c r="D83" s="18">
        <v>1</v>
      </c>
    </row>
    <row r="84" spans="1:4" ht="18" customHeight="1" x14ac:dyDescent="0.15">
      <c r="A84" s="5" t="s">
        <v>31</v>
      </c>
      <c r="B84" s="22">
        <v>7</v>
      </c>
      <c r="C84" s="14">
        <v>3</v>
      </c>
      <c r="D84" s="18">
        <v>10</v>
      </c>
    </row>
    <row r="85" spans="1:4" ht="18" customHeight="1" x14ac:dyDescent="0.15">
      <c r="A85" s="5">
        <v>65</v>
      </c>
      <c r="B85" s="22">
        <v>1</v>
      </c>
      <c r="C85" s="14">
        <v>0</v>
      </c>
      <c r="D85" s="18">
        <v>1</v>
      </c>
    </row>
    <row r="86" spans="1:4" ht="18" customHeight="1" x14ac:dyDescent="0.15">
      <c r="A86" s="5">
        <v>66</v>
      </c>
      <c r="B86" s="22">
        <v>0</v>
      </c>
      <c r="C86" s="14">
        <v>0</v>
      </c>
      <c r="D86" s="18">
        <v>0</v>
      </c>
    </row>
    <row r="87" spans="1:4" ht="18" customHeight="1" x14ac:dyDescent="0.15">
      <c r="A87" s="5">
        <v>67</v>
      </c>
      <c r="B87" s="22">
        <v>0</v>
      </c>
      <c r="C87" s="14">
        <v>2</v>
      </c>
      <c r="D87" s="18">
        <v>2</v>
      </c>
    </row>
    <row r="88" spans="1:4" ht="18" customHeight="1" x14ac:dyDescent="0.15">
      <c r="A88" s="5">
        <v>68</v>
      </c>
      <c r="B88" s="22">
        <v>1</v>
      </c>
      <c r="C88" s="14">
        <v>0</v>
      </c>
      <c r="D88" s="18">
        <v>1</v>
      </c>
    </row>
    <row r="89" spans="1:4" ht="18" customHeight="1" x14ac:dyDescent="0.15">
      <c r="A89" s="5">
        <v>69</v>
      </c>
      <c r="B89" s="22">
        <v>1</v>
      </c>
      <c r="C89" s="14">
        <v>0</v>
      </c>
      <c r="D89" s="18">
        <v>1</v>
      </c>
    </row>
    <row r="90" spans="1:4" ht="18" customHeight="1" x14ac:dyDescent="0.15">
      <c r="A90" s="5" t="s">
        <v>20</v>
      </c>
      <c r="B90" s="22">
        <v>3</v>
      </c>
      <c r="C90" s="14">
        <v>2</v>
      </c>
      <c r="D90" s="18">
        <v>5</v>
      </c>
    </row>
    <row r="91" spans="1:4" ht="18" customHeight="1" x14ac:dyDescent="0.15">
      <c r="A91" s="5">
        <v>70</v>
      </c>
      <c r="B91" s="22">
        <v>1</v>
      </c>
      <c r="C91" s="14">
        <v>0</v>
      </c>
      <c r="D91" s="18">
        <v>1</v>
      </c>
    </row>
    <row r="92" spans="1:4" ht="18" customHeight="1" x14ac:dyDescent="0.15">
      <c r="A92" s="5">
        <v>71</v>
      </c>
      <c r="B92" s="22">
        <v>0</v>
      </c>
      <c r="C92" s="14">
        <v>0</v>
      </c>
      <c r="D92" s="18">
        <v>0</v>
      </c>
    </row>
    <row r="93" spans="1:4" ht="18" customHeight="1" x14ac:dyDescent="0.15">
      <c r="A93" s="5">
        <v>72</v>
      </c>
      <c r="B93" s="22">
        <v>2</v>
      </c>
      <c r="C93" s="14">
        <v>0</v>
      </c>
      <c r="D93" s="18">
        <v>2</v>
      </c>
    </row>
    <row r="94" spans="1:4" ht="18" customHeight="1" x14ac:dyDescent="0.15">
      <c r="A94" s="5">
        <v>73</v>
      </c>
      <c r="B94" s="22">
        <v>0</v>
      </c>
      <c r="C94" s="14">
        <v>0</v>
      </c>
      <c r="D94" s="18">
        <v>0</v>
      </c>
    </row>
    <row r="95" spans="1:4" ht="18" customHeight="1" x14ac:dyDescent="0.15">
      <c r="A95" s="5">
        <v>74</v>
      </c>
      <c r="B95" s="22">
        <v>2</v>
      </c>
      <c r="C95" s="14">
        <v>0</v>
      </c>
      <c r="D95" s="18">
        <v>2</v>
      </c>
    </row>
    <row r="96" spans="1:4" ht="18" customHeight="1" x14ac:dyDescent="0.15">
      <c r="A96" s="5" t="s">
        <v>33</v>
      </c>
      <c r="B96" s="22">
        <v>5</v>
      </c>
      <c r="C96" s="14">
        <v>0</v>
      </c>
      <c r="D96" s="18">
        <v>5</v>
      </c>
    </row>
    <row r="97" spans="1:4" ht="18" customHeight="1" x14ac:dyDescent="0.15">
      <c r="A97" s="5">
        <v>75</v>
      </c>
      <c r="B97" s="22">
        <v>0</v>
      </c>
      <c r="C97" s="14">
        <v>0</v>
      </c>
      <c r="D97" s="18">
        <v>0</v>
      </c>
    </row>
    <row r="98" spans="1:4" ht="18" customHeight="1" x14ac:dyDescent="0.15">
      <c r="A98" s="5">
        <v>76</v>
      </c>
      <c r="B98" s="22">
        <v>0</v>
      </c>
      <c r="C98" s="14">
        <v>1</v>
      </c>
      <c r="D98" s="18">
        <v>1</v>
      </c>
    </row>
    <row r="99" spans="1:4" ht="18" customHeight="1" x14ac:dyDescent="0.15">
      <c r="A99" s="5">
        <v>77</v>
      </c>
      <c r="B99" s="22">
        <v>0</v>
      </c>
      <c r="C99" s="14">
        <v>0</v>
      </c>
      <c r="D99" s="18">
        <v>0</v>
      </c>
    </row>
    <row r="100" spans="1:4" ht="18" customHeight="1" x14ac:dyDescent="0.15">
      <c r="A100" s="5">
        <v>78</v>
      </c>
      <c r="B100" s="22">
        <v>1</v>
      </c>
      <c r="C100" s="14">
        <v>0</v>
      </c>
      <c r="D100" s="18">
        <v>1</v>
      </c>
    </row>
    <row r="101" spans="1:4" ht="18" customHeight="1" x14ac:dyDescent="0.15">
      <c r="A101" s="5">
        <v>79</v>
      </c>
      <c r="B101" s="22">
        <v>1</v>
      </c>
      <c r="C101" s="14">
        <v>0</v>
      </c>
      <c r="D101" s="18">
        <v>1</v>
      </c>
    </row>
    <row r="102" spans="1:4" ht="18" customHeight="1" x14ac:dyDescent="0.15">
      <c r="A102" s="5" t="s">
        <v>0</v>
      </c>
      <c r="B102" s="22">
        <v>2</v>
      </c>
      <c r="C102" s="14">
        <v>1</v>
      </c>
      <c r="D102" s="18">
        <v>3</v>
      </c>
    </row>
    <row r="103" spans="1:4" ht="18" customHeight="1" x14ac:dyDescent="0.15">
      <c r="A103" s="5">
        <v>80</v>
      </c>
      <c r="B103" s="22">
        <v>0</v>
      </c>
      <c r="C103" s="14">
        <v>1</v>
      </c>
      <c r="D103" s="18">
        <v>1</v>
      </c>
    </row>
    <row r="104" spans="1:4" ht="18" customHeight="1" x14ac:dyDescent="0.15">
      <c r="A104" s="5">
        <v>81</v>
      </c>
      <c r="B104" s="22">
        <v>0</v>
      </c>
      <c r="C104" s="14">
        <v>0</v>
      </c>
      <c r="D104" s="18">
        <v>0</v>
      </c>
    </row>
    <row r="105" spans="1:4" ht="18" customHeight="1" x14ac:dyDescent="0.15">
      <c r="A105" s="5">
        <v>82</v>
      </c>
      <c r="B105" s="22">
        <v>0</v>
      </c>
      <c r="C105" s="14">
        <v>0</v>
      </c>
      <c r="D105" s="18">
        <v>0</v>
      </c>
    </row>
    <row r="106" spans="1:4" ht="18" customHeight="1" x14ac:dyDescent="0.15">
      <c r="A106" s="5">
        <v>83</v>
      </c>
      <c r="B106" s="22">
        <v>0</v>
      </c>
      <c r="C106" s="14">
        <v>0</v>
      </c>
      <c r="D106" s="18">
        <v>0</v>
      </c>
    </row>
    <row r="107" spans="1:4" ht="18" customHeight="1" x14ac:dyDescent="0.15">
      <c r="A107" s="5">
        <v>84</v>
      </c>
      <c r="B107" s="22">
        <v>1</v>
      </c>
      <c r="C107" s="14">
        <v>0</v>
      </c>
      <c r="D107" s="18">
        <v>1</v>
      </c>
    </row>
    <row r="108" spans="1:4" ht="18" customHeight="1" x14ac:dyDescent="0.15">
      <c r="A108" s="5" t="s">
        <v>35</v>
      </c>
      <c r="B108" s="22">
        <v>1</v>
      </c>
      <c r="C108" s="14">
        <v>1</v>
      </c>
      <c r="D108" s="18">
        <v>2</v>
      </c>
    </row>
    <row r="109" spans="1:4" ht="18" customHeight="1" x14ac:dyDescent="0.15">
      <c r="A109" s="5">
        <v>85</v>
      </c>
      <c r="B109" s="22">
        <v>0</v>
      </c>
      <c r="C109" s="14">
        <v>0</v>
      </c>
      <c r="D109" s="18">
        <v>0</v>
      </c>
    </row>
    <row r="110" spans="1:4" ht="18" customHeight="1" x14ac:dyDescent="0.15">
      <c r="A110" s="5">
        <v>86</v>
      </c>
      <c r="B110" s="22">
        <v>1</v>
      </c>
      <c r="C110" s="14">
        <v>2</v>
      </c>
      <c r="D110" s="18">
        <v>3</v>
      </c>
    </row>
    <row r="111" spans="1:4" ht="18" customHeight="1" x14ac:dyDescent="0.15">
      <c r="A111" s="5">
        <v>87</v>
      </c>
      <c r="B111" s="22">
        <v>0</v>
      </c>
      <c r="C111" s="14">
        <v>0</v>
      </c>
      <c r="D111" s="18">
        <v>0</v>
      </c>
    </row>
    <row r="112" spans="1:4" ht="18" customHeight="1" x14ac:dyDescent="0.15">
      <c r="A112" s="5">
        <v>88</v>
      </c>
      <c r="B112" s="22">
        <v>1</v>
      </c>
      <c r="C112" s="14">
        <v>2</v>
      </c>
      <c r="D112" s="18">
        <v>3</v>
      </c>
    </row>
    <row r="113" spans="1:4" ht="18" customHeight="1" x14ac:dyDescent="0.15">
      <c r="A113" s="5">
        <v>89</v>
      </c>
      <c r="B113" s="22">
        <v>1</v>
      </c>
      <c r="C113" s="14">
        <v>0</v>
      </c>
      <c r="D113" s="18">
        <v>1</v>
      </c>
    </row>
    <row r="114" spans="1:4" ht="18" customHeight="1" x14ac:dyDescent="0.15">
      <c r="A114" s="5" t="s">
        <v>37</v>
      </c>
      <c r="B114" s="22">
        <v>3</v>
      </c>
      <c r="C114" s="14">
        <v>4</v>
      </c>
      <c r="D114" s="18">
        <v>7</v>
      </c>
    </row>
    <row r="115" spans="1:4" ht="18" customHeight="1" x14ac:dyDescent="0.15">
      <c r="A115" s="5">
        <v>90</v>
      </c>
      <c r="B115" s="22">
        <v>1</v>
      </c>
      <c r="C115" s="14">
        <v>2</v>
      </c>
      <c r="D115" s="18">
        <v>3</v>
      </c>
    </row>
    <row r="116" spans="1:4" ht="18" customHeight="1" x14ac:dyDescent="0.15">
      <c r="A116" s="5">
        <v>91</v>
      </c>
      <c r="B116" s="22">
        <v>0</v>
      </c>
      <c r="C116" s="14">
        <v>0</v>
      </c>
      <c r="D116" s="18">
        <v>0</v>
      </c>
    </row>
    <row r="117" spans="1:4" ht="18" customHeight="1" x14ac:dyDescent="0.15">
      <c r="A117" s="5">
        <v>92</v>
      </c>
      <c r="B117" s="22">
        <v>0</v>
      </c>
      <c r="C117" s="14">
        <v>0</v>
      </c>
      <c r="D117" s="18">
        <v>0</v>
      </c>
    </row>
    <row r="118" spans="1:4" ht="18" customHeight="1" x14ac:dyDescent="0.15">
      <c r="A118" s="5">
        <v>93</v>
      </c>
      <c r="B118" s="22">
        <v>0</v>
      </c>
      <c r="C118" s="14">
        <v>0</v>
      </c>
      <c r="D118" s="18">
        <v>0</v>
      </c>
    </row>
    <row r="119" spans="1:4" ht="18" customHeight="1" x14ac:dyDescent="0.15">
      <c r="A119" s="5">
        <v>94</v>
      </c>
      <c r="B119" s="22">
        <v>1</v>
      </c>
      <c r="C119" s="14">
        <v>0</v>
      </c>
      <c r="D119" s="18">
        <v>1</v>
      </c>
    </row>
    <row r="120" spans="1:4" ht="18" customHeight="1" x14ac:dyDescent="0.15">
      <c r="A120" s="5" t="s">
        <v>39</v>
      </c>
      <c r="B120" s="22">
        <v>2</v>
      </c>
      <c r="C120" s="14">
        <v>2</v>
      </c>
      <c r="D120" s="18">
        <v>4</v>
      </c>
    </row>
    <row r="121" spans="1:4" ht="18" customHeight="1" x14ac:dyDescent="0.15">
      <c r="A121" s="5">
        <v>95</v>
      </c>
      <c r="B121" s="22">
        <v>0</v>
      </c>
      <c r="C121" s="14">
        <v>0</v>
      </c>
      <c r="D121" s="18">
        <v>0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0</v>
      </c>
      <c r="C123" s="14">
        <v>0</v>
      </c>
      <c r="D123" s="18">
        <v>0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0</v>
      </c>
      <c r="D126" s="18">
        <v>0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16</v>
      </c>
      <c r="C130" s="14">
        <v>10</v>
      </c>
      <c r="D130" s="18">
        <v>26</v>
      </c>
    </row>
    <row r="131" spans="1:4" ht="18" customHeight="1" x14ac:dyDescent="0.15">
      <c r="A131" s="7" t="s">
        <v>45</v>
      </c>
      <c r="B131" s="23">
        <v>26</v>
      </c>
      <c r="C131" s="15">
        <v>13</v>
      </c>
      <c r="D131" s="19">
        <v>3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700-000000000000}">
  <sheetPr codeName="Sheet8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22</v>
      </c>
      <c r="C5" s="29">
        <v>17</v>
      </c>
      <c r="D5" s="31">
        <v>39</v>
      </c>
    </row>
    <row r="6" spans="1:4" ht="18" customHeight="1" x14ac:dyDescent="0.15">
      <c r="A6" s="5">
        <v>1</v>
      </c>
      <c r="B6" s="27">
        <v>33</v>
      </c>
      <c r="C6" s="14">
        <v>27</v>
      </c>
      <c r="D6" s="18">
        <v>60</v>
      </c>
    </row>
    <row r="7" spans="1:4" ht="18" customHeight="1" x14ac:dyDescent="0.15">
      <c r="A7" s="5">
        <v>2</v>
      </c>
      <c r="B7" s="27">
        <v>34</v>
      </c>
      <c r="C7" s="14">
        <v>26</v>
      </c>
      <c r="D7" s="18">
        <v>60</v>
      </c>
    </row>
    <row r="8" spans="1:4" ht="18" customHeight="1" x14ac:dyDescent="0.15">
      <c r="A8" s="5">
        <v>3</v>
      </c>
      <c r="B8" s="27">
        <v>36</v>
      </c>
      <c r="C8" s="14">
        <v>27</v>
      </c>
      <c r="D8" s="18">
        <v>63</v>
      </c>
    </row>
    <row r="9" spans="1:4" ht="18" customHeight="1" x14ac:dyDescent="0.15">
      <c r="A9" s="5">
        <v>4</v>
      </c>
      <c r="B9" s="28">
        <v>39</v>
      </c>
      <c r="C9" s="30">
        <v>33</v>
      </c>
      <c r="D9" s="32">
        <v>72</v>
      </c>
    </row>
    <row r="10" spans="1:4" ht="18" customHeight="1" x14ac:dyDescent="0.15">
      <c r="A10" s="5" t="s">
        <v>7</v>
      </c>
      <c r="B10" s="22">
        <v>164</v>
      </c>
      <c r="C10" s="14">
        <v>130</v>
      </c>
      <c r="D10" s="18">
        <v>294</v>
      </c>
    </row>
    <row r="11" spans="1:4" ht="18" customHeight="1" x14ac:dyDescent="0.15">
      <c r="A11" s="5">
        <v>5</v>
      </c>
      <c r="B11" s="27">
        <v>35</v>
      </c>
      <c r="C11" s="14">
        <v>45</v>
      </c>
      <c r="D11" s="18">
        <v>80</v>
      </c>
    </row>
    <row r="12" spans="1:4" ht="18" customHeight="1" x14ac:dyDescent="0.15">
      <c r="A12" s="5">
        <v>6</v>
      </c>
      <c r="B12" s="27">
        <v>45</v>
      </c>
      <c r="C12" s="14">
        <v>48</v>
      </c>
      <c r="D12" s="18">
        <v>93</v>
      </c>
    </row>
    <row r="13" spans="1:4" ht="18" customHeight="1" x14ac:dyDescent="0.15">
      <c r="A13" s="5">
        <v>7</v>
      </c>
      <c r="B13" s="27">
        <v>38</v>
      </c>
      <c r="C13" s="14">
        <v>48</v>
      </c>
      <c r="D13" s="18">
        <v>86</v>
      </c>
    </row>
    <row r="14" spans="1:4" ht="18" customHeight="1" x14ac:dyDescent="0.15">
      <c r="A14" s="5">
        <v>8</v>
      </c>
      <c r="B14" s="27">
        <v>49</v>
      </c>
      <c r="C14" s="14">
        <v>63</v>
      </c>
      <c r="D14" s="18">
        <v>112</v>
      </c>
    </row>
    <row r="15" spans="1:4" ht="18" customHeight="1" x14ac:dyDescent="0.15">
      <c r="A15" s="5">
        <v>9</v>
      </c>
      <c r="B15" s="27">
        <v>47</v>
      </c>
      <c r="C15" s="14">
        <v>62</v>
      </c>
      <c r="D15" s="18">
        <v>109</v>
      </c>
    </row>
    <row r="16" spans="1:4" ht="18" customHeight="1" x14ac:dyDescent="0.15">
      <c r="A16" s="5" t="s">
        <v>11</v>
      </c>
      <c r="B16" s="22">
        <v>214</v>
      </c>
      <c r="C16" s="14">
        <v>266</v>
      </c>
      <c r="D16" s="18">
        <v>480</v>
      </c>
    </row>
    <row r="17" spans="1:4" ht="18" customHeight="1" x14ac:dyDescent="0.15">
      <c r="A17" s="5">
        <v>10</v>
      </c>
      <c r="B17" s="22">
        <v>60</v>
      </c>
      <c r="C17" s="14">
        <v>64</v>
      </c>
      <c r="D17" s="18">
        <v>124</v>
      </c>
    </row>
    <row r="18" spans="1:4" ht="18" customHeight="1" x14ac:dyDescent="0.15">
      <c r="A18" s="5">
        <v>11</v>
      </c>
      <c r="B18" s="22">
        <v>63</v>
      </c>
      <c r="C18" s="14">
        <v>70</v>
      </c>
      <c r="D18" s="18">
        <v>133</v>
      </c>
    </row>
    <row r="19" spans="1:4" ht="18" customHeight="1" x14ac:dyDescent="0.15">
      <c r="A19" s="5">
        <v>12</v>
      </c>
      <c r="B19" s="22">
        <v>57</v>
      </c>
      <c r="C19" s="14">
        <v>54</v>
      </c>
      <c r="D19" s="18">
        <v>111</v>
      </c>
    </row>
    <row r="20" spans="1:4" ht="18" customHeight="1" x14ac:dyDescent="0.15">
      <c r="A20" s="5">
        <v>13</v>
      </c>
      <c r="B20" s="22">
        <v>72</v>
      </c>
      <c r="C20" s="14">
        <v>67</v>
      </c>
      <c r="D20" s="18">
        <v>139</v>
      </c>
    </row>
    <row r="21" spans="1:4" ht="18" customHeight="1" x14ac:dyDescent="0.15">
      <c r="A21" s="5">
        <v>14</v>
      </c>
      <c r="B21" s="22">
        <v>61</v>
      </c>
      <c r="C21" s="14">
        <v>60</v>
      </c>
      <c r="D21" s="18">
        <v>121</v>
      </c>
    </row>
    <row r="22" spans="1:4" ht="18" customHeight="1" x14ac:dyDescent="0.15">
      <c r="A22" s="5" t="s">
        <v>12</v>
      </c>
      <c r="B22" s="22">
        <v>313</v>
      </c>
      <c r="C22" s="14">
        <v>315</v>
      </c>
      <c r="D22" s="18">
        <v>628</v>
      </c>
    </row>
    <row r="23" spans="1:4" ht="18" customHeight="1" x14ac:dyDescent="0.15">
      <c r="A23" s="5" t="s">
        <v>6</v>
      </c>
      <c r="B23" s="22">
        <v>691</v>
      </c>
      <c r="C23" s="14">
        <v>711</v>
      </c>
      <c r="D23" s="18">
        <v>1402</v>
      </c>
    </row>
    <row r="24" spans="1:4" ht="18" customHeight="1" x14ac:dyDescent="0.15">
      <c r="A24" s="5">
        <v>15</v>
      </c>
      <c r="B24" s="22">
        <v>58</v>
      </c>
      <c r="C24" s="14">
        <v>68</v>
      </c>
      <c r="D24" s="18">
        <v>126</v>
      </c>
    </row>
    <row r="25" spans="1:4" ht="18" customHeight="1" x14ac:dyDescent="0.15">
      <c r="A25" s="5">
        <v>16</v>
      </c>
      <c r="B25" s="22">
        <v>76</v>
      </c>
      <c r="C25" s="14">
        <v>81</v>
      </c>
      <c r="D25" s="18">
        <v>157</v>
      </c>
    </row>
    <row r="26" spans="1:4" ht="18" customHeight="1" x14ac:dyDescent="0.15">
      <c r="A26" s="5">
        <v>17</v>
      </c>
      <c r="B26" s="22">
        <v>83</v>
      </c>
      <c r="C26" s="14">
        <v>78</v>
      </c>
      <c r="D26" s="18">
        <v>161</v>
      </c>
    </row>
    <row r="27" spans="1:4" ht="18" customHeight="1" x14ac:dyDescent="0.15">
      <c r="A27" s="5">
        <v>18</v>
      </c>
      <c r="B27" s="22">
        <v>74</v>
      </c>
      <c r="C27" s="14">
        <v>72</v>
      </c>
      <c r="D27" s="18">
        <v>146</v>
      </c>
    </row>
    <row r="28" spans="1:4" ht="18" customHeight="1" x14ac:dyDescent="0.15">
      <c r="A28" s="5">
        <v>19</v>
      </c>
      <c r="B28" s="22">
        <v>80</v>
      </c>
      <c r="C28" s="14">
        <v>71</v>
      </c>
      <c r="D28" s="18">
        <v>151</v>
      </c>
    </row>
    <row r="29" spans="1:4" ht="18" customHeight="1" x14ac:dyDescent="0.15">
      <c r="A29" s="5" t="s">
        <v>14</v>
      </c>
      <c r="B29" s="22">
        <v>371</v>
      </c>
      <c r="C29" s="14">
        <v>370</v>
      </c>
      <c r="D29" s="18">
        <v>741</v>
      </c>
    </row>
    <row r="30" spans="1:4" ht="18" customHeight="1" x14ac:dyDescent="0.15">
      <c r="A30" s="5">
        <v>20</v>
      </c>
      <c r="B30" s="22">
        <v>79</v>
      </c>
      <c r="C30" s="14">
        <v>72</v>
      </c>
      <c r="D30" s="18">
        <v>151</v>
      </c>
    </row>
    <row r="31" spans="1:4" ht="18" customHeight="1" x14ac:dyDescent="0.15">
      <c r="A31" s="5">
        <v>21</v>
      </c>
      <c r="B31" s="22">
        <v>94</v>
      </c>
      <c r="C31" s="14">
        <v>92</v>
      </c>
      <c r="D31" s="18">
        <v>186</v>
      </c>
    </row>
    <row r="32" spans="1:4" ht="18" customHeight="1" x14ac:dyDescent="0.15">
      <c r="A32" s="5">
        <v>22</v>
      </c>
      <c r="B32" s="22">
        <v>79</v>
      </c>
      <c r="C32" s="14">
        <v>84</v>
      </c>
      <c r="D32" s="18">
        <v>163</v>
      </c>
    </row>
    <row r="33" spans="1:4" ht="18" customHeight="1" x14ac:dyDescent="0.15">
      <c r="A33" s="5">
        <v>23</v>
      </c>
      <c r="B33" s="22">
        <v>102</v>
      </c>
      <c r="C33" s="14">
        <v>74</v>
      </c>
      <c r="D33" s="18">
        <v>176</v>
      </c>
    </row>
    <row r="34" spans="1:4" ht="18" customHeight="1" x14ac:dyDescent="0.15">
      <c r="A34" s="5">
        <v>24</v>
      </c>
      <c r="B34" s="22">
        <v>85</v>
      </c>
      <c r="C34" s="14">
        <v>74</v>
      </c>
      <c r="D34" s="18">
        <v>159</v>
      </c>
    </row>
    <row r="35" spans="1:4" ht="18" customHeight="1" x14ac:dyDescent="0.15">
      <c r="A35" s="5" t="s">
        <v>9</v>
      </c>
      <c r="B35" s="22">
        <v>439</v>
      </c>
      <c r="C35" s="14">
        <v>396</v>
      </c>
      <c r="D35" s="18">
        <v>835</v>
      </c>
    </row>
    <row r="36" spans="1:4" ht="18" customHeight="1" x14ac:dyDescent="0.15">
      <c r="A36" s="5">
        <v>25</v>
      </c>
      <c r="B36" s="22">
        <v>90</v>
      </c>
      <c r="C36" s="14">
        <v>72</v>
      </c>
      <c r="D36" s="18">
        <v>162</v>
      </c>
    </row>
    <row r="37" spans="1:4" ht="18" customHeight="1" x14ac:dyDescent="0.15">
      <c r="A37" s="5">
        <v>26</v>
      </c>
      <c r="B37" s="22">
        <v>98</v>
      </c>
      <c r="C37" s="14">
        <v>81</v>
      </c>
      <c r="D37" s="18">
        <v>179</v>
      </c>
    </row>
    <row r="38" spans="1:4" ht="18" customHeight="1" x14ac:dyDescent="0.15">
      <c r="A38" s="5">
        <v>27</v>
      </c>
      <c r="B38" s="22">
        <v>98</v>
      </c>
      <c r="C38" s="14">
        <v>71</v>
      </c>
      <c r="D38" s="18">
        <v>169</v>
      </c>
    </row>
    <row r="39" spans="1:4" ht="18" customHeight="1" x14ac:dyDescent="0.15">
      <c r="A39" s="5">
        <v>28</v>
      </c>
      <c r="B39" s="22">
        <v>89</v>
      </c>
      <c r="C39" s="14">
        <v>51</v>
      </c>
      <c r="D39" s="18">
        <v>140</v>
      </c>
    </row>
    <row r="40" spans="1:4" ht="18" customHeight="1" x14ac:dyDescent="0.15">
      <c r="A40" s="5">
        <v>29</v>
      </c>
      <c r="B40" s="22">
        <v>78</v>
      </c>
      <c r="C40" s="14">
        <v>56</v>
      </c>
      <c r="D40" s="18">
        <v>134</v>
      </c>
    </row>
    <row r="41" spans="1:4" ht="18" customHeight="1" x14ac:dyDescent="0.15">
      <c r="A41" s="5" t="s">
        <v>2</v>
      </c>
      <c r="B41" s="22">
        <v>453</v>
      </c>
      <c r="C41" s="14">
        <v>331</v>
      </c>
      <c r="D41" s="18">
        <v>784</v>
      </c>
    </row>
    <row r="42" spans="1:4" ht="18" customHeight="1" x14ac:dyDescent="0.15">
      <c r="A42" s="5">
        <v>30</v>
      </c>
      <c r="B42" s="22">
        <v>64</v>
      </c>
      <c r="C42" s="14">
        <v>56</v>
      </c>
      <c r="D42" s="18">
        <v>120</v>
      </c>
    </row>
    <row r="43" spans="1:4" ht="18" customHeight="1" x14ac:dyDescent="0.15">
      <c r="A43" s="5">
        <v>31</v>
      </c>
      <c r="B43" s="22">
        <v>68</v>
      </c>
      <c r="C43" s="14">
        <v>48</v>
      </c>
      <c r="D43" s="18">
        <v>116</v>
      </c>
    </row>
    <row r="44" spans="1:4" ht="18" customHeight="1" x14ac:dyDescent="0.15">
      <c r="A44" s="5">
        <v>32</v>
      </c>
      <c r="B44" s="22">
        <v>71</v>
      </c>
      <c r="C44" s="14">
        <v>41</v>
      </c>
      <c r="D44" s="18">
        <v>112</v>
      </c>
    </row>
    <row r="45" spans="1:4" ht="18" customHeight="1" x14ac:dyDescent="0.15">
      <c r="A45" s="5">
        <v>33</v>
      </c>
      <c r="B45" s="22">
        <v>72</v>
      </c>
      <c r="C45" s="14">
        <v>51</v>
      </c>
      <c r="D45" s="18">
        <v>123</v>
      </c>
    </row>
    <row r="46" spans="1:4" ht="18" customHeight="1" x14ac:dyDescent="0.15">
      <c r="A46" s="5">
        <v>34</v>
      </c>
      <c r="B46" s="22">
        <v>68</v>
      </c>
      <c r="C46" s="14">
        <v>58</v>
      </c>
      <c r="D46" s="18">
        <v>126</v>
      </c>
    </row>
    <row r="47" spans="1:4" ht="18" customHeight="1" x14ac:dyDescent="0.15">
      <c r="A47" s="5" t="s">
        <v>15</v>
      </c>
      <c r="B47" s="22">
        <v>343</v>
      </c>
      <c r="C47" s="14">
        <v>254</v>
      </c>
      <c r="D47" s="18">
        <v>597</v>
      </c>
    </row>
    <row r="48" spans="1:4" ht="18" customHeight="1" x14ac:dyDescent="0.15">
      <c r="A48" s="5">
        <v>35</v>
      </c>
      <c r="B48" s="22">
        <v>54</v>
      </c>
      <c r="C48" s="14">
        <v>46</v>
      </c>
      <c r="D48" s="18">
        <v>100</v>
      </c>
    </row>
    <row r="49" spans="1:4" ht="18" customHeight="1" x14ac:dyDescent="0.15">
      <c r="A49" s="5">
        <v>36</v>
      </c>
      <c r="B49" s="22">
        <v>81</v>
      </c>
      <c r="C49" s="14">
        <v>69</v>
      </c>
      <c r="D49" s="18">
        <v>150</v>
      </c>
    </row>
    <row r="50" spans="1:4" ht="18" customHeight="1" x14ac:dyDescent="0.15">
      <c r="A50" s="5">
        <v>37</v>
      </c>
      <c r="B50" s="22">
        <v>80</v>
      </c>
      <c r="C50" s="14">
        <v>70</v>
      </c>
      <c r="D50" s="18">
        <v>150</v>
      </c>
    </row>
    <row r="51" spans="1:4" ht="18" customHeight="1" x14ac:dyDescent="0.15">
      <c r="A51" s="5">
        <v>38</v>
      </c>
      <c r="B51" s="22">
        <v>62</v>
      </c>
      <c r="C51" s="14">
        <v>62</v>
      </c>
      <c r="D51" s="18">
        <v>124</v>
      </c>
    </row>
    <row r="52" spans="1:4" ht="18" customHeight="1" x14ac:dyDescent="0.15">
      <c r="A52" s="5">
        <v>39</v>
      </c>
      <c r="B52" s="22">
        <v>82</v>
      </c>
      <c r="C52" s="14">
        <v>68</v>
      </c>
      <c r="D52" s="18">
        <v>150</v>
      </c>
    </row>
    <row r="53" spans="1:4" ht="18" customHeight="1" x14ac:dyDescent="0.15">
      <c r="A53" s="5" t="s">
        <v>18</v>
      </c>
      <c r="B53" s="22">
        <v>359</v>
      </c>
      <c r="C53" s="14">
        <v>315</v>
      </c>
      <c r="D53" s="18">
        <v>674</v>
      </c>
    </row>
    <row r="54" spans="1:4" ht="18" customHeight="1" x14ac:dyDescent="0.15">
      <c r="A54" s="5">
        <v>40</v>
      </c>
      <c r="B54" s="22">
        <v>84</v>
      </c>
      <c r="C54" s="14">
        <v>82</v>
      </c>
      <c r="D54" s="18">
        <v>166</v>
      </c>
    </row>
    <row r="55" spans="1:4" ht="18" customHeight="1" x14ac:dyDescent="0.15">
      <c r="A55" s="5">
        <v>41</v>
      </c>
      <c r="B55" s="22">
        <v>87</v>
      </c>
      <c r="C55" s="14">
        <v>86</v>
      </c>
      <c r="D55" s="18">
        <v>173</v>
      </c>
    </row>
    <row r="56" spans="1:4" ht="18" customHeight="1" x14ac:dyDescent="0.15">
      <c r="A56" s="5">
        <v>42</v>
      </c>
      <c r="B56" s="22">
        <v>75</v>
      </c>
      <c r="C56" s="14">
        <v>83</v>
      </c>
      <c r="D56" s="18">
        <v>158</v>
      </c>
    </row>
    <row r="57" spans="1:4" ht="18" customHeight="1" x14ac:dyDescent="0.15">
      <c r="A57" s="5">
        <v>43</v>
      </c>
      <c r="B57" s="22">
        <v>90</v>
      </c>
      <c r="C57" s="14">
        <v>98</v>
      </c>
      <c r="D57" s="18">
        <v>188</v>
      </c>
    </row>
    <row r="58" spans="1:4" ht="18" customHeight="1" x14ac:dyDescent="0.15">
      <c r="A58" s="5">
        <v>44</v>
      </c>
      <c r="B58" s="22">
        <v>122</v>
      </c>
      <c r="C58" s="14">
        <v>93</v>
      </c>
      <c r="D58" s="18">
        <v>215</v>
      </c>
    </row>
    <row r="59" spans="1:4" ht="18" customHeight="1" x14ac:dyDescent="0.15">
      <c r="A59" s="5" t="s">
        <v>21</v>
      </c>
      <c r="B59" s="22">
        <v>458</v>
      </c>
      <c r="C59" s="14">
        <v>442</v>
      </c>
      <c r="D59" s="18">
        <v>900</v>
      </c>
    </row>
    <row r="60" spans="1:4" ht="18" customHeight="1" x14ac:dyDescent="0.15">
      <c r="A60" s="5">
        <v>45</v>
      </c>
      <c r="B60" s="22">
        <v>112</v>
      </c>
      <c r="C60" s="14">
        <v>81</v>
      </c>
      <c r="D60" s="18">
        <v>193</v>
      </c>
    </row>
    <row r="61" spans="1:4" ht="18" customHeight="1" x14ac:dyDescent="0.15">
      <c r="A61" s="5">
        <v>46</v>
      </c>
      <c r="B61" s="22">
        <v>110</v>
      </c>
      <c r="C61" s="14">
        <v>117</v>
      </c>
      <c r="D61" s="18">
        <v>227</v>
      </c>
    </row>
    <row r="62" spans="1:4" ht="18" customHeight="1" x14ac:dyDescent="0.15">
      <c r="A62" s="5">
        <v>47</v>
      </c>
      <c r="B62" s="22">
        <v>111</v>
      </c>
      <c r="C62" s="14">
        <v>114</v>
      </c>
      <c r="D62" s="18">
        <v>225</v>
      </c>
    </row>
    <row r="63" spans="1:4" ht="18" customHeight="1" x14ac:dyDescent="0.15">
      <c r="A63" s="5">
        <v>48</v>
      </c>
      <c r="B63" s="22">
        <v>120</v>
      </c>
      <c r="C63" s="14">
        <v>92</v>
      </c>
      <c r="D63" s="18">
        <v>212</v>
      </c>
    </row>
    <row r="64" spans="1:4" ht="18" customHeight="1" x14ac:dyDescent="0.15">
      <c r="A64" s="5">
        <v>49</v>
      </c>
      <c r="B64" s="22">
        <v>120</v>
      </c>
      <c r="C64" s="14">
        <v>129</v>
      </c>
      <c r="D64" s="18">
        <v>249</v>
      </c>
    </row>
    <row r="65" spans="1:4" ht="18" customHeight="1" x14ac:dyDescent="0.15">
      <c r="A65" s="5" t="s">
        <v>17</v>
      </c>
      <c r="B65" s="22">
        <v>573</v>
      </c>
      <c r="C65" s="14">
        <v>533</v>
      </c>
      <c r="D65" s="18">
        <v>1106</v>
      </c>
    </row>
    <row r="66" spans="1:4" ht="18" customHeight="1" x14ac:dyDescent="0.15">
      <c r="A66" s="5">
        <v>50</v>
      </c>
      <c r="B66" s="22">
        <v>125</v>
      </c>
      <c r="C66" s="14">
        <v>127</v>
      </c>
      <c r="D66" s="18">
        <v>252</v>
      </c>
    </row>
    <row r="67" spans="1:4" ht="18" customHeight="1" x14ac:dyDescent="0.15">
      <c r="A67" s="5">
        <v>51</v>
      </c>
      <c r="B67" s="22">
        <v>140</v>
      </c>
      <c r="C67" s="14">
        <v>134</v>
      </c>
      <c r="D67" s="18">
        <v>274</v>
      </c>
    </row>
    <row r="68" spans="1:4" ht="18" customHeight="1" x14ac:dyDescent="0.15">
      <c r="A68" s="5">
        <v>52</v>
      </c>
      <c r="B68" s="22">
        <v>142</v>
      </c>
      <c r="C68" s="14">
        <v>128</v>
      </c>
      <c r="D68" s="18">
        <v>270</v>
      </c>
    </row>
    <row r="69" spans="1:4" ht="18" customHeight="1" x14ac:dyDescent="0.15">
      <c r="A69" s="5">
        <v>53</v>
      </c>
      <c r="B69" s="22">
        <v>152</v>
      </c>
      <c r="C69" s="14">
        <v>132</v>
      </c>
      <c r="D69" s="18">
        <v>284</v>
      </c>
    </row>
    <row r="70" spans="1:4" ht="18" customHeight="1" x14ac:dyDescent="0.15">
      <c r="A70" s="5">
        <v>54</v>
      </c>
      <c r="B70" s="22">
        <v>136</v>
      </c>
      <c r="C70" s="14">
        <v>131</v>
      </c>
      <c r="D70" s="18">
        <v>267</v>
      </c>
    </row>
    <row r="71" spans="1:4" ht="18" customHeight="1" x14ac:dyDescent="0.15">
      <c r="A71" s="5" t="s">
        <v>22</v>
      </c>
      <c r="B71" s="22">
        <v>695</v>
      </c>
      <c r="C71" s="14">
        <v>652</v>
      </c>
      <c r="D71" s="18">
        <v>1347</v>
      </c>
    </row>
    <row r="72" spans="1:4" ht="18" customHeight="1" x14ac:dyDescent="0.15">
      <c r="A72" s="5">
        <v>55</v>
      </c>
      <c r="B72" s="22">
        <v>145</v>
      </c>
      <c r="C72" s="14">
        <v>127</v>
      </c>
      <c r="D72" s="18">
        <v>272</v>
      </c>
    </row>
    <row r="73" spans="1:4" ht="18" customHeight="1" x14ac:dyDescent="0.15">
      <c r="A73" s="5">
        <v>56</v>
      </c>
      <c r="B73" s="22">
        <v>131</v>
      </c>
      <c r="C73" s="14">
        <v>118</v>
      </c>
      <c r="D73" s="18">
        <v>249</v>
      </c>
    </row>
    <row r="74" spans="1:4" ht="18" customHeight="1" x14ac:dyDescent="0.15">
      <c r="A74" s="5">
        <v>57</v>
      </c>
      <c r="B74" s="22">
        <v>109</v>
      </c>
      <c r="C74" s="14">
        <v>120</v>
      </c>
      <c r="D74" s="18">
        <v>229</v>
      </c>
    </row>
    <row r="75" spans="1:4" ht="18" customHeight="1" x14ac:dyDescent="0.15">
      <c r="A75" s="5">
        <v>58</v>
      </c>
      <c r="B75" s="22">
        <v>105</v>
      </c>
      <c r="C75" s="14">
        <v>127</v>
      </c>
      <c r="D75" s="18">
        <v>232</v>
      </c>
    </row>
    <row r="76" spans="1:4" ht="18" customHeight="1" x14ac:dyDescent="0.15">
      <c r="A76" s="5">
        <v>59</v>
      </c>
      <c r="B76" s="22">
        <v>103</v>
      </c>
      <c r="C76" s="14">
        <v>97</v>
      </c>
      <c r="D76" s="18">
        <v>200</v>
      </c>
    </row>
    <row r="77" spans="1:4" ht="18" customHeight="1" x14ac:dyDescent="0.15">
      <c r="A77" s="5" t="s">
        <v>27</v>
      </c>
      <c r="B77" s="22">
        <v>593</v>
      </c>
      <c r="C77" s="14">
        <v>589</v>
      </c>
      <c r="D77" s="18">
        <v>1182</v>
      </c>
    </row>
    <row r="78" spans="1:4" ht="18" customHeight="1" x14ac:dyDescent="0.15">
      <c r="A78" s="5">
        <v>60</v>
      </c>
      <c r="B78" s="22">
        <v>107</v>
      </c>
      <c r="C78" s="14">
        <v>98</v>
      </c>
      <c r="D78" s="18">
        <v>205</v>
      </c>
    </row>
    <row r="79" spans="1:4" ht="18" customHeight="1" x14ac:dyDescent="0.15">
      <c r="A79" s="5">
        <v>61</v>
      </c>
      <c r="B79" s="22">
        <v>143</v>
      </c>
      <c r="C79" s="14">
        <v>117</v>
      </c>
      <c r="D79" s="18">
        <v>260</v>
      </c>
    </row>
    <row r="80" spans="1:4" ht="18" customHeight="1" x14ac:dyDescent="0.15">
      <c r="A80" s="5">
        <v>62</v>
      </c>
      <c r="B80" s="22">
        <v>113</v>
      </c>
      <c r="C80" s="14">
        <v>116</v>
      </c>
      <c r="D80" s="18">
        <v>229</v>
      </c>
    </row>
    <row r="81" spans="1:4" ht="18" customHeight="1" x14ac:dyDescent="0.15">
      <c r="A81" s="5">
        <v>63</v>
      </c>
      <c r="B81" s="22">
        <v>100</v>
      </c>
      <c r="C81" s="14">
        <v>97</v>
      </c>
      <c r="D81" s="18">
        <v>197</v>
      </c>
    </row>
    <row r="82" spans="1:4" ht="18" customHeight="1" x14ac:dyDescent="0.15">
      <c r="A82" s="5">
        <v>64</v>
      </c>
      <c r="B82" s="22">
        <v>116</v>
      </c>
      <c r="C82" s="14">
        <v>107</v>
      </c>
      <c r="D82" s="18">
        <v>223</v>
      </c>
    </row>
    <row r="83" spans="1:4" ht="18" customHeight="1" x14ac:dyDescent="0.15">
      <c r="A83" s="5" t="s">
        <v>28</v>
      </c>
      <c r="B83" s="22">
        <v>579</v>
      </c>
      <c r="C83" s="14">
        <v>535</v>
      </c>
      <c r="D83" s="18">
        <v>1114</v>
      </c>
    </row>
    <row r="84" spans="1:4" ht="18" customHeight="1" x14ac:dyDescent="0.15">
      <c r="A84" s="5" t="s">
        <v>31</v>
      </c>
      <c r="B84" s="22">
        <v>4863</v>
      </c>
      <c r="C84" s="14">
        <v>4417</v>
      </c>
      <c r="D84" s="18">
        <v>9280</v>
      </c>
    </row>
    <row r="85" spans="1:4" ht="18" customHeight="1" x14ac:dyDescent="0.15">
      <c r="A85" s="5">
        <v>65</v>
      </c>
      <c r="B85" s="22">
        <v>131</v>
      </c>
      <c r="C85" s="14">
        <v>123</v>
      </c>
      <c r="D85" s="18">
        <v>254</v>
      </c>
    </row>
    <row r="86" spans="1:4" ht="18" customHeight="1" x14ac:dyDescent="0.15">
      <c r="A86" s="5">
        <v>66</v>
      </c>
      <c r="B86" s="22">
        <v>107</v>
      </c>
      <c r="C86" s="14">
        <v>113</v>
      </c>
      <c r="D86" s="18">
        <v>220</v>
      </c>
    </row>
    <row r="87" spans="1:4" ht="18" customHeight="1" x14ac:dyDescent="0.15">
      <c r="A87" s="5">
        <v>67</v>
      </c>
      <c r="B87" s="22">
        <v>117</v>
      </c>
      <c r="C87" s="14">
        <v>127</v>
      </c>
      <c r="D87" s="18">
        <v>244</v>
      </c>
    </row>
    <row r="88" spans="1:4" ht="18" customHeight="1" x14ac:dyDescent="0.15">
      <c r="A88" s="5">
        <v>68</v>
      </c>
      <c r="B88" s="22">
        <v>138</v>
      </c>
      <c r="C88" s="14">
        <v>119</v>
      </c>
      <c r="D88" s="18">
        <v>257</v>
      </c>
    </row>
    <row r="89" spans="1:4" ht="18" customHeight="1" x14ac:dyDescent="0.15">
      <c r="A89" s="5">
        <v>69</v>
      </c>
      <c r="B89" s="22">
        <v>117</v>
      </c>
      <c r="C89" s="14">
        <v>117</v>
      </c>
      <c r="D89" s="18">
        <v>234</v>
      </c>
    </row>
    <row r="90" spans="1:4" ht="18" customHeight="1" x14ac:dyDescent="0.15">
      <c r="A90" s="5" t="s">
        <v>20</v>
      </c>
      <c r="B90" s="22">
        <v>610</v>
      </c>
      <c r="C90" s="14">
        <v>599</v>
      </c>
      <c r="D90" s="18">
        <v>1209</v>
      </c>
    </row>
    <row r="91" spans="1:4" ht="18" customHeight="1" x14ac:dyDescent="0.15">
      <c r="A91" s="5">
        <v>70</v>
      </c>
      <c r="B91" s="22">
        <v>126</v>
      </c>
      <c r="C91" s="14">
        <v>149</v>
      </c>
      <c r="D91" s="18">
        <v>275</v>
      </c>
    </row>
    <row r="92" spans="1:4" ht="18" customHeight="1" x14ac:dyDescent="0.15">
      <c r="A92" s="5">
        <v>71</v>
      </c>
      <c r="B92" s="22">
        <v>160</v>
      </c>
      <c r="C92" s="14">
        <v>149</v>
      </c>
      <c r="D92" s="18">
        <v>309</v>
      </c>
    </row>
    <row r="93" spans="1:4" ht="18" customHeight="1" x14ac:dyDescent="0.15">
      <c r="A93" s="5">
        <v>72</v>
      </c>
      <c r="B93" s="22">
        <v>152</v>
      </c>
      <c r="C93" s="14">
        <v>150</v>
      </c>
      <c r="D93" s="18">
        <v>302</v>
      </c>
    </row>
    <row r="94" spans="1:4" ht="18" customHeight="1" x14ac:dyDescent="0.15">
      <c r="A94" s="5">
        <v>73</v>
      </c>
      <c r="B94" s="22">
        <v>155</v>
      </c>
      <c r="C94" s="14">
        <v>147</v>
      </c>
      <c r="D94" s="18">
        <v>302</v>
      </c>
    </row>
    <row r="95" spans="1:4" ht="18" customHeight="1" x14ac:dyDescent="0.15">
      <c r="A95" s="5">
        <v>74</v>
      </c>
      <c r="B95" s="22">
        <v>148</v>
      </c>
      <c r="C95" s="14">
        <v>157</v>
      </c>
      <c r="D95" s="18">
        <v>305</v>
      </c>
    </row>
    <row r="96" spans="1:4" ht="18" customHeight="1" x14ac:dyDescent="0.15">
      <c r="A96" s="5" t="s">
        <v>33</v>
      </c>
      <c r="B96" s="22">
        <v>741</v>
      </c>
      <c r="C96" s="14">
        <v>752</v>
      </c>
      <c r="D96" s="18">
        <v>1493</v>
      </c>
    </row>
    <row r="97" spans="1:4" ht="18" customHeight="1" x14ac:dyDescent="0.15">
      <c r="A97" s="5">
        <v>75</v>
      </c>
      <c r="B97" s="22">
        <v>149</v>
      </c>
      <c r="C97" s="14">
        <v>176</v>
      </c>
      <c r="D97" s="18">
        <v>325</v>
      </c>
    </row>
    <row r="98" spans="1:4" ht="18" customHeight="1" x14ac:dyDescent="0.15">
      <c r="A98" s="5">
        <v>76</v>
      </c>
      <c r="B98" s="22">
        <v>193</v>
      </c>
      <c r="C98" s="14">
        <v>187</v>
      </c>
      <c r="D98" s="18">
        <v>380</v>
      </c>
    </row>
    <row r="99" spans="1:4" ht="18" customHeight="1" x14ac:dyDescent="0.15">
      <c r="A99" s="5">
        <v>77</v>
      </c>
      <c r="B99" s="22">
        <v>165</v>
      </c>
      <c r="C99" s="14">
        <v>165</v>
      </c>
      <c r="D99" s="18">
        <v>330</v>
      </c>
    </row>
    <row r="100" spans="1:4" ht="18" customHeight="1" x14ac:dyDescent="0.15">
      <c r="A100" s="5">
        <v>78</v>
      </c>
      <c r="B100" s="22">
        <v>188</v>
      </c>
      <c r="C100" s="14">
        <v>209</v>
      </c>
      <c r="D100" s="18">
        <v>397</v>
      </c>
    </row>
    <row r="101" spans="1:4" ht="18" customHeight="1" x14ac:dyDescent="0.15">
      <c r="A101" s="5">
        <v>79</v>
      </c>
      <c r="B101" s="22">
        <v>114</v>
      </c>
      <c r="C101" s="14">
        <v>132</v>
      </c>
      <c r="D101" s="18">
        <v>246</v>
      </c>
    </row>
    <row r="102" spans="1:4" ht="18" customHeight="1" x14ac:dyDescent="0.15">
      <c r="A102" s="5" t="s">
        <v>0</v>
      </c>
      <c r="B102" s="22">
        <v>809</v>
      </c>
      <c r="C102" s="14">
        <v>869</v>
      </c>
      <c r="D102" s="18">
        <v>1678</v>
      </c>
    </row>
    <row r="103" spans="1:4" ht="18" customHeight="1" x14ac:dyDescent="0.15">
      <c r="A103" s="5">
        <v>80</v>
      </c>
      <c r="B103" s="22">
        <v>71</v>
      </c>
      <c r="C103" s="14">
        <v>76</v>
      </c>
      <c r="D103" s="18">
        <v>147</v>
      </c>
    </row>
    <row r="104" spans="1:4" ht="18" customHeight="1" x14ac:dyDescent="0.15">
      <c r="A104" s="5">
        <v>81</v>
      </c>
      <c r="B104" s="22">
        <v>84</v>
      </c>
      <c r="C104" s="14">
        <v>126</v>
      </c>
      <c r="D104" s="18">
        <v>210</v>
      </c>
    </row>
    <row r="105" spans="1:4" ht="18" customHeight="1" x14ac:dyDescent="0.15">
      <c r="A105" s="5">
        <v>82</v>
      </c>
      <c r="B105" s="22">
        <v>104</v>
      </c>
      <c r="C105" s="14">
        <v>110</v>
      </c>
      <c r="D105" s="18">
        <v>214</v>
      </c>
    </row>
    <row r="106" spans="1:4" ht="18" customHeight="1" x14ac:dyDescent="0.15">
      <c r="A106" s="5">
        <v>83</v>
      </c>
      <c r="B106" s="22">
        <v>79</v>
      </c>
      <c r="C106" s="14">
        <v>99</v>
      </c>
      <c r="D106" s="18">
        <v>178</v>
      </c>
    </row>
    <row r="107" spans="1:4" ht="18" customHeight="1" x14ac:dyDescent="0.15">
      <c r="A107" s="5">
        <v>84</v>
      </c>
      <c r="B107" s="22">
        <v>93</v>
      </c>
      <c r="C107" s="14">
        <v>113</v>
      </c>
      <c r="D107" s="18">
        <v>206</v>
      </c>
    </row>
    <row r="108" spans="1:4" ht="18" customHeight="1" x14ac:dyDescent="0.15">
      <c r="A108" s="5" t="s">
        <v>35</v>
      </c>
      <c r="B108" s="22">
        <v>431</v>
      </c>
      <c r="C108" s="14">
        <v>524</v>
      </c>
      <c r="D108" s="18">
        <v>955</v>
      </c>
    </row>
    <row r="109" spans="1:4" ht="18" customHeight="1" x14ac:dyDescent="0.15">
      <c r="A109" s="5">
        <v>85</v>
      </c>
      <c r="B109" s="22">
        <v>62</v>
      </c>
      <c r="C109" s="14">
        <v>90</v>
      </c>
      <c r="D109" s="18">
        <v>152</v>
      </c>
    </row>
    <row r="110" spans="1:4" ht="18" customHeight="1" x14ac:dyDescent="0.15">
      <c r="A110" s="5">
        <v>86</v>
      </c>
      <c r="B110" s="22">
        <v>47</v>
      </c>
      <c r="C110" s="14">
        <v>87</v>
      </c>
      <c r="D110" s="18">
        <v>134</v>
      </c>
    </row>
    <row r="111" spans="1:4" ht="18" customHeight="1" x14ac:dyDescent="0.15">
      <c r="A111" s="5">
        <v>87</v>
      </c>
      <c r="B111" s="22">
        <v>41</v>
      </c>
      <c r="C111" s="14">
        <v>91</v>
      </c>
      <c r="D111" s="18">
        <v>132</v>
      </c>
    </row>
    <row r="112" spans="1:4" ht="18" customHeight="1" x14ac:dyDescent="0.15">
      <c r="A112" s="5">
        <v>88</v>
      </c>
      <c r="B112" s="22">
        <v>45</v>
      </c>
      <c r="C112" s="14">
        <v>87</v>
      </c>
      <c r="D112" s="18">
        <v>132</v>
      </c>
    </row>
    <row r="113" spans="1:4" ht="18" customHeight="1" x14ac:dyDescent="0.15">
      <c r="A113" s="5">
        <v>89</v>
      </c>
      <c r="B113" s="22">
        <v>39</v>
      </c>
      <c r="C113" s="14">
        <v>86</v>
      </c>
      <c r="D113" s="18">
        <v>125</v>
      </c>
    </row>
    <row r="114" spans="1:4" ht="18" customHeight="1" x14ac:dyDescent="0.15">
      <c r="A114" s="5" t="s">
        <v>37</v>
      </c>
      <c r="B114" s="22">
        <v>234</v>
      </c>
      <c r="C114" s="14">
        <v>441</v>
      </c>
      <c r="D114" s="18">
        <v>675</v>
      </c>
    </row>
    <row r="115" spans="1:4" ht="18" customHeight="1" x14ac:dyDescent="0.15">
      <c r="A115" s="5">
        <v>90</v>
      </c>
      <c r="B115" s="22">
        <v>42</v>
      </c>
      <c r="C115" s="14">
        <v>77</v>
      </c>
      <c r="D115" s="18">
        <v>119</v>
      </c>
    </row>
    <row r="116" spans="1:4" ht="18" customHeight="1" x14ac:dyDescent="0.15">
      <c r="A116" s="5">
        <v>91</v>
      </c>
      <c r="B116" s="22">
        <v>25</v>
      </c>
      <c r="C116" s="14">
        <v>65</v>
      </c>
      <c r="D116" s="18">
        <v>90</v>
      </c>
    </row>
    <row r="117" spans="1:4" ht="18" customHeight="1" x14ac:dyDescent="0.15">
      <c r="A117" s="5">
        <v>92</v>
      </c>
      <c r="B117" s="22">
        <v>20</v>
      </c>
      <c r="C117" s="14">
        <v>67</v>
      </c>
      <c r="D117" s="18">
        <v>87</v>
      </c>
    </row>
    <row r="118" spans="1:4" ht="18" customHeight="1" x14ac:dyDescent="0.15">
      <c r="A118" s="5">
        <v>93</v>
      </c>
      <c r="B118" s="22">
        <v>19</v>
      </c>
      <c r="C118" s="14">
        <v>62</v>
      </c>
      <c r="D118" s="18">
        <v>81</v>
      </c>
    </row>
    <row r="119" spans="1:4" ht="18" customHeight="1" x14ac:dyDescent="0.15">
      <c r="A119" s="5">
        <v>94</v>
      </c>
      <c r="B119" s="22">
        <v>11</v>
      </c>
      <c r="C119" s="14">
        <v>53</v>
      </c>
      <c r="D119" s="18">
        <v>64</v>
      </c>
    </row>
    <row r="120" spans="1:4" ht="18" customHeight="1" x14ac:dyDescent="0.15">
      <c r="A120" s="5" t="s">
        <v>39</v>
      </c>
      <c r="B120" s="22">
        <v>117</v>
      </c>
      <c r="C120" s="14">
        <v>324</v>
      </c>
      <c r="D120" s="18">
        <v>441</v>
      </c>
    </row>
    <row r="121" spans="1:4" ht="18" customHeight="1" x14ac:dyDescent="0.15">
      <c r="A121" s="5">
        <v>95</v>
      </c>
      <c r="B121" s="22">
        <v>10</v>
      </c>
      <c r="C121" s="14">
        <v>33</v>
      </c>
      <c r="D121" s="18">
        <v>43</v>
      </c>
    </row>
    <row r="122" spans="1:4" ht="18" customHeight="1" x14ac:dyDescent="0.15">
      <c r="A122" s="5">
        <v>96</v>
      </c>
      <c r="B122" s="22">
        <v>6</v>
      </c>
      <c r="C122" s="14">
        <v>34</v>
      </c>
      <c r="D122" s="18">
        <v>40</v>
      </c>
    </row>
    <row r="123" spans="1:4" ht="18" customHeight="1" x14ac:dyDescent="0.15">
      <c r="A123" s="5">
        <v>97</v>
      </c>
      <c r="B123" s="22">
        <v>9</v>
      </c>
      <c r="C123" s="14">
        <v>22</v>
      </c>
      <c r="D123" s="18">
        <v>31</v>
      </c>
    </row>
    <row r="124" spans="1:4" ht="18" customHeight="1" x14ac:dyDescent="0.15">
      <c r="A124" s="5">
        <v>98</v>
      </c>
      <c r="B124" s="22">
        <v>0</v>
      </c>
      <c r="C124" s="14">
        <v>19</v>
      </c>
      <c r="D124" s="18">
        <v>19</v>
      </c>
    </row>
    <row r="125" spans="1:4" ht="18" customHeight="1" x14ac:dyDescent="0.15">
      <c r="A125" s="5">
        <v>99</v>
      </c>
      <c r="B125" s="22">
        <v>4</v>
      </c>
      <c r="C125" s="14">
        <v>7</v>
      </c>
      <c r="D125" s="18">
        <v>11</v>
      </c>
    </row>
    <row r="126" spans="1:4" ht="18" customHeight="1" x14ac:dyDescent="0.15">
      <c r="A126" s="5" t="s">
        <v>40</v>
      </c>
      <c r="B126" s="22">
        <v>29</v>
      </c>
      <c r="C126" s="14">
        <v>115</v>
      </c>
      <c r="D126" s="18">
        <v>144</v>
      </c>
    </row>
    <row r="127" spans="1:4" ht="18" customHeight="1" x14ac:dyDescent="0.15">
      <c r="A127" s="5">
        <v>100</v>
      </c>
      <c r="B127" s="22">
        <v>0</v>
      </c>
      <c r="C127" s="14">
        <v>13</v>
      </c>
      <c r="D127" s="18">
        <v>13</v>
      </c>
    </row>
    <row r="128" spans="1:4" ht="18" customHeight="1" x14ac:dyDescent="0.15">
      <c r="A128" s="6" t="s">
        <v>43</v>
      </c>
      <c r="B128" s="22">
        <v>0</v>
      </c>
      <c r="C128" s="14">
        <v>14</v>
      </c>
      <c r="D128" s="18">
        <v>14</v>
      </c>
    </row>
    <row r="129" spans="1:4" ht="18" customHeight="1" x14ac:dyDescent="0.15">
      <c r="A129" s="5" t="s">
        <v>44</v>
      </c>
      <c r="B129" s="22">
        <v>0</v>
      </c>
      <c r="C129" s="14">
        <v>27</v>
      </c>
      <c r="D129" s="18">
        <v>27</v>
      </c>
    </row>
    <row r="130" spans="1:4" ht="18" customHeight="1" x14ac:dyDescent="0.15">
      <c r="A130" s="5" t="s">
        <v>46</v>
      </c>
      <c r="B130" s="22">
        <v>2971</v>
      </c>
      <c r="C130" s="14">
        <v>3651</v>
      </c>
      <c r="D130" s="18">
        <v>6622</v>
      </c>
    </row>
    <row r="131" spans="1:4" ht="18" customHeight="1" x14ac:dyDescent="0.15">
      <c r="A131" s="7" t="s">
        <v>45</v>
      </c>
      <c r="B131" s="23">
        <v>8525</v>
      </c>
      <c r="C131" s="15">
        <v>8779</v>
      </c>
      <c r="D131" s="19">
        <v>1730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800-000000000000}">
  <sheetPr codeName="Sheet8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21</v>
      </c>
      <c r="C5" s="29">
        <v>25</v>
      </c>
      <c r="D5" s="31">
        <v>46</v>
      </c>
    </row>
    <row r="6" spans="1:4" ht="18" customHeight="1" x14ac:dyDescent="0.15">
      <c r="A6" s="5">
        <v>1</v>
      </c>
      <c r="B6" s="27">
        <v>31</v>
      </c>
      <c r="C6" s="14">
        <v>27</v>
      </c>
      <c r="D6" s="18">
        <v>58</v>
      </c>
    </row>
    <row r="7" spans="1:4" ht="18" customHeight="1" x14ac:dyDescent="0.15">
      <c r="A7" s="5">
        <v>2</v>
      </c>
      <c r="B7" s="27">
        <v>24</v>
      </c>
      <c r="C7" s="14">
        <v>27</v>
      </c>
      <c r="D7" s="18">
        <v>51</v>
      </c>
    </row>
    <row r="8" spans="1:4" ht="18" customHeight="1" x14ac:dyDescent="0.15">
      <c r="A8" s="5">
        <v>3</v>
      </c>
      <c r="B8" s="27">
        <v>40</v>
      </c>
      <c r="C8" s="14">
        <v>36</v>
      </c>
      <c r="D8" s="18">
        <v>76</v>
      </c>
    </row>
    <row r="9" spans="1:4" ht="18" customHeight="1" x14ac:dyDescent="0.15">
      <c r="A9" s="5">
        <v>4</v>
      </c>
      <c r="B9" s="28">
        <v>37</v>
      </c>
      <c r="C9" s="30">
        <v>33</v>
      </c>
      <c r="D9" s="32">
        <v>70</v>
      </c>
    </row>
    <row r="10" spans="1:4" ht="18" customHeight="1" x14ac:dyDescent="0.15">
      <c r="A10" s="5" t="s">
        <v>7</v>
      </c>
      <c r="B10" s="22">
        <v>153</v>
      </c>
      <c r="C10" s="14">
        <v>148</v>
      </c>
      <c r="D10" s="18">
        <v>301</v>
      </c>
    </row>
    <row r="11" spans="1:4" ht="18" customHeight="1" x14ac:dyDescent="0.15">
      <c r="A11" s="5">
        <v>5</v>
      </c>
      <c r="B11" s="27">
        <v>49</v>
      </c>
      <c r="C11" s="14">
        <v>46</v>
      </c>
      <c r="D11" s="18">
        <v>95</v>
      </c>
    </row>
    <row r="12" spans="1:4" ht="18" customHeight="1" x14ac:dyDescent="0.15">
      <c r="A12" s="5">
        <v>6</v>
      </c>
      <c r="B12" s="27">
        <v>34</v>
      </c>
      <c r="C12" s="14">
        <v>38</v>
      </c>
      <c r="D12" s="18">
        <v>72</v>
      </c>
    </row>
    <row r="13" spans="1:4" ht="18" customHeight="1" x14ac:dyDescent="0.15">
      <c r="A13" s="5">
        <v>7</v>
      </c>
      <c r="B13" s="27">
        <v>51</v>
      </c>
      <c r="C13" s="14">
        <v>43</v>
      </c>
      <c r="D13" s="18">
        <v>94</v>
      </c>
    </row>
    <row r="14" spans="1:4" ht="18" customHeight="1" x14ac:dyDescent="0.15">
      <c r="A14" s="5">
        <v>8</v>
      </c>
      <c r="B14" s="27">
        <v>49</v>
      </c>
      <c r="C14" s="14">
        <v>45</v>
      </c>
      <c r="D14" s="18">
        <v>94</v>
      </c>
    </row>
    <row r="15" spans="1:4" ht="18" customHeight="1" x14ac:dyDescent="0.15">
      <c r="A15" s="5">
        <v>9</v>
      </c>
      <c r="B15" s="27">
        <v>59</v>
      </c>
      <c r="C15" s="14">
        <v>48</v>
      </c>
      <c r="D15" s="18">
        <v>107</v>
      </c>
    </row>
    <row r="16" spans="1:4" ht="18" customHeight="1" x14ac:dyDescent="0.15">
      <c r="A16" s="5" t="s">
        <v>11</v>
      </c>
      <c r="B16" s="22">
        <v>242</v>
      </c>
      <c r="C16" s="14">
        <v>220</v>
      </c>
      <c r="D16" s="18">
        <v>462</v>
      </c>
    </row>
    <row r="17" spans="1:4" ht="18" customHeight="1" x14ac:dyDescent="0.15">
      <c r="A17" s="5">
        <v>10</v>
      </c>
      <c r="B17" s="22">
        <v>50</v>
      </c>
      <c r="C17" s="14">
        <v>36</v>
      </c>
      <c r="D17" s="18">
        <v>86</v>
      </c>
    </row>
    <row r="18" spans="1:4" ht="18" customHeight="1" x14ac:dyDescent="0.15">
      <c r="A18" s="5">
        <v>11</v>
      </c>
      <c r="B18" s="22">
        <v>50</v>
      </c>
      <c r="C18" s="14">
        <v>45</v>
      </c>
      <c r="D18" s="18">
        <v>95</v>
      </c>
    </row>
    <row r="19" spans="1:4" ht="18" customHeight="1" x14ac:dyDescent="0.15">
      <c r="A19" s="5">
        <v>12</v>
      </c>
      <c r="B19" s="22">
        <v>55</v>
      </c>
      <c r="C19" s="14">
        <v>63</v>
      </c>
      <c r="D19" s="18">
        <v>118</v>
      </c>
    </row>
    <row r="20" spans="1:4" ht="18" customHeight="1" x14ac:dyDescent="0.15">
      <c r="A20" s="5">
        <v>13</v>
      </c>
      <c r="B20" s="22">
        <v>50</v>
      </c>
      <c r="C20" s="14">
        <v>54</v>
      </c>
      <c r="D20" s="18">
        <v>104</v>
      </c>
    </row>
    <row r="21" spans="1:4" ht="18" customHeight="1" x14ac:dyDescent="0.15">
      <c r="A21" s="5">
        <v>14</v>
      </c>
      <c r="B21" s="22">
        <v>73</v>
      </c>
      <c r="C21" s="14">
        <v>58</v>
      </c>
      <c r="D21" s="18">
        <v>131</v>
      </c>
    </row>
    <row r="22" spans="1:4" ht="18" customHeight="1" x14ac:dyDescent="0.15">
      <c r="A22" s="5" t="s">
        <v>12</v>
      </c>
      <c r="B22" s="22">
        <v>278</v>
      </c>
      <c r="C22" s="14">
        <v>256</v>
      </c>
      <c r="D22" s="18">
        <v>534</v>
      </c>
    </row>
    <row r="23" spans="1:4" ht="18" customHeight="1" x14ac:dyDescent="0.15">
      <c r="A23" s="5" t="s">
        <v>6</v>
      </c>
      <c r="B23" s="22">
        <v>673</v>
      </c>
      <c r="C23" s="14">
        <v>624</v>
      </c>
      <c r="D23" s="18">
        <v>1297</v>
      </c>
    </row>
    <row r="24" spans="1:4" ht="18" customHeight="1" x14ac:dyDescent="0.15">
      <c r="A24" s="5">
        <v>15</v>
      </c>
      <c r="B24" s="22">
        <v>64</v>
      </c>
      <c r="C24" s="14">
        <v>62</v>
      </c>
      <c r="D24" s="18">
        <v>126</v>
      </c>
    </row>
    <row r="25" spans="1:4" ht="18" customHeight="1" x14ac:dyDescent="0.15">
      <c r="A25" s="5">
        <v>16</v>
      </c>
      <c r="B25" s="22">
        <v>62</v>
      </c>
      <c r="C25" s="14">
        <v>80</v>
      </c>
      <c r="D25" s="18">
        <v>142</v>
      </c>
    </row>
    <row r="26" spans="1:4" ht="18" customHeight="1" x14ac:dyDescent="0.15">
      <c r="A26" s="5">
        <v>17</v>
      </c>
      <c r="B26" s="22">
        <v>85</v>
      </c>
      <c r="C26" s="14">
        <v>72</v>
      </c>
      <c r="D26" s="18">
        <v>157</v>
      </c>
    </row>
    <row r="27" spans="1:4" ht="18" customHeight="1" x14ac:dyDescent="0.15">
      <c r="A27" s="5">
        <v>18</v>
      </c>
      <c r="B27" s="22">
        <v>85</v>
      </c>
      <c r="C27" s="14">
        <v>80</v>
      </c>
      <c r="D27" s="18">
        <v>165</v>
      </c>
    </row>
    <row r="28" spans="1:4" ht="18" customHeight="1" x14ac:dyDescent="0.15">
      <c r="A28" s="5">
        <v>19</v>
      </c>
      <c r="B28" s="22">
        <v>86</v>
      </c>
      <c r="C28" s="14">
        <v>94</v>
      </c>
      <c r="D28" s="18">
        <v>180</v>
      </c>
    </row>
    <row r="29" spans="1:4" ht="18" customHeight="1" x14ac:dyDescent="0.15">
      <c r="A29" s="5" t="s">
        <v>14</v>
      </c>
      <c r="B29" s="22">
        <v>382</v>
      </c>
      <c r="C29" s="14">
        <v>388</v>
      </c>
      <c r="D29" s="18">
        <v>770</v>
      </c>
    </row>
    <row r="30" spans="1:4" ht="18" customHeight="1" x14ac:dyDescent="0.15">
      <c r="A30" s="5">
        <v>20</v>
      </c>
      <c r="B30" s="22">
        <v>75</v>
      </c>
      <c r="C30" s="14">
        <v>74</v>
      </c>
      <c r="D30" s="18">
        <v>149</v>
      </c>
    </row>
    <row r="31" spans="1:4" ht="18" customHeight="1" x14ac:dyDescent="0.15">
      <c r="A31" s="5">
        <v>21</v>
      </c>
      <c r="B31" s="22">
        <v>80</v>
      </c>
      <c r="C31" s="14">
        <v>84</v>
      </c>
      <c r="D31" s="18">
        <v>164</v>
      </c>
    </row>
    <row r="32" spans="1:4" ht="18" customHeight="1" x14ac:dyDescent="0.15">
      <c r="A32" s="5">
        <v>22</v>
      </c>
      <c r="B32" s="22">
        <v>89</v>
      </c>
      <c r="C32" s="14">
        <v>75</v>
      </c>
      <c r="D32" s="18">
        <v>164</v>
      </c>
    </row>
    <row r="33" spans="1:4" ht="18" customHeight="1" x14ac:dyDescent="0.15">
      <c r="A33" s="5">
        <v>23</v>
      </c>
      <c r="B33" s="22">
        <v>63</v>
      </c>
      <c r="C33" s="14">
        <v>71</v>
      </c>
      <c r="D33" s="18">
        <v>134</v>
      </c>
    </row>
    <row r="34" spans="1:4" ht="18" customHeight="1" x14ac:dyDescent="0.15">
      <c r="A34" s="5">
        <v>24</v>
      </c>
      <c r="B34" s="22">
        <v>71</v>
      </c>
      <c r="C34" s="14">
        <v>66</v>
      </c>
      <c r="D34" s="18">
        <v>137</v>
      </c>
    </row>
    <row r="35" spans="1:4" ht="18" customHeight="1" x14ac:dyDescent="0.15">
      <c r="A35" s="5" t="s">
        <v>9</v>
      </c>
      <c r="B35" s="22">
        <v>378</v>
      </c>
      <c r="C35" s="14">
        <v>370</v>
      </c>
      <c r="D35" s="18">
        <v>748</v>
      </c>
    </row>
    <row r="36" spans="1:4" ht="18" customHeight="1" x14ac:dyDescent="0.15">
      <c r="A36" s="5">
        <v>25</v>
      </c>
      <c r="B36" s="22">
        <v>85</v>
      </c>
      <c r="C36" s="14">
        <v>53</v>
      </c>
      <c r="D36" s="18">
        <v>138</v>
      </c>
    </row>
    <row r="37" spans="1:4" ht="18" customHeight="1" x14ac:dyDescent="0.15">
      <c r="A37" s="5">
        <v>26</v>
      </c>
      <c r="B37" s="22">
        <v>81</v>
      </c>
      <c r="C37" s="14">
        <v>68</v>
      </c>
      <c r="D37" s="18">
        <v>149</v>
      </c>
    </row>
    <row r="38" spans="1:4" ht="18" customHeight="1" x14ac:dyDescent="0.15">
      <c r="A38" s="5">
        <v>27</v>
      </c>
      <c r="B38" s="22">
        <v>73</v>
      </c>
      <c r="C38" s="14">
        <v>67</v>
      </c>
      <c r="D38" s="18">
        <v>140</v>
      </c>
    </row>
    <row r="39" spans="1:4" ht="18" customHeight="1" x14ac:dyDescent="0.15">
      <c r="A39" s="5">
        <v>28</v>
      </c>
      <c r="B39" s="22">
        <v>71</v>
      </c>
      <c r="C39" s="14">
        <v>41</v>
      </c>
      <c r="D39" s="18">
        <v>112</v>
      </c>
    </row>
    <row r="40" spans="1:4" ht="18" customHeight="1" x14ac:dyDescent="0.15">
      <c r="A40" s="5">
        <v>29</v>
      </c>
      <c r="B40" s="22">
        <v>69</v>
      </c>
      <c r="C40" s="14">
        <v>43</v>
      </c>
      <c r="D40" s="18">
        <v>112</v>
      </c>
    </row>
    <row r="41" spans="1:4" ht="18" customHeight="1" x14ac:dyDescent="0.15">
      <c r="A41" s="5" t="s">
        <v>2</v>
      </c>
      <c r="B41" s="22">
        <v>379</v>
      </c>
      <c r="C41" s="14">
        <v>272</v>
      </c>
      <c r="D41" s="18">
        <v>651</v>
      </c>
    </row>
    <row r="42" spans="1:4" ht="18" customHeight="1" x14ac:dyDescent="0.15">
      <c r="A42" s="5">
        <v>30</v>
      </c>
      <c r="B42" s="22">
        <v>68</v>
      </c>
      <c r="C42" s="14">
        <v>56</v>
      </c>
      <c r="D42" s="18">
        <v>124</v>
      </c>
    </row>
    <row r="43" spans="1:4" ht="18" customHeight="1" x14ac:dyDescent="0.15">
      <c r="A43" s="5">
        <v>31</v>
      </c>
      <c r="B43" s="22">
        <v>59</v>
      </c>
      <c r="C43" s="14">
        <v>58</v>
      </c>
      <c r="D43" s="18">
        <v>117</v>
      </c>
    </row>
    <row r="44" spans="1:4" ht="18" customHeight="1" x14ac:dyDescent="0.15">
      <c r="A44" s="5">
        <v>32</v>
      </c>
      <c r="B44" s="22">
        <v>49</v>
      </c>
      <c r="C44" s="14">
        <v>51</v>
      </c>
      <c r="D44" s="18">
        <v>100</v>
      </c>
    </row>
    <row r="45" spans="1:4" ht="18" customHeight="1" x14ac:dyDescent="0.15">
      <c r="A45" s="5">
        <v>33</v>
      </c>
      <c r="B45" s="22">
        <v>60</v>
      </c>
      <c r="C45" s="14">
        <v>54</v>
      </c>
      <c r="D45" s="18">
        <v>114</v>
      </c>
    </row>
    <row r="46" spans="1:4" ht="18" customHeight="1" x14ac:dyDescent="0.15">
      <c r="A46" s="5">
        <v>34</v>
      </c>
      <c r="B46" s="22">
        <v>63</v>
      </c>
      <c r="C46" s="14">
        <v>36</v>
      </c>
      <c r="D46" s="18">
        <v>99</v>
      </c>
    </row>
    <row r="47" spans="1:4" ht="18" customHeight="1" x14ac:dyDescent="0.15">
      <c r="A47" s="5" t="s">
        <v>15</v>
      </c>
      <c r="B47" s="22">
        <v>299</v>
      </c>
      <c r="C47" s="14">
        <v>255</v>
      </c>
      <c r="D47" s="18">
        <v>554</v>
      </c>
    </row>
    <row r="48" spans="1:4" ht="18" customHeight="1" x14ac:dyDescent="0.15">
      <c r="A48" s="5">
        <v>35</v>
      </c>
      <c r="B48" s="22">
        <v>62</v>
      </c>
      <c r="C48" s="14">
        <v>49</v>
      </c>
      <c r="D48" s="18">
        <v>111</v>
      </c>
    </row>
    <row r="49" spans="1:4" ht="18" customHeight="1" x14ac:dyDescent="0.15">
      <c r="A49" s="5">
        <v>36</v>
      </c>
      <c r="B49" s="22">
        <v>57</v>
      </c>
      <c r="C49" s="14">
        <v>57</v>
      </c>
      <c r="D49" s="18">
        <v>114</v>
      </c>
    </row>
    <row r="50" spans="1:4" ht="18" customHeight="1" x14ac:dyDescent="0.15">
      <c r="A50" s="5">
        <v>37</v>
      </c>
      <c r="B50" s="22">
        <v>50</v>
      </c>
      <c r="C50" s="14">
        <v>47</v>
      </c>
      <c r="D50" s="18">
        <v>97</v>
      </c>
    </row>
    <row r="51" spans="1:4" ht="18" customHeight="1" x14ac:dyDescent="0.15">
      <c r="A51" s="5">
        <v>38</v>
      </c>
      <c r="B51" s="22">
        <v>64</v>
      </c>
      <c r="C51" s="14">
        <v>64</v>
      </c>
      <c r="D51" s="18">
        <v>128</v>
      </c>
    </row>
    <row r="52" spans="1:4" ht="18" customHeight="1" x14ac:dyDescent="0.15">
      <c r="A52" s="5">
        <v>39</v>
      </c>
      <c r="B52" s="22">
        <v>79</v>
      </c>
      <c r="C52" s="14">
        <v>72</v>
      </c>
      <c r="D52" s="18">
        <v>151</v>
      </c>
    </row>
    <row r="53" spans="1:4" ht="18" customHeight="1" x14ac:dyDescent="0.15">
      <c r="A53" s="5" t="s">
        <v>18</v>
      </c>
      <c r="B53" s="22">
        <v>312</v>
      </c>
      <c r="C53" s="14">
        <v>289</v>
      </c>
      <c r="D53" s="18">
        <v>601</v>
      </c>
    </row>
    <row r="54" spans="1:4" ht="18" customHeight="1" x14ac:dyDescent="0.15">
      <c r="A54" s="5">
        <v>40</v>
      </c>
      <c r="B54" s="22">
        <v>74</v>
      </c>
      <c r="C54" s="14">
        <v>66</v>
      </c>
      <c r="D54" s="18">
        <v>140</v>
      </c>
    </row>
    <row r="55" spans="1:4" ht="18" customHeight="1" x14ac:dyDescent="0.15">
      <c r="A55" s="5">
        <v>41</v>
      </c>
      <c r="B55" s="22">
        <v>74</v>
      </c>
      <c r="C55" s="14">
        <v>73</v>
      </c>
      <c r="D55" s="18">
        <v>147</v>
      </c>
    </row>
    <row r="56" spans="1:4" ht="18" customHeight="1" x14ac:dyDescent="0.15">
      <c r="A56" s="5">
        <v>42</v>
      </c>
      <c r="B56" s="22">
        <v>67</v>
      </c>
      <c r="C56" s="14">
        <v>73</v>
      </c>
      <c r="D56" s="18">
        <v>140</v>
      </c>
    </row>
    <row r="57" spans="1:4" ht="18" customHeight="1" x14ac:dyDescent="0.15">
      <c r="A57" s="5">
        <v>43</v>
      </c>
      <c r="B57" s="22">
        <v>72</v>
      </c>
      <c r="C57" s="14">
        <v>71</v>
      </c>
      <c r="D57" s="18">
        <v>143</v>
      </c>
    </row>
    <row r="58" spans="1:4" ht="18" customHeight="1" x14ac:dyDescent="0.15">
      <c r="A58" s="5">
        <v>44</v>
      </c>
      <c r="B58" s="22">
        <v>68</v>
      </c>
      <c r="C58" s="14">
        <v>79</v>
      </c>
      <c r="D58" s="18">
        <v>147</v>
      </c>
    </row>
    <row r="59" spans="1:4" ht="18" customHeight="1" x14ac:dyDescent="0.15">
      <c r="A59" s="5" t="s">
        <v>21</v>
      </c>
      <c r="B59" s="22">
        <v>355</v>
      </c>
      <c r="C59" s="14">
        <v>362</v>
      </c>
      <c r="D59" s="18">
        <v>717</v>
      </c>
    </row>
    <row r="60" spans="1:4" ht="18" customHeight="1" x14ac:dyDescent="0.15">
      <c r="A60" s="5">
        <v>45</v>
      </c>
      <c r="B60" s="22">
        <v>81</v>
      </c>
      <c r="C60" s="14">
        <v>77</v>
      </c>
      <c r="D60" s="18">
        <v>158</v>
      </c>
    </row>
    <row r="61" spans="1:4" ht="18" customHeight="1" x14ac:dyDescent="0.15">
      <c r="A61" s="5">
        <v>46</v>
      </c>
      <c r="B61" s="22">
        <v>75</v>
      </c>
      <c r="C61" s="14">
        <v>98</v>
      </c>
      <c r="D61" s="18">
        <v>173</v>
      </c>
    </row>
    <row r="62" spans="1:4" ht="18" customHeight="1" x14ac:dyDescent="0.15">
      <c r="A62" s="5">
        <v>47</v>
      </c>
      <c r="B62" s="22">
        <v>76</v>
      </c>
      <c r="C62" s="14">
        <v>84</v>
      </c>
      <c r="D62" s="18">
        <v>160</v>
      </c>
    </row>
    <row r="63" spans="1:4" ht="18" customHeight="1" x14ac:dyDescent="0.15">
      <c r="A63" s="5">
        <v>48</v>
      </c>
      <c r="B63" s="22">
        <v>115</v>
      </c>
      <c r="C63" s="14">
        <v>99</v>
      </c>
      <c r="D63" s="18">
        <v>214</v>
      </c>
    </row>
    <row r="64" spans="1:4" ht="18" customHeight="1" x14ac:dyDescent="0.15">
      <c r="A64" s="5">
        <v>49</v>
      </c>
      <c r="B64" s="22">
        <v>100</v>
      </c>
      <c r="C64" s="14">
        <v>110</v>
      </c>
      <c r="D64" s="18">
        <v>210</v>
      </c>
    </row>
    <row r="65" spans="1:4" ht="18" customHeight="1" x14ac:dyDescent="0.15">
      <c r="A65" s="5" t="s">
        <v>17</v>
      </c>
      <c r="B65" s="22">
        <v>447</v>
      </c>
      <c r="C65" s="14">
        <v>468</v>
      </c>
      <c r="D65" s="18">
        <v>915</v>
      </c>
    </row>
    <row r="66" spans="1:4" ht="18" customHeight="1" x14ac:dyDescent="0.15">
      <c r="A66" s="5">
        <v>50</v>
      </c>
      <c r="B66" s="22">
        <v>127</v>
      </c>
      <c r="C66" s="14">
        <v>109</v>
      </c>
      <c r="D66" s="18">
        <v>236</v>
      </c>
    </row>
    <row r="67" spans="1:4" ht="18" customHeight="1" x14ac:dyDescent="0.15">
      <c r="A67" s="5">
        <v>51</v>
      </c>
      <c r="B67" s="22">
        <v>110</v>
      </c>
      <c r="C67" s="14">
        <v>106</v>
      </c>
      <c r="D67" s="18">
        <v>216</v>
      </c>
    </row>
    <row r="68" spans="1:4" ht="18" customHeight="1" x14ac:dyDescent="0.15">
      <c r="A68" s="5">
        <v>52</v>
      </c>
      <c r="B68" s="22">
        <v>127</v>
      </c>
      <c r="C68" s="14">
        <v>122</v>
      </c>
      <c r="D68" s="18">
        <v>249</v>
      </c>
    </row>
    <row r="69" spans="1:4" ht="18" customHeight="1" x14ac:dyDescent="0.15">
      <c r="A69" s="5">
        <v>53</v>
      </c>
      <c r="B69" s="22">
        <v>128</v>
      </c>
      <c r="C69" s="14">
        <v>126</v>
      </c>
      <c r="D69" s="18">
        <v>254</v>
      </c>
    </row>
    <row r="70" spans="1:4" ht="18" customHeight="1" x14ac:dyDescent="0.15">
      <c r="A70" s="5">
        <v>54</v>
      </c>
      <c r="B70" s="22">
        <v>101</v>
      </c>
      <c r="C70" s="14">
        <v>114</v>
      </c>
      <c r="D70" s="18">
        <v>215</v>
      </c>
    </row>
    <row r="71" spans="1:4" ht="18" customHeight="1" x14ac:dyDescent="0.15">
      <c r="A71" s="5" t="s">
        <v>22</v>
      </c>
      <c r="B71" s="22">
        <v>593</v>
      </c>
      <c r="C71" s="14">
        <v>577</v>
      </c>
      <c r="D71" s="18">
        <v>1170</v>
      </c>
    </row>
    <row r="72" spans="1:4" ht="18" customHeight="1" x14ac:dyDescent="0.15">
      <c r="A72" s="5">
        <v>55</v>
      </c>
      <c r="B72" s="22">
        <v>126</v>
      </c>
      <c r="C72" s="14">
        <v>92</v>
      </c>
      <c r="D72" s="18">
        <v>218</v>
      </c>
    </row>
    <row r="73" spans="1:4" ht="18" customHeight="1" x14ac:dyDescent="0.15">
      <c r="A73" s="5">
        <v>56</v>
      </c>
      <c r="B73" s="22">
        <v>108</v>
      </c>
      <c r="C73" s="14">
        <v>80</v>
      </c>
      <c r="D73" s="18">
        <v>188</v>
      </c>
    </row>
    <row r="74" spans="1:4" ht="18" customHeight="1" x14ac:dyDescent="0.15">
      <c r="A74" s="5">
        <v>57</v>
      </c>
      <c r="B74" s="22">
        <v>105</v>
      </c>
      <c r="C74" s="14">
        <v>94</v>
      </c>
      <c r="D74" s="18">
        <v>199</v>
      </c>
    </row>
    <row r="75" spans="1:4" ht="18" customHeight="1" x14ac:dyDescent="0.15">
      <c r="A75" s="5">
        <v>58</v>
      </c>
      <c r="B75" s="22">
        <v>71</v>
      </c>
      <c r="C75" s="14">
        <v>92</v>
      </c>
      <c r="D75" s="18">
        <v>163</v>
      </c>
    </row>
    <row r="76" spans="1:4" ht="18" customHeight="1" x14ac:dyDescent="0.15">
      <c r="A76" s="5">
        <v>59</v>
      </c>
      <c r="B76" s="22">
        <v>70</v>
      </c>
      <c r="C76" s="14">
        <v>73</v>
      </c>
      <c r="D76" s="18">
        <v>143</v>
      </c>
    </row>
    <row r="77" spans="1:4" ht="18" customHeight="1" x14ac:dyDescent="0.15">
      <c r="A77" s="5" t="s">
        <v>27</v>
      </c>
      <c r="B77" s="22">
        <v>480</v>
      </c>
      <c r="C77" s="14">
        <v>431</v>
      </c>
      <c r="D77" s="18">
        <v>911</v>
      </c>
    </row>
    <row r="78" spans="1:4" ht="18" customHeight="1" x14ac:dyDescent="0.15">
      <c r="A78" s="5">
        <v>60</v>
      </c>
      <c r="B78" s="22">
        <v>62</v>
      </c>
      <c r="C78" s="14">
        <v>77</v>
      </c>
      <c r="D78" s="18">
        <v>139</v>
      </c>
    </row>
    <row r="79" spans="1:4" ht="18" customHeight="1" x14ac:dyDescent="0.15">
      <c r="A79" s="5">
        <v>61</v>
      </c>
      <c r="B79" s="22">
        <v>67</v>
      </c>
      <c r="C79" s="14">
        <v>85</v>
      </c>
      <c r="D79" s="18">
        <v>152</v>
      </c>
    </row>
    <row r="80" spans="1:4" ht="18" customHeight="1" x14ac:dyDescent="0.15">
      <c r="A80" s="5">
        <v>62</v>
      </c>
      <c r="B80" s="22">
        <v>71</v>
      </c>
      <c r="C80" s="14">
        <v>69</v>
      </c>
      <c r="D80" s="18">
        <v>140</v>
      </c>
    </row>
    <row r="81" spans="1:4" ht="18" customHeight="1" x14ac:dyDescent="0.15">
      <c r="A81" s="5">
        <v>63</v>
      </c>
      <c r="B81" s="22">
        <v>61</v>
      </c>
      <c r="C81" s="14">
        <v>73</v>
      </c>
      <c r="D81" s="18">
        <v>134</v>
      </c>
    </row>
    <row r="82" spans="1:4" ht="18" customHeight="1" x14ac:dyDescent="0.15">
      <c r="A82" s="5">
        <v>64</v>
      </c>
      <c r="B82" s="22">
        <v>75</v>
      </c>
      <c r="C82" s="14">
        <v>52</v>
      </c>
      <c r="D82" s="18">
        <v>127</v>
      </c>
    </row>
    <row r="83" spans="1:4" ht="18" customHeight="1" x14ac:dyDescent="0.15">
      <c r="A83" s="5" t="s">
        <v>28</v>
      </c>
      <c r="B83" s="22">
        <v>336</v>
      </c>
      <c r="C83" s="14">
        <v>356</v>
      </c>
      <c r="D83" s="18">
        <v>692</v>
      </c>
    </row>
    <row r="84" spans="1:4" ht="18" customHeight="1" x14ac:dyDescent="0.15">
      <c r="A84" s="5" t="s">
        <v>31</v>
      </c>
      <c r="B84" s="22">
        <v>3961</v>
      </c>
      <c r="C84" s="14">
        <v>3768</v>
      </c>
      <c r="D84" s="18">
        <v>7729</v>
      </c>
    </row>
    <row r="85" spans="1:4" ht="18" customHeight="1" x14ac:dyDescent="0.15">
      <c r="A85" s="5">
        <v>65</v>
      </c>
      <c r="B85" s="22">
        <v>53</v>
      </c>
      <c r="C85" s="14">
        <v>70</v>
      </c>
      <c r="D85" s="18">
        <v>123</v>
      </c>
    </row>
    <row r="86" spans="1:4" ht="18" customHeight="1" x14ac:dyDescent="0.15">
      <c r="A86" s="5">
        <v>66</v>
      </c>
      <c r="B86" s="22">
        <v>51</v>
      </c>
      <c r="C86" s="14">
        <v>65</v>
      </c>
      <c r="D86" s="18">
        <v>116</v>
      </c>
    </row>
    <row r="87" spans="1:4" ht="18" customHeight="1" x14ac:dyDescent="0.15">
      <c r="A87" s="5">
        <v>67</v>
      </c>
      <c r="B87" s="22">
        <v>59</v>
      </c>
      <c r="C87" s="14">
        <v>62</v>
      </c>
      <c r="D87" s="18">
        <v>121</v>
      </c>
    </row>
    <row r="88" spans="1:4" ht="18" customHeight="1" x14ac:dyDescent="0.15">
      <c r="A88" s="5">
        <v>68</v>
      </c>
      <c r="B88" s="22">
        <v>47</v>
      </c>
      <c r="C88" s="14">
        <v>54</v>
      </c>
      <c r="D88" s="18">
        <v>101</v>
      </c>
    </row>
    <row r="89" spans="1:4" ht="18" customHeight="1" x14ac:dyDescent="0.15">
      <c r="A89" s="5">
        <v>69</v>
      </c>
      <c r="B89" s="22">
        <v>54</v>
      </c>
      <c r="C89" s="14">
        <v>49</v>
      </c>
      <c r="D89" s="18">
        <v>103</v>
      </c>
    </row>
    <row r="90" spans="1:4" ht="18" customHeight="1" x14ac:dyDescent="0.15">
      <c r="A90" s="5" t="s">
        <v>20</v>
      </c>
      <c r="B90" s="22">
        <v>264</v>
      </c>
      <c r="C90" s="14">
        <v>300</v>
      </c>
      <c r="D90" s="18">
        <v>564</v>
      </c>
    </row>
    <row r="91" spans="1:4" ht="18" customHeight="1" x14ac:dyDescent="0.15">
      <c r="A91" s="5">
        <v>70</v>
      </c>
      <c r="B91" s="22">
        <v>50</v>
      </c>
      <c r="C91" s="14">
        <v>62</v>
      </c>
      <c r="D91" s="18">
        <v>112</v>
      </c>
    </row>
    <row r="92" spans="1:4" ht="18" customHeight="1" x14ac:dyDescent="0.15">
      <c r="A92" s="5">
        <v>71</v>
      </c>
      <c r="B92" s="22">
        <v>71</v>
      </c>
      <c r="C92" s="14">
        <v>67</v>
      </c>
      <c r="D92" s="18">
        <v>138</v>
      </c>
    </row>
    <row r="93" spans="1:4" ht="18" customHeight="1" x14ac:dyDescent="0.15">
      <c r="A93" s="5">
        <v>72</v>
      </c>
      <c r="B93" s="22">
        <v>67</v>
      </c>
      <c r="C93" s="14">
        <v>71</v>
      </c>
      <c r="D93" s="18">
        <v>138</v>
      </c>
    </row>
    <row r="94" spans="1:4" ht="18" customHeight="1" x14ac:dyDescent="0.15">
      <c r="A94" s="5">
        <v>73</v>
      </c>
      <c r="B94" s="22">
        <v>60</v>
      </c>
      <c r="C94" s="14">
        <v>59</v>
      </c>
      <c r="D94" s="18">
        <v>119</v>
      </c>
    </row>
    <row r="95" spans="1:4" ht="18" customHeight="1" x14ac:dyDescent="0.15">
      <c r="A95" s="5">
        <v>74</v>
      </c>
      <c r="B95" s="22">
        <v>56</v>
      </c>
      <c r="C95" s="14">
        <v>60</v>
      </c>
      <c r="D95" s="18">
        <v>116</v>
      </c>
    </row>
    <row r="96" spans="1:4" ht="18" customHeight="1" x14ac:dyDescent="0.15">
      <c r="A96" s="5" t="s">
        <v>33</v>
      </c>
      <c r="B96" s="22">
        <v>304</v>
      </c>
      <c r="C96" s="14">
        <v>319</v>
      </c>
      <c r="D96" s="18">
        <v>623</v>
      </c>
    </row>
    <row r="97" spans="1:4" ht="18" customHeight="1" x14ac:dyDescent="0.15">
      <c r="A97" s="5">
        <v>75</v>
      </c>
      <c r="B97" s="22">
        <v>71</v>
      </c>
      <c r="C97" s="14">
        <v>68</v>
      </c>
      <c r="D97" s="18">
        <v>139</v>
      </c>
    </row>
    <row r="98" spans="1:4" ht="18" customHeight="1" x14ac:dyDescent="0.15">
      <c r="A98" s="5">
        <v>76</v>
      </c>
      <c r="B98" s="22">
        <v>51</v>
      </c>
      <c r="C98" s="14">
        <v>65</v>
      </c>
      <c r="D98" s="18">
        <v>116</v>
      </c>
    </row>
    <row r="99" spans="1:4" ht="18" customHeight="1" x14ac:dyDescent="0.15">
      <c r="A99" s="5">
        <v>77</v>
      </c>
      <c r="B99" s="22">
        <v>81</v>
      </c>
      <c r="C99" s="14">
        <v>94</v>
      </c>
      <c r="D99" s="18">
        <v>175</v>
      </c>
    </row>
    <row r="100" spans="1:4" ht="18" customHeight="1" x14ac:dyDescent="0.15">
      <c r="A100" s="5">
        <v>78</v>
      </c>
      <c r="B100" s="22">
        <v>68</v>
      </c>
      <c r="C100" s="14">
        <v>87</v>
      </c>
      <c r="D100" s="18">
        <v>155</v>
      </c>
    </row>
    <row r="101" spans="1:4" ht="18" customHeight="1" x14ac:dyDescent="0.15">
      <c r="A101" s="5">
        <v>79</v>
      </c>
      <c r="B101" s="22">
        <v>36</v>
      </c>
      <c r="C101" s="14">
        <v>57</v>
      </c>
      <c r="D101" s="18">
        <v>93</v>
      </c>
    </row>
    <row r="102" spans="1:4" ht="18" customHeight="1" x14ac:dyDescent="0.15">
      <c r="A102" s="5" t="s">
        <v>0</v>
      </c>
      <c r="B102" s="22">
        <v>307</v>
      </c>
      <c r="C102" s="14">
        <v>371</v>
      </c>
      <c r="D102" s="18">
        <v>678</v>
      </c>
    </row>
    <row r="103" spans="1:4" ht="18" customHeight="1" x14ac:dyDescent="0.15">
      <c r="A103" s="5">
        <v>80</v>
      </c>
      <c r="B103" s="22">
        <v>25</v>
      </c>
      <c r="C103" s="14">
        <v>30</v>
      </c>
      <c r="D103" s="18">
        <v>55</v>
      </c>
    </row>
    <row r="104" spans="1:4" ht="18" customHeight="1" x14ac:dyDescent="0.15">
      <c r="A104" s="5">
        <v>81</v>
      </c>
      <c r="B104" s="22">
        <v>37</v>
      </c>
      <c r="C104" s="14">
        <v>46</v>
      </c>
      <c r="D104" s="18">
        <v>83</v>
      </c>
    </row>
    <row r="105" spans="1:4" ht="18" customHeight="1" x14ac:dyDescent="0.15">
      <c r="A105" s="5">
        <v>82</v>
      </c>
      <c r="B105" s="22">
        <v>33</v>
      </c>
      <c r="C105" s="14">
        <v>40</v>
      </c>
      <c r="D105" s="18">
        <v>73</v>
      </c>
    </row>
    <row r="106" spans="1:4" ht="18" customHeight="1" x14ac:dyDescent="0.15">
      <c r="A106" s="5">
        <v>83</v>
      </c>
      <c r="B106" s="22">
        <v>36</v>
      </c>
      <c r="C106" s="14">
        <v>41</v>
      </c>
      <c r="D106" s="18">
        <v>77</v>
      </c>
    </row>
    <row r="107" spans="1:4" ht="18" customHeight="1" x14ac:dyDescent="0.15">
      <c r="A107" s="5">
        <v>84</v>
      </c>
      <c r="B107" s="22">
        <v>28</v>
      </c>
      <c r="C107" s="14">
        <v>42</v>
      </c>
      <c r="D107" s="18">
        <v>70</v>
      </c>
    </row>
    <row r="108" spans="1:4" ht="18" customHeight="1" x14ac:dyDescent="0.15">
      <c r="A108" s="5" t="s">
        <v>35</v>
      </c>
      <c r="B108" s="22">
        <v>159</v>
      </c>
      <c r="C108" s="14">
        <v>199</v>
      </c>
      <c r="D108" s="18">
        <v>358</v>
      </c>
    </row>
    <row r="109" spans="1:4" ht="18" customHeight="1" x14ac:dyDescent="0.15">
      <c r="A109" s="5">
        <v>85</v>
      </c>
      <c r="B109" s="22">
        <v>29</v>
      </c>
      <c r="C109" s="14">
        <v>50</v>
      </c>
      <c r="D109" s="18">
        <v>79</v>
      </c>
    </row>
    <row r="110" spans="1:4" ht="18" customHeight="1" x14ac:dyDescent="0.15">
      <c r="A110" s="5">
        <v>86</v>
      </c>
      <c r="B110" s="22">
        <v>22</v>
      </c>
      <c r="C110" s="14">
        <v>31</v>
      </c>
      <c r="D110" s="18">
        <v>53</v>
      </c>
    </row>
    <row r="111" spans="1:4" ht="18" customHeight="1" x14ac:dyDescent="0.15">
      <c r="A111" s="5">
        <v>87</v>
      </c>
      <c r="B111" s="22">
        <v>18</v>
      </c>
      <c r="C111" s="14">
        <v>27</v>
      </c>
      <c r="D111" s="18">
        <v>45</v>
      </c>
    </row>
    <row r="112" spans="1:4" ht="18" customHeight="1" x14ac:dyDescent="0.15">
      <c r="A112" s="5">
        <v>88</v>
      </c>
      <c r="B112" s="22">
        <v>12</v>
      </c>
      <c r="C112" s="14">
        <v>18</v>
      </c>
      <c r="D112" s="18">
        <v>30</v>
      </c>
    </row>
    <row r="113" spans="1:4" ht="18" customHeight="1" x14ac:dyDescent="0.15">
      <c r="A113" s="5">
        <v>89</v>
      </c>
      <c r="B113" s="22">
        <v>11</v>
      </c>
      <c r="C113" s="14">
        <v>23</v>
      </c>
      <c r="D113" s="18">
        <v>34</v>
      </c>
    </row>
    <row r="114" spans="1:4" ht="18" customHeight="1" x14ac:dyDescent="0.15">
      <c r="A114" s="5" t="s">
        <v>37</v>
      </c>
      <c r="B114" s="22">
        <v>92</v>
      </c>
      <c r="C114" s="14">
        <v>149</v>
      </c>
      <c r="D114" s="18">
        <v>241</v>
      </c>
    </row>
    <row r="115" spans="1:4" ht="18" customHeight="1" x14ac:dyDescent="0.15">
      <c r="A115" s="5">
        <v>90</v>
      </c>
      <c r="B115" s="22">
        <v>13</v>
      </c>
      <c r="C115" s="14">
        <v>27</v>
      </c>
      <c r="D115" s="18">
        <v>40</v>
      </c>
    </row>
    <row r="116" spans="1:4" ht="18" customHeight="1" x14ac:dyDescent="0.15">
      <c r="A116" s="5">
        <v>91</v>
      </c>
      <c r="B116" s="22">
        <v>5</v>
      </c>
      <c r="C116" s="14">
        <v>23</v>
      </c>
      <c r="D116" s="18">
        <v>28</v>
      </c>
    </row>
    <row r="117" spans="1:4" ht="18" customHeight="1" x14ac:dyDescent="0.15">
      <c r="A117" s="5">
        <v>92</v>
      </c>
      <c r="B117" s="22">
        <v>7</v>
      </c>
      <c r="C117" s="14">
        <v>18</v>
      </c>
      <c r="D117" s="18">
        <v>25</v>
      </c>
    </row>
    <row r="118" spans="1:4" ht="18" customHeight="1" x14ac:dyDescent="0.15">
      <c r="A118" s="5">
        <v>93</v>
      </c>
      <c r="B118" s="22">
        <v>4</v>
      </c>
      <c r="C118" s="14">
        <v>23</v>
      </c>
      <c r="D118" s="18">
        <v>27</v>
      </c>
    </row>
    <row r="119" spans="1:4" ht="18" customHeight="1" x14ac:dyDescent="0.15">
      <c r="A119" s="5">
        <v>94</v>
      </c>
      <c r="B119" s="22">
        <v>8</v>
      </c>
      <c r="C119" s="14">
        <v>16</v>
      </c>
      <c r="D119" s="18">
        <v>24</v>
      </c>
    </row>
    <row r="120" spans="1:4" ht="18" customHeight="1" x14ac:dyDescent="0.15">
      <c r="A120" s="5" t="s">
        <v>39</v>
      </c>
      <c r="B120" s="22">
        <v>37</v>
      </c>
      <c r="C120" s="14">
        <v>107</v>
      </c>
      <c r="D120" s="18">
        <v>144</v>
      </c>
    </row>
    <row r="121" spans="1:4" ht="18" customHeight="1" x14ac:dyDescent="0.15">
      <c r="A121" s="5">
        <v>95</v>
      </c>
      <c r="B121" s="22">
        <v>4</v>
      </c>
      <c r="C121" s="14">
        <v>17</v>
      </c>
      <c r="D121" s="18">
        <v>21</v>
      </c>
    </row>
    <row r="122" spans="1:4" ht="18" customHeight="1" x14ac:dyDescent="0.15">
      <c r="A122" s="5">
        <v>96</v>
      </c>
      <c r="B122" s="22">
        <v>4</v>
      </c>
      <c r="C122" s="14">
        <v>5</v>
      </c>
      <c r="D122" s="18">
        <v>9</v>
      </c>
    </row>
    <row r="123" spans="1:4" ht="18" customHeight="1" x14ac:dyDescent="0.15">
      <c r="A123" s="5">
        <v>97</v>
      </c>
      <c r="B123" s="22">
        <v>2</v>
      </c>
      <c r="C123" s="14">
        <v>7</v>
      </c>
      <c r="D123" s="18">
        <v>9</v>
      </c>
    </row>
    <row r="124" spans="1:4" ht="18" customHeight="1" x14ac:dyDescent="0.15">
      <c r="A124" s="5">
        <v>98</v>
      </c>
      <c r="B124" s="22">
        <v>2</v>
      </c>
      <c r="C124" s="14">
        <v>3</v>
      </c>
      <c r="D124" s="18">
        <v>5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13</v>
      </c>
      <c r="C126" s="14">
        <v>34</v>
      </c>
      <c r="D126" s="18">
        <v>47</v>
      </c>
    </row>
    <row r="127" spans="1:4" ht="18" customHeight="1" x14ac:dyDescent="0.15">
      <c r="A127" s="5">
        <v>100</v>
      </c>
      <c r="B127" s="22">
        <v>1</v>
      </c>
      <c r="C127" s="14">
        <v>0</v>
      </c>
      <c r="D127" s="18">
        <v>1</v>
      </c>
    </row>
    <row r="128" spans="1:4" ht="18" customHeight="1" x14ac:dyDescent="0.15">
      <c r="A128" s="6" t="s">
        <v>43</v>
      </c>
      <c r="B128" s="22">
        <v>1</v>
      </c>
      <c r="C128" s="14">
        <v>1</v>
      </c>
      <c r="D128" s="18">
        <v>2</v>
      </c>
    </row>
    <row r="129" spans="1:4" ht="18" customHeight="1" x14ac:dyDescent="0.15">
      <c r="A129" s="5" t="s">
        <v>44</v>
      </c>
      <c r="B129" s="22">
        <v>2</v>
      </c>
      <c r="C129" s="14">
        <v>1</v>
      </c>
      <c r="D129" s="18">
        <v>3</v>
      </c>
    </row>
    <row r="130" spans="1:4" ht="18" customHeight="1" x14ac:dyDescent="0.15">
      <c r="A130" s="5" t="s">
        <v>46</v>
      </c>
      <c r="B130" s="22">
        <v>1178</v>
      </c>
      <c r="C130" s="14">
        <v>1480</v>
      </c>
      <c r="D130" s="18">
        <v>2658</v>
      </c>
    </row>
    <row r="131" spans="1:4" ht="18" customHeight="1" x14ac:dyDescent="0.15">
      <c r="A131" s="7" t="s">
        <v>45</v>
      </c>
      <c r="B131" s="23">
        <v>5812</v>
      </c>
      <c r="C131" s="15">
        <v>5872</v>
      </c>
      <c r="D131" s="19">
        <v>1168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900-000000000000}">
  <sheetPr codeName="Sheet8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54</v>
      </c>
      <c r="C5" s="29">
        <v>40</v>
      </c>
      <c r="D5" s="31">
        <v>94</v>
      </c>
    </row>
    <row r="6" spans="1:4" ht="18" customHeight="1" x14ac:dyDescent="0.15">
      <c r="A6" s="5">
        <v>1</v>
      </c>
      <c r="B6" s="27">
        <v>45</v>
      </c>
      <c r="C6" s="14">
        <v>40</v>
      </c>
      <c r="D6" s="18">
        <v>85</v>
      </c>
    </row>
    <row r="7" spans="1:4" ht="18" customHeight="1" x14ac:dyDescent="0.15">
      <c r="A7" s="5">
        <v>2</v>
      </c>
      <c r="B7" s="27">
        <v>42</v>
      </c>
      <c r="C7" s="14">
        <v>38</v>
      </c>
      <c r="D7" s="18">
        <v>80</v>
      </c>
    </row>
    <row r="8" spans="1:4" ht="18" customHeight="1" x14ac:dyDescent="0.15">
      <c r="A8" s="5">
        <v>3</v>
      </c>
      <c r="B8" s="27">
        <v>53</v>
      </c>
      <c r="C8" s="14">
        <v>43</v>
      </c>
      <c r="D8" s="18">
        <v>96</v>
      </c>
    </row>
    <row r="9" spans="1:4" ht="18" customHeight="1" x14ac:dyDescent="0.15">
      <c r="A9" s="5">
        <v>4</v>
      </c>
      <c r="B9" s="28">
        <v>44</v>
      </c>
      <c r="C9" s="30">
        <v>41</v>
      </c>
      <c r="D9" s="32">
        <v>85</v>
      </c>
    </row>
    <row r="10" spans="1:4" ht="18" customHeight="1" x14ac:dyDescent="0.15">
      <c r="A10" s="5" t="s">
        <v>7</v>
      </c>
      <c r="B10" s="22">
        <v>238</v>
      </c>
      <c r="C10" s="14">
        <v>202</v>
      </c>
      <c r="D10" s="18">
        <v>440</v>
      </c>
    </row>
    <row r="11" spans="1:4" ht="18" customHeight="1" x14ac:dyDescent="0.15">
      <c r="A11" s="5">
        <v>5</v>
      </c>
      <c r="B11" s="27">
        <v>52</v>
      </c>
      <c r="C11" s="14">
        <v>48</v>
      </c>
      <c r="D11" s="18">
        <v>100</v>
      </c>
    </row>
    <row r="12" spans="1:4" ht="18" customHeight="1" x14ac:dyDescent="0.15">
      <c r="A12" s="5">
        <v>6</v>
      </c>
      <c r="B12" s="27">
        <v>44</v>
      </c>
      <c r="C12" s="14">
        <v>39</v>
      </c>
      <c r="D12" s="18">
        <v>83</v>
      </c>
    </row>
    <row r="13" spans="1:4" ht="18" customHeight="1" x14ac:dyDescent="0.15">
      <c r="A13" s="5">
        <v>7</v>
      </c>
      <c r="B13" s="27">
        <v>53</v>
      </c>
      <c r="C13" s="14">
        <v>51</v>
      </c>
      <c r="D13" s="18">
        <v>104</v>
      </c>
    </row>
    <row r="14" spans="1:4" ht="18" customHeight="1" x14ac:dyDescent="0.15">
      <c r="A14" s="5">
        <v>8</v>
      </c>
      <c r="B14" s="27">
        <v>53</v>
      </c>
      <c r="C14" s="14">
        <v>55</v>
      </c>
      <c r="D14" s="18">
        <v>108</v>
      </c>
    </row>
    <row r="15" spans="1:4" ht="18" customHeight="1" x14ac:dyDescent="0.15">
      <c r="A15" s="5">
        <v>9</v>
      </c>
      <c r="B15" s="27">
        <v>67</v>
      </c>
      <c r="C15" s="14">
        <v>51</v>
      </c>
      <c r="D15" s="18">
        <v>118</v>
      </c>
    </row>
    <row r="16" spans="1:4" ht="18" customHeight="1" x14ac:dyDescent="0.15">
      <c r="A16" s="5" t="s">
        <v>11</v>
      </c>
      <c r="B16" s="22">
        <v>269</v>
      </c>
      <c r="C16" s="14">
        <v>244</v>
      </c>
      <c r="D16" s="18">
        <v>513</v>
      </c>
    </row>
    <row r="17" spans="1:4" ht="18" customHeight="1" x14ac:dyDescent="0.15">
      <c r="A17" s="5">
        <v>10</v>
      </c>
      <c r="B17" s="22">
        <v>78</v>
      </c>
      <c r="C17" s="14">
        <v>65</v>
      </c>
      <c r="D17" s="18">
        <v>143</v>
      </c>
    </row>
    <row r="18" spans="1:4" ht="18" customHeight="1" x14ac:dyDescent="0.15">
      <c r="A18" s="5">
        <v>11</v>
      </c>
      <c r="B18" s="22">
        <v>55</v>
      </c>
      <c r="C18" s="14">
        <v>54</v>
      </c>
      <c r="D18" s="18">
        <v>109</v>
      </c>
    </row>
    <row r="19" spans="1:4" ht="18" customHeight="1" x14ac:dyDescent="0.15">
      <c r="A19" s="5">
        <v>12</v>
      </c>
      <c r="B19" s="22">
        <v>68</v>
      </c>
      <c r="C19" s="14">
        <v>77</v>
      </c>
      <c r="D19" s="18">
        <v>145</v>
      </c>
    </row>
    <row r="20" spans="1:4" ht="18" customHeight="1" x14ac:dyDescent="0.15">
      <c r="A20" s="5">
        <v>13</v>
      </c>
      <c r="B20" s="22">
        <v>61</v>
      </c>
      <c r="C20" s="14">
        <v>75</v>
      </c>
      <c r="D20" s="18">
        <v>136</v>
      </c>
    </row>
    <row r="21" spans="1:4" ht="18" customHeight="1" x14ac:dyDescent="0.15">
      <c r="A21" s="5">
        <v>14</v>
      </c>
      <c r="B21" s="22">
        <v>68</v>
      </c>
      <c r="C21" s="14">
        <v>68</v>
      </c>
      <c r="D21" s="18">
        <v>136</v>
      </c>
    </row>
    <row r="22" spans="1:4" ht="18" customHeight="1" x14ac:dyDescent="0.15">
      <c r="A22" s="5" t="s">
        <v>12</v>
      </c>
      <c r="B22" s="22">
        <v>330</v>
      </c>
      <c r="C22" s="14">
        <v>339</v>
      </c>
      <c r="D22" s="18">
        <v>669</v>
      </c>
    </row>
    <row r="23" spans="1:4" ht="18" customHeight="1" x14ac:dyDescent="0.15">
      <c r="A23" s="5" t="s">
        <v>6</v>
      </c>
      <c r="B23" s="22">
        <v>837</v>
      </c>
      <c r="C23" s="14">
        <v>785</v>
      </c>
      <c r="D23" s="18">
        <v>1622</v>
      </c>
    </row>
    <row r="24" spans="1:4" ht="18" customHeight="1" x14ac:dyDescent="0.15">
      <c r="A24" s="5">
        <v>15</v>
      </c>
      <c r="B24" s="22">
        <v>86</v>
      </c>
      <c r="C24" s="14">
        <v>52</v>
      </c>
      <c r="D24" s="18">
        <v>138</v>
      </c>
    </row>
    <row r="25" spans="1:4" ht="18" customHeight="1" x14ac:dyDescent="0.15">
      <c r="A25" s="5">
        <v>16</v>
      </c>
      <c r="B25" s="22">
        <v>80</v>
      </c>
      <c r="C25" s="14">
        <v>87</v>
      </c>
      <c r="D25" s="18">
        <v>167</v>
      </c>
    </row>
    <row r="26" spans="1:4" ht="18" customHeight="1" x14ac:dyDescent="0.15">
      <c r="A26" s="5">
        <v>17</v>
      </c>
      <c r="B26" s="22">
        <v>70</v>
      </c>
      <c r="C26" s="14">
        <v>69</v>
      </c>
      <c r="D26" s="18">
        <v>139</v>
      </c>
    </row>
    <row r="27" spans="1:4" ht="18" customHeight="1" x14ac:dyDescent="0.15">
      <c r="A27" s="5">
        <v>18</v>
      </c>
      <c r="B27" s="22">
        <v>67</v>
      </c>
      <c r="C27" s="14">
        <v>76</v>
      </c>
      <c r="D27" s="18">
        <v>143</v>
      </c>
    </row>
    <row r="28" spans="1:4" ht="18" customHeight="1" x14ac:dyDescent="0.15">
      <c r="A28" s="5">
        <v>19</v>
      </c>
      <c r="B28" s="22">
        <v>75</v>
      </c>
      <c r="C28" s="14">
        <v>66</v>
      </c>
      <c r="D28" s="18">
        <v>141</v>
      </c>
    </row>
    <row r="29" spans="1:4" ht="18" customHeight="1" x14ac:dyDescent="0.15">
      <c r="A29" s="5" t="s">
        <v>14</v>
      </c>
      <c r="B29" s="22">
        <v>378</v>
      </c>
      <c r="C29" s="14">
        <v>350</v>
      </c>
      <c r="D29" s="18">
        <v>728</v>
      </c>
    </row>
    <row r="30" spans="1:4" ht="18" customHeight="1" x14ac:dyDescent="0.15">
      <c r="A30" s="5">
        <v>20</v>
      </c>
      <c r="B30" s="22">
        <v>69</v>
      </c>
      <c r="C30" s="14">
        <v>65</v>
      </c>
      <c r="D30" s="18">
        <v>134</v>
      </c>
    </row>
    <row r="31" spans="1:4" ht="18" customHeight="1" x14ac:dyDescent="0.15">
      <c r="A31" s="5">
        <v>21</v>
      </c>
      <c r="B31" s="22">
        <v>71</v>
      </c>
      <c r="C31" s="14">
        <v>63</v>
      </c>
      <c r="D31" s="18">
        <v>134</v>
      </c>
    </row>
    <row r="32" spans="1:4" ht="18" customHeight="1" x14ac:dyDescent="0.15">
      <c r="A32" s="5">
        <v>22</v>
      </c>
      <c r="B32" s="22">
        <v>92</v>
      </c>
      <c r="C32" s="14">
        <v>61</v>
      </c>
      <c r="D32" s="18">
        <v>153</v>
      </c>
    </row>
    <row r="33" spans="1:4" ht="18" customHeight="1" x14ac:dyDescent="0.15">
      <c r="A33" s="5">
        <v>23</v>
      </c>
      <c r="B33" s="22">
        <v>72</v>
      </c>
      <c r="C33" s="14">
        <v>61</v>
      </c>
      <c r="D33" s="18">
        <v>133</v>
      </c>
    </row>
    <row r="34" spans="1:4" ht="18" customHeight="1" x14ac:dyDescent="0.15">
      <c r="A34" s="5">
        <v>24</v>
      </c>
      <c r="B34" s="22">
        <v>66</v>
      </c>
      <c r="C34" s="14">
        <v>58</v>
      </c>
      <c r="D34" s="18">
        <v>124</v>
      </c>
    </row>
    <row r="35" spans="1:4" ht="18" customHeight="1" x14ac:dyDescent="0.15">
      <c r="A35" s="5" t="s">
        <v>9</v>
      </c>
      <c r="B35" s="22">
        <v>370</v>
      </c>
      <c r="C35" s="14">
        <v>308</v>
      </c>
      <c r="D35" s="18">
        <v>678</v>
      </c>
    </row>
    <row r="36" spans="1:4" ht="18" customHeight="1" x14ac:dyDescent="0.15">
      <c r="A36" s="5">
        <v>25</v>
      </c>
      <c r="B36" s="22">
        <v>88</v>
      </c>
      <c r="C36" s="14">
        <v>61</v>
      </c>
      <c r="D36" s="18">
        <v>149</v>
      </c>
    </row>
    <row r="37" spans="1:4" ht="18" customHeight="1" x14ac:dyDescent="0.15">
      <c r="A37" s="5">
        <v>26</v>
      </c>
      <c r="B37" s="22">
        <v>75</v>
      </c>
      <c r="C37" s="14">
        <v>71</v>
      </c>
      <c r="D37" s="18">
        <v>146</v>
      </c>
    </row>
    <row r="38" spans="1:4" ht="18" customHeight="1" x14ac:dyDescent="0.15">
      <c r="A38" s="5">
        <v>27</v>
      </c>
      <c r="B38" s="22">
        <v>72</v>
      </c>
      <c r="C38" s="14">
        <v>63</v>
      </c>
      <c r="D38" s="18">
        <v>135</v>
      </c>
    </row>
    <row r="39" spans="1:4" ht="18" customHeight="1" x14ac:dyDescent="0.15">
      <c r="A39" s="5">
        <v>28</v>
      </c>
      <c r="B39" s="22">
        <v>64</v>
      </c>
      <c r="C39" s="14">
        <v>69</v>
      </c>
      <c r="D39" s="18">
        <v>133</v>
      </c>
    </row>
    <row r="40" spans="1:4" ht="18" customHeight="1" x14ac:dyDescent="0.15">
      <c r="A40" s="5">
        <v>29</v>
      </c>
      <c r="B40" s="22">
        <v>84</v>
      </c>
      <c r="C40" s="14">
        <v>71</v>
      </c>
      <c r="D40" s="18">
        <v>155</v>
      </c>
    </row>
    <row r="41" spans="1:4" ht="18" customHeight="1" x14ac:dyDescent="0.15">
      <c r="A41" s="5" t="s">
        <v>2</v>
      </c>
      <c r="B41" s="22">
        <v>383</v>
      </c>
      <c r="C41" s="14">
        <v>335</v>
      </c>
      <c r="D41" s="18">
        <v>718</v>
      </c>
    </row>
    <row r="42" spans="1:4" ht="18" customHeight="1" x14ac:dyDescent="0.15">
      <c r="A42" s="5">
        <v>30</v>
      </c>
      <c r="B42" s="22">
        <v>94</v>
      </c>
      <c r="C42" s="14">
        <v>68</v>
      </c>
      <c r="D42" s="18">
        <v>162</v>
      </c>
    </row>
    <row r="43" spans="1:4" ht="18" customHeight="1" x14ac:dyDescent="0.15">
      <c r="A43" s="5">
        <v>31</v>
      </c>
      <c r="B43" s="22">
        <v>77</v>
      </c>
      <c r="C43" s="14">
        <v>66</v>
      </c>
      <c r="D43" s="18">
        <v>143</v>
      </c>
    </row>
    <row r="44" spans="1:4" ht="18" customHeight="1" x14ac:dyDescent="0.15">
      <c r="A44" s="5">
        <v>32</v>
      </c>
      <c r="B44" s="22">
        <v>77</v>
      </c>
      <c r="C44" s="14">
        <v>64</v>
      </c>
      <c r="D44" s="18">
        <v>141</v>
      </c>
    </row>
    <row r="45" spans="1:4" ht="18" customHeight="1" x14ac:dyDescent="0.15">
      <c r="A45" s="5">
        <v>33</v>
      </c>
      <c r="B45" s="22">
        <v>67</v>
      </c>
      <c r="C45" s="14">
        <v>70</v>
      </c>
      <c r="D45" s="18">
        <v>137</v>
      </c>
    </row>
    <row r="46" spans="1:4" ht="18" customHeight="1" x14ac:dyDescent="0.15">
      <c r="A46" s="5">
        <v>34</v>
      </c>
      <c r="B46" s="22">
        <v>71</v>
      </c>
      <c r="C46" s="14">
        <v>58</v>
      </c>
      <c r="D46" s="18">
        <v>129</v>
      </c>
    </row>
    <row r="47" spans="1:4" ht="18" customHeight="1" x14ac:dyDescent="0.15">
      <c r="A47" s="5" t="s">
        <v>15</v>
      </c>
      <c r="B47" s="22">
        <v>386</v>
      </c>
      <c r="C47" s="14">
        <v>326</v>
      </c>
      <c r="D47" s="18">
        <v>712</v>
      </c>
    </row>
    <row r="48" spans="1:4" ht="18" customHeight="1" x14ac:dyDescent="0.15">
      <c r="A48" s="5">
        <v>35</v>
      </c>
      <c r="B48" s="22">
        <v>68</v>
      </c>
      <c r="C48" s="14">
        <v>62</v>
      </c>
      <c r="D48" s="18">
        <v>130</v>
      </c>
    </row>
    <row r="49" spans="1:4" ht="18" customHeight="1" x14ac:dyDescent="0.15">
      <c r="A49" s="5">
        <v>36</v>
      </c>
      <c r="B49" s="22">
        <v>70</v>
      </c>
      <c r="C49" s="14">
        <v>59</v>
      </c>
      <c r="D49" s="18">
        <v>129</v>
      </c>
    </row>
    <row r="50" spans="1:4" ht="18" customHeight="1" x14ac:dyDescent="0.15">
      <c r="A50" s="5">
        <v>37</v>
      </c>
      <c r="B50" s="22">
        <v>68</v>
      </c>
      <c r="C50" s="14">
        <v>50</v>
      </c>
      <c r="D50" s="18">
        <v>118</v>
      </c>
    </row>
    <row r="51" spans="1:4" ht="18" customHeight="1" x14ac:dyDescent="0.15">
      <c r="A51" s="5">
        <v>38</v>
      </c>
      <c r="B51" s="22">
        <v>60</v>
      </c>
      <c r="C51" s="14">
        <v>63</v>
      </c>
      <c r="D51" s="18">
        <v>123</v>
      </c>
    </row>
    <row r="52" spans="1:4" ht="18" customHeight="1" x14ac:dyDescent="0.15">
      <c r="A52" s="5">
        <v>39</v>
      </c>
      <c r="B52" s="22">
        <v>62</v>
      </c>
      <c r="C52" s="14">
        <v>60</v>
      </c>
      <c r="D52" s="18">
        <v>122</v>
      </c>
    </row>
    <row r="53" spans="1:4" ht="18" customHeight="1" x14ac:dyDescent="0.15">
      <c r="A53" s="5" t="s">
        <v>18</v>
      </c>
      <c r="B53" s="22">
        <v>328</v>
      </c>
      <c r="C53" s="14">
        <v>294</v>
      </c>
      <c r="D53" s="18">
        <v>622</v>
      </c>
    </row>
    <row r="54" spans="1:4" ht="18" customHeight="1" x14ac:dyDescent="0.15">
      <c r="A54" s="5">
        <v>40</v>
      </c>
      <c r="B54" s="22">
        <v>66</v>
      </c>
      <c r="C54" s="14">
        <v>72</v>
      </c>
      <c r="D54" s="18">
        <v>138</v>
      </c>
    </row>
    <row r="55" spans="1:4" ht="18" customHeight="1" x14ac:dyDescent="0.15">
      <c r="A55" s="5">
        <v>41</v>
      </c>
      <c r="B55" s="22">
        <v>64</v>
      </c>
      <c r="C55" s="14">
        <v>75</v>
      </c>
      <c r="D55" s="18">
        <v>139</v>
      </c>
    </row>
    <row r="56" spans="1:4" ht="18" customHeight="1" x14ac:dyDescent="0.15">
      <c r="A56" s="5">
        <v>42</v>
      </c>
      <c r="B56" s="22">
        <v>91</v>
      </c>
      <c r="C56" s="14">
        <v>100</v>
      </c>
      <c r="D56" s="18">
        <v>191</v>
      </c>
    </row>
    <row r="57" spans="1:4" ht="18" customHeight="1" x14ac:dyDescent="0.15">
      <c r="A57" s="5">
        <v>43</v>
      </c>
      <c r="B57" s="22">
        <v>78</v>
      </c>
      <c r="C57" s="14">
        <v>80</v>
      </c>
      <c r="D57" s="18">
        <v>158</v>
      </c>
    </row>
    <row r="58" spans="1:4" ht="18" customHeight="1" x14ac:dyDescent="0.15">
      <c r="A58" s="5">
        <v>44</v>
      </c>
      <c r="B58" s="22">
        <v>74</v>
      </c>
      <c r="C58" s="14">
        <v>91</v>
      </c>
      <c r="D58" s="18">
        <v>165</v>
      </c>
    </row>
    <row r="59" spans="1:4" ht="18" customHeight="1" x14ac:dyDescent="0.15">
      <c r="A59" s="5" t="s">
        <v>21</v>
      </c>
      <c r="B59" s="22">
        <v>373</v>
      </c>
      <c r="C59" s="14">
        <v>418</v>
      </c>
      <c r="D59" s="18">
        <v>791</v>
      </c>
    </row>
    <row r="60" spans="1:4" ht="18" customHeight="1" x14ac:dyDescent="0.15">
      <c r="A60" s="5">
        <v>45</v>
      </c>
      <c r="B60" s="22">
        <v>102</v>
      </c>
      <c r="C60" s="14">
        <v>85</v>
      </c>
      <c r="D60" s="18">
        <v>187</v>
      </c>
    </row>
    <row r="61" spans="1:4" ht="18" customHeight="1" x14ac:dyDescent="0.15">
      <c r="A61" s="5">
        <v>46</v>
      </c>
      <c r="B61" s="22">
        <v>97</v>
      </c>
      <c r="C61" s="14">
        <v>80</v>
      </c>
      <c r="D61" s="18">
        <v>177</v>
      </c>
    </row>
    <row r="62" spans="1:4" ht="18" customHeight="1" x14ac:dyDescent="0.15">
      <c r="A62" s="5">
        <v>47</v>
      </c>
      <c r="B62" s="22">
        <v>95</v>
      </c>
      <c r="C62" s="14">
        <v>127</v>
      </c>
      <c r="D62" s="18">
        <v>222</v>
      </c>
    </row>
    <row r="63" spans="1:4" ht="18" customHeight="1" x14ac:dyDescent="0.15">
      <c r="A63" s="5">
        <v>48</v>
      </c>
      <c r="B63" s="22">
        <v>127</v>
      </c>
      <c r="C63" s="14">
        <v>97</v>
      </c>
      <c r="D63" s="18">
        <v>224</v>
      </c>
    </row>
    <row r="64" spans="1:4" ht="18" customHeight="1" x14ac:dyDescent="0.15">
      <c r="A64" s="5">
        <v>49</v>
      </c>
      <c r="B64" s="22">
        <v>104</v>
      </c>
      <c r="C64" s="14">
        <v>122</v>
      </c>
      <c r="D64" s="18">
        <v>226</v>
      </c>
    </row>
    <row r="65" spans="1:4" ht="18" customHeight="1" x14ac:dyDescent="0.15">
      <c r="A65" s="5" t="s">
        <v>17</v>
      </c>
      <c r="B65" s="22">
        <v>525</v>
      </c>
      <c r="C65" s="14">
        <v>511</v>
      </c>
      <c r="D65" s="18">
        <v>1036</v>
      </c>
    </row>
    <row r="66" spans="1:4" ht="18" customHeight="1" x14ac:dyDescent="0.15">
      <c r="A66" s="5">
        <v>50</v>
      </c>
      <c r="B66" s="22">
        <v>110</v>
      </c>
      <c r="C66" s="14">
        <v>102</v>
      </c>
      <c r="D66" s="18">
        <v>212</v>
      </c>
    </row>
    <row r="67" spans="1:4" ht="18" customHeight="1" x14ac:dyDescent="0.15">
      <c r="A67" s="5">
        <v>51</v>
      </c>
      <c r="B67" s="22">
        <v>108</v>
      </c>
      <c r="C67" s="14">
        <v>111</v>
      </c>
      <c r="D67" s="18">
        <v>219</v>
      </c>
    </row>
    <row r="68" spans="1:4" ht="18" customHeight="1" x14ac:dyDescent="0.15">
      <c r="A68" s="5">
        <v>52</v>
      </c>
      <c r="B68" s="22">
        <v>121</v>
      </c>
      <c r="C68" s="14">
        <v>115</v>
      </c>
      <c r="D68" s="18">
        <v>236</v>
      </c>
    </row>
    <row r="69" spans="1:4" ht="18" customHeight="1" x14ac:dyDescent="0.15">
      <c r="A69" s="5">
        <v>53</v>
      </c>
      <c r="B69" s="22">
        <v>113</v>
      </c>
      <c r="C69" s="14">
        <v>116</v>
      </c>
      <c r="D69" s="18">
        <v>229</v>
      </c>
    </row>
    <row r="70" spans="1:4" ht="18" customHeight="1" x14ac:dyDescent="0.15">
      <c r="A70" s="5">
        <v>54</v>
      </c>
      <c r="B70" s="22">
        <v>98</v>
      </c>
      <c r="C70" s="14">
        <v>110</v>
      </c>
      <c r="D70" s="18">
        <v>208</v>
      </c>
    </row>
    <row r="71" spans="1:4" ht="18" customHeight="1" x14ac:dyDescent="0.15">
      <c r="A71" s="5" t="s">
        <v>22</v>
      </c>
      <c r="B71" s="22">
        <v>550</v>
      </c>
      <c r="C71" s="14">
        <v>554</v>
      </c>
      <c r="D71" s="18">
        <v>1104</v>
      </c>
    </row>
    <row r="72" spans="1:4" ht="18" customHeight="1" x14ac:dyDescent="0.15">
      <c r="A72" s="5">
        <v>55</v>
      </c>
      <c r="B72" s="22">
        <v>82</v>
      </c>
      <c r="C72" s="14">
        <v>98</v>
      </c>
      <c r="D72" s="18">
        <v>180</v>
      </c>
    </row>
    <row r="73" spans="1:4" ht="18" customHeight="1" x14ac:dyDescent="0.15">
      <c r="A73" s="5">
        <v>56</v>
      </c>
      <c r="B73" s="22">
        <v>82</v>
      </c>
      <c r="C73" s="14">
        <v>87</v>
      </c>
      <c r="D73" s="18">
        <v>169</v>
      </c>
    </row>
    <row r="74" spans="1:4" ht="18" customHeight="1" x14ac:dyDescent="0.15">
      <c r="A74" s="5">
        <v>57</v>
      </c>
      <c r="B74" s="22">
        <v>104</v>
      </c>
      <c r="C74" s="14">
        <v>83</v>
      </c>
      <c r="D74" s="18">
        <v>187</v>
      </c>
    </row>
    <row r="75" spans="1:4" ht="18" customHeight="1" x14ac:dyDescent="0.15">
      <c r="A75" s="5">
        <v>58</v>
      </c>
      <c r="B75" s="22">
        <v>70</v>
      </c>
      <c r="C75" s="14">
        <v>61</v>
      </c>
      <c r="D75" s="18">
        <v>131</v>
      </c>
    </row>
    <row r="76" spans="1:4" ht="18" customHeight="1" x14ac:dyDescent="0.15">
      <c r="A76" s="5">
        <v>59</v>
      </c>
      <c r="B76" s="22">
        <v>57</v>
      </c>
      <c r="C76" s="14">
        <v>56</v>
      </c>
      <c r="D76" s="18">
        <v>113</v>
      </c>
    </row>
    <row r="77" spans="1:4" ht="18" customHeight="1" x14ac:dyDescent="0.15">
      <c r="A77" s="5" t="s">
        <v>27</v>
      </c>
      <c r="B77" s="22">
        <v>395</v>
      </c>
      <c r="C77" s="14">
        <v>385</v>
      </c>
      <c r="D77" s="18">
        <v>780</v>
      </c>
    </row>
    <row r="78" spans="1:4" ht="18" customHeight="1" x14ac:dyDescent="0.15">
      <c r="A78" s="5">
        <v>60</v>
      </c>
      <c r="B78" s="22">
        <v>59</v>
      </c>
      <c r="C78" s="14">
        <v>71</v>
      </c>
      <c r="D78" s="18">
        <v>130</v>
      </c>
    </row>
    <row r="79" spans="1:4" ht="18" customHeight="1" x14ac:dyDescent="0.15">
      <c r="A79" s="5">
        <v>61</v>
      </c>
      <c r="B79" s="22">
        <v>50</v>
      </c>
      <c r="C79" s="14">
        <v>68</v>
      </c>
      <c r="D79" s="18">
        <v>118</v>
      </c>
    </row>
    <row r="80" spans="1:4" ht="18" customHeight="1" x14ac:dyDescent="0.15">
      <c r="A80" s="5">
        <v>62</v>
      </c>
      <c r="B80" s="22">
        <v>75</v>
      </c>
      <c r="C80" s="14">
        <v>68</v>
      </c>
      <c r="D80" s="18">
        <v>143</v>
      </c>
    </row>
    <row r="81" spans="1:4" ht="18" customHeight="1" x14ac:dyDescent="0.15">
      <c r="A81" s="5">
        <v>63</v>
      </c>
      <c r="B81" s="22">
        <v>59</v>
      </c>
      <c r="C81" s="14">
        <v>58</v>
      </c>
      <c r="D81" s="18">
        <v>117</v>
      </c>
    </row>
    <row r="82" spans="1:4" ht="18" customHeight="1" x14ac:dyDescent="0.15">
      <c r="A82" s="5">
        <v>64</v>
      </c>
      <c r="B82" s="22">
        <v>60</v>
      </c>
      <c r="C82" s="14">
        <v>61</v>
      </c>
      <c r="D82" s="18">
        <v>121</v>
      </c>
    </row>
    <row r="83" spans="1:4" ht="18" customHeight="1" x14ac:dyDescent="0.15">
      <c r="A83" s="5" t="s">
        <v>28</v>
      </c>
      <c r="B83" s="22">
        <v>303</v>
      </c>
      <c r="C83" s="14">
        <v>326</v>
      </c>
      <c r="D83" s="18">
        <v>629</v>
      </c>
    </row>
    <row r="84" spans="1:4" ht="18" customHeight="1" x14ac:dyDescent="0.15">
      <c r="A84" s="5" t="s">
        <v>31</v>
      </c>
      <c r="B84" s="22">
        <v>3991</v>
      </c>
      <c r="C84" s="14">
        <v>3807</v>
      </c>
      <c r="D84" s="18">
        <v>7798</v>
      </c>
    </row>
    <row r="85" spans="1:4" ht="18" customHeight="1" x14ac:dyDescent="0.15">
      <c r="A85" s="5">
        <v>65</v>
      </c>
      <c r="B85" s="22">
        <v>59</v>
      </c>
      <c r="C85" s="14">
        <v>67</v>
      </c>
      <c r="D85" s="18">
        <v>126</v>
      </c>
    </row>
    <row r="86" spans="1:4" ht="18" customHeight="1" x14ac:dyDescent="0.15">
      <c r="A86" s="5">
        <v>66</v>
      </c>
      <c r="B86" s="22">
        <v>58</v>
      </c>
      <c r="C86" s="14">
        <v>49</v>
      </c>
      <c r="D86" s="18">
        <v>107</v>
      </c>
    </row>
    <row r="87" spans="1:4" ht="18" customHeight="1" x14ac:dyDescent="0.15">
      <c r="A87" s="5">
        <v>67</v>
      </c>
      <c r="B87" s="22">
        <v>49</v>
      </c>
      <c r="C87" s="14">
        <v>55</v>
      </c>
      <c r="D87" s="18">
        <v>104</v>
      </c>
    </row>
    <row r="88" spans="1:4" ht="18" customHeight="1" x14ac:dyDescent="0.15">
      <c r="A88" s="5">
        <v>68</v>
      </c>
      <c r="B88" s="22">
        <v>48</v>
      </c>
      <c r="C88" s="14">
        <v>46</v>
      </c>
      <c r="D88" s="18">
        <v>94</v>
      </c>
    </row>
    <row r="89" spans="1:4" ht="18" customHeight="1" x14ac:dyDescent="0.15">
      <c r="A89" s="5">
        <v>69</v>
      </c>
      <c r="B89" s="22">
        <v>43</v>
      </c>
      <c r="C89" s="14">
        <v>58</v>
      </c>
      <c r="D89" s="18">
        <v>101</v>
      </c>
    </row>
    <row r="90" spans="1:4" ht="18" customHeight="1" x14ac:dyDescent="0.15">
      <c r="A90" s="5" t="s">
        <v>20</v>
      </c>
      <c r="B90" s="22">
        <v>257</v>
      </c>
      <c r="C90" s="14">
        <v>275</v>
      </c>
      <c r="D90" s="18">
        <v>532</v>
      </c>
    </row>
    <row r="91" spans="1:4" ht="18" customHeight="1" x14ac:dyDescent="0.15">
      <c r="A91" s="5">
        <v>70</v>
      </c>
      <c r="B91" s="22">
        <v>62</v>
      </c>
      <c r="C91" s="14">
        <v>56</v>
      </c>
      <c r="D91" s="18">
        <v>118</v>
      </c>
    </row>
    <row r="92" spans="1:4" ht="18" customHeight="1" x14ac:dyDescent="0.15">
      <c r="A92" s="5">
        <v>71</v>
      </c>
      <c r="B92" s="22">
        <v>42</v>
      </c>
      <c r="C92" s="14">
        <v>54</v>
      </c>
      <c r="D92" s="18">
        <v>96</v>
      </c>
    </row>
    <row r="93" spans="1:4" ht="18" customHeight="1" x14ac:dyDescent="0.15">
      <c r="A93" s="5">
        <v>72</v>
      </c>
      <c r="B93" s="22">
        <v>50</v>
      </c>
      <c r="C93" s="14">
        <v>67</v>
      </c>
      <c r="D93" s="18">
        <v>117</v>
      </c>
    </row>
    <row r="94" spans="1:4" ht="18" customHeight="1" x14ac:dyDescent="0.15">
      <c r="A94" s="5">
        <v>73</v>
      </c>
      <c r="B94" s="22">
        <v>60</v>
      </c>
      <c r="C94" s="14">
        <v>52</v>
      </c>
      <c r="D94" s="18">
        <v>112</v>
      </c>
    </row>
    <row r="95" spans="1:4" ht="18" customHeight="1" x14ac:dyDescent="0.15">
      <c r="A95" s="5">
        <v>74</v>
      </c>
      <c r="B95" s="22">
        <v>44</v>
      </c>
      <c r="C95" s="14">
        <v>61</v>
      </c>
      <c r="D95" s="18">
        <v>105</v>
      </c>
    </row>
    <row r="96" spans="1:4" ht="18" customHeight="1" x14ac:dyDescent="0.15">
      <c r="A96" s="5" t="s">
        <v>33</v>
      </c>
      <c r="B96" s="22">
        <v>258</v>
      </c>
      <c r="C96" s="14">
        <v>290</v>
      </c>
      <c r="D96" s="18">
        <v>548</v>
      </c>
    </row>
    <row r="97" spans="1:4" ht="18" customHeight="1" x14ac:dyDescent="0.15">
      <c r="A97" s="5">
        <v>75</v>
      </c>
      <c r="B97" s="22">
        <v>49</v>
      </c>
      <c r="C97" s="14">
        <v>69</v>
      </c>
      <c r="D97" s="18">
        <v>118</v>
      </c>
    </row>
    <row r="98" spans="1:4" ht="18" customHeight="1" x14ac:dyDescent="0.15">
      <c r="A98" s="5">
        <v>76</v>
      </c>
      <c r="B98" s="22">
        <v>52</v>
      </c>
      <c r="C98" s="14">
        <v>64</v>
      </c>
      <c r="D98" s="18">
        <v>116</v>
      </c>
    </row>
    <row r="99" spans="1:4" ht="18" customHeight="1" x14ac:dyDescent="0.15">
      <c r="A99" s="5">
        <v>77</v>
      </c>
      <c r="B99" s="22">
        <v>48</v>
      </c>
      <c r="C99" s="14">
        <v>62</v>
      </c>
      <c r="D99" s="18">
        <v>110</v>
      </c>
    </row>
    <row r="100" spans="1:4" ht="18" customHeight="1" x14ac:dyDescent="0.15">
      <c r="A100" s="5">
        <v>78</v>
      </c>
      <c r="B100" s="22">
        <v>50</v>
      </c>
      <c r="C100" s="14">
        <v>82</v>
      </c>
      <c r="D100" s="18">
        <v>132</v>
      </c>
    </row>
    <row r="101" spans="1:4" ht="18" customHeight="1" x14ac:dyDescent="0.15">
      <c r="A101" s="5">
        <v>79</v>
      </c>
      <c r="B101" s="22">
        <v>44</v>
      </c>
      <c r="C101" s="14">
        <v>59</v>
      </c>
      <c r="D101" s="18">
        <v>103</v>
      </c>
    </row>
    <row r="102" spans="1:4" ht="18" customHeight="1" x14ac:dyDescent="0.15">
      <c r="A102" s="5" t="s">
        <v>0</v>
      </c>
      <c r="B102" s="22">
        <v>243</v>
      </c>
      <c r="C102" s="14">
        <v>336</v>
      </c>
      <c r="D102" s="18">
        <v>579</v>
      </c>
    </row>
    <row r="103" spans="1:4" ht="18" customHeight="1" x14ac:dyDescent="0.15">
      <c r="A103" s="5">
        <v>80</v>
      </c>
      <c r="B103" s="22">
        <v>20</v>
      </c>
      <c r="C103" s="14">
        <v>27</v>
      </c>
      <c r="D103" s="18">
        <v>47</v>
      </c>
    </row>
    <row r="104" spans="1:4" ht="18" customHeight="1" x14ac:dyDescent="0.15">
      <c r="A104" s="5">
        <v>81</v>
      </c>
      <c r="B104" s="22">
        <v>37</v>
      </c>
      <c r="C104" s="14">
        <v>41</v>
      </c>
      <c r="D104" s="18">
        <v>78</v>
      </c>
    </row>
    <row r="105" spans="1:4" ht="18" customHeight="1" x14ac:dyDescent="0.15">
      <c r="A105" s="5">
        <v>82</v>
      </c>
      <c r="B105" s="22">
        <v>28</v>
      </c>
      <c r="C105" s="14">
        <v>41</v>
      </c>
      <c r="D105" s="18">
        <v>69</v>
      </c>
    </row>
    <row r="106" spans="1:4" ht="18" customHeight="1" x14ac:dyDescent="0.15">
      <c r="A106" s="5">
        <v>83</v>
      </c>
      <c r="B106" s="22">
        <v>41</v>
      </c>
      <c r="C106" s="14">
        <v>53</v>
      </c>
      <c r="D106" s="18">
        <v>94</v>
      </c>
    </row>
    <row r="107" spans="1:4" ht="18" customHeight="1" x14ac:dyDescent="0.15">
      <c r="A107" s="5">
        <v>84</v>
      </c>
      <c r="B107" s="22">
        <v>23</v>
      </c>
      <c r="C107" s="14">
        <v>30</v>
      </c>
      <c r="D107" s="18">
        <v>53</v>
      </c>
    </row>
    <row r="108" spans="1:4" ht="18" customHeight="1" x14ac:dyDescent="0.15">
      <c r="A108" s="5" t="s">
        <v>35</v>
      </c>
      <c r="B108" s="22">
        <v>149</v>
      </c>
      <c r="C108" s="14">
        <v>192</v>
      </c>
      <c r="D108" s="18">
        <v>341</v>
      </c>
    </row>
    <row r="109" spans="1:4" ht="18" customHeight="1" x14ac:dyDescent="0.15">
      <c r="A109" s="5">
        <v>85</v>
      </c>
      <c r="B109" s="22">
        <v>27</v>
      </c>
      <c r="C109" s="14">
        <v>36</v>
      </c>
      <c r="D109" s="18">
        <v>63</v>
      </c>
    </row>
    <row r="110" spans="1:4" ht="18" customHeight="1" x14ac:dyDescent="0.15">
      <c r="A110" s="5">
        <v>86</v>
      </c>
      <c r="B110" s="22">
        <v>16</v>
      </c>
      <c r="C110" s="14">
        <v>26</v>
      </c>
      <c r="D110" s="18">
        <v>42</v>
      </c>
    </row>
    <row r="111" spans="1:4" ht="18" customHeight="1" x14ac:dyDescent="0.15">
      <c r="A111" s="5">
        <v>87</v>
      </c>
      <c r="B111" s="22">
        <v>10</v>
      </c>
      <c r="C111" s="14">
        <v>28</v>
      </c>
      <c r="D111" s="18">
        <v>38</v>
      </c>
    </row>
    <row r="112" spans="1:4" ht="18" customHeight="1" x14ac:dyDescent="0.15">
      <c r="A112" s="5">
        <v>88</v>
      </c>
      <c r="B112" s="22">
        <v>24</v>
      </c>
      <c r="C112" s="14">
        <v>23</v>
      </c>
      <c r="D112" s="18">
        <v>47</v>
      </c>
    </row>
    <row r="113" spans="1:4" ht="18" customHeight="1" x14ac:dyDescent="0.15">
      <c r="A113" s="5">
        <v>89</v>
      </c>
      <c r="B113" s="22">
        <v>10</v>
      </c>
      <c r="C113" s="14">
        <v>17</v>
      </c>
      <c r="D113" s="18">
        <v>27</v>
      </c>
    </row>
    <row r="114" spans="1:4" ht="18" customHeight="1" x14ac:dyDescent="0.15">
      <c r="A114" s="5" t="s">
        <v>37</v>
      </c>
      <c r="B114" s="22">
        <v>87</v>
      </c>
      <c r="C114" s="14">
        <v>130</v>
      </c>
      <c r="D114" s="18">
        <v>217</v>
      </c>
    </row>
    <row r="115" spans="1:4" ht="18" customHeight="1" x14ac:dyDescent="0.15">
      <c r="A115" s="5">
        <v>90</v>
      </c>
      <c r="B115" s="22">
        <v>8</v>
      </c>
      <c r="C115" s="14">
        <v>33</v>
      </c>
      <c r="D115" s="18">
        <v>41</v>
      </c>
    </row>
    <row r="116" spans="1:4" ht="18" customHeight="1" x14ac:dyDescent="0.15">
      <c r="A116" s="5">
        <v>91</v>
      </c>
      <c r="B116" s="22">
        <v>9</v>
      </c>
      <c r="C116" s="14">
        <v>20</v>
      </c>
      <c r="D116" s="18">
        <v>29</v>
      </c>
    </row>
    <row r="117" spans="1:4" ht="18" customHeight="1" x14ac:dyDescent="0.15">
      <c r="A117" s="5">
        <v>92</v>
      </c>
      <c r="B117" s="22">
        <v>5</v>
      </c>
      <c r="C117" s="14">
        <v>26</v>
      </c>
      <c r="D117" s="18">
        <v>31</v>
      </c>
    </row>
    <row r="118" spans="1:4" ht="18" customHeight="1" x14ac:dyDescent="0.15">
      <c r="A118" s="5">
        <v>93</v>
      </c>
      <c r="B118" s="22">
        <v>4</v>
      </c>
      <c r="C118" s="14">
        <v>33</v>
      </c>
      <c r="D118" s="18">
        <v>37</v>
      </c>
    </row>
    <row r="119" spans="1:4" ht="18" customHeight="1" x14ac:dyDescent="0.15">
      <c r="A119" s="5">
        <v>94</v>
      </c>
      <c r="B119" s="22">
        <v>3</v>
      </c>
      <c r="C119" s="14">
        <v>16</v>
      </c>
      <c r="D119" s="18">
        <v>19</v>
      </c>
    </row>
    <row r="120" spans="1:4" ht="18" customHeight="1" x14ac:dyDescent="0.15">
      <c r="A120" s="5" t="s">
        <v>39</v>
      </c>
      <c r="B120" s="22">
        <v>29</v>
      </c>
      <c r="C120" s="14">
        <v>128</v>
      </c>
      <c r="D120" s="18">
        <v>157</v>
      </c>
    </row>
    <row r="121" spans="1:4" ht="18" customHeight="1" x14ac:dyDescent="0.15">
      <c r="A121" s="5">
        <v>95</v>
      </c>
      <c r="B121" s="22">
        <v>4</v>
      </c>
      <c r="C121" s="14">
        <v>13</v>
      </c>
      <c r="D121" s="18">
        <v>17</v>
      </c>
    </row>
    <row r="122" spans="1:4" ht="18" customHeight="1" x14ac:dyDescent="0.15">
      <c r="A122" s="5">
        <v>96</v>
      </c>
      <c r="B122" s="22">
        <v>2</v>
      </c>
      <c r="C122" s="14">
        <v>8</v>
      </c>
      <c r="D122" s="18">
        <v>10</v>
      </c>
    </row>
    <row r="123" spans="1:4" ht="18" customHeight="1" x14ac:dyDescent="0.15">
      <c r="A123" s="5">
        <v>97</v>
      </c>
      <c r="B123" s="22">
        <v>3</v>
      </c>
      <c r="C123" s="14">
        <v>6</v>
      </c>
      <c r="D123" s="18">
        <v>9</v>
      </c>
    </row>
    <row r="124" spans="1:4" ht="18" customHeight="1" x14ac:dyDescent="0.15">
      <c r="A124" s="5">
        <v>98</v>
      </c>
      <c r="B124" s="22">
        <v>2</v>
      </c>
      <c r="C124" s="14">
        <v>3</v>
      </c>
      <c r="D124" s="18">
        <v>5</v>
      </c>
    </row>
    <row r="125" spans="1:4" ht="18" customHeight="1" x14ac:dyDescent="0.15">
      <c r="A125" s="5">
        <v>99</v>
      </c>
      <c r="B125" s="22">
        <v>3</v>
      </c>
      <c r="C125" s="14">
        <v>4</v>
      </c>
      <c r="D125" s="18">
        <v>7</v>
      </c>
    </row>
    <row r="126" spans="1:4" ht="18" customHeight="1" x14ac:dyDescent="0.15">
      <c r="A126" s="5" t="s">
        <v>40</v>
      </c>
      <c r="B126" s="22">
        <v>14</v>
      </c>
      <c r="C126" s="14">
        <v>34</v>
      </c>
      <c r="D126" s="18">
        <v>48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10</v>
      </c>
      <c r="D128" s="18">
        <v>10</v>
      </c>
    </row>
    <row r="129" spans="1:4" ht="18" customHeight="1" x14ac:dyDescent="0.15">
      <c r="A129" s="5" t="s">
        <v>44</v>
      </c>
      <c r="B129" s="22">
        <v>0</v>
      </c>
      <c r="C129" s="14">
        <v>13</v>
      </c>
      <c r="D129" s="18">
        <v>13</v>
      </c>
    </row>
    <row r="130" spans="1:4" ht="18" customHeight="1" x14ac:dyDescent="0.15">
      <c r="A130" s="5" t="s">
        <v>46</v>
      </c>
      <c r="B130" s="22">
        <v>1037</v>
      </c>
      <c r="C130" s="14">
        <v>1398</v>
      </c>
      <c r="D130" s="18">
        <v>2435</v>
      </c>
    </row>
    <row r="131" spans="1:4" ht="18" customHeight="1" x14ac:dyDescent="0.15">
      <c r="A131" s="7" t="s">
        <v>45</v>
      </c>
      <c r="B131" s="23">
        <v>5865</v>
      </c>
      <c r="C131" s="15">
        <v>5990</v>
      </c>
      <c r="D131" s="19">
        <v>1185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A00-000000000000}">
  <sheetPr codeName="Sheet8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2</v>
      </c>
      <c r="D5" s="31">
        <v>3</v>
      </c>
    </row>
    <row r="6" spans="1:4" ht="18" customHeight="1" x14ac:dyDescent="0.15">
      <c r="A6" s="5">
        <v>1</v>
      </c>
      <c r="B6" s="27">
        <v>5</v>
      </c>
      <c r="C6" s="14">
        <v>6</v>
      </c>
      <c r="D6" s="18">
        <v>11</v>
      </c>
    </row>
    <row r="7" spans="1:4" ht="18" customHeight="1" x14ac:dyDescent="0.15">
      <c r="A7" s="5">
        <v>2</v>
      </c>
      <c r="B7" s="27">
        <v>7</v>
      </c>
      <c r="C7" s="14">
        <v>2</v>
      </c>
      <c r="D7" s="18">
        <v>9</v>
      </c>
    </row>
    <row r="8" spans="1:4" ht="18" customHeight="1" x14ac:dyDescent="0.15">
      <c r="A8" s="5">
        <v>3</v>
      </c>
      <c r="B8" s="27">
        <v>7</v>
      </c>
      <c r="C8" s="14">
        <v>3</v>
      </c>
      <c r="D8" s="18">
        <v>10</v>
      </c>
    </row>
    <row r="9" spans="1:4" ht="18" customHeight="1" x14ac:dyDescent="0.15">
      <c r="A9" s="5">
        <v>4</v>
      </c>
      <c r="B9" s="28">
        <v>5</v>
      </c>
      <c r="C9" s="30">
        <v>5</v>
      </c>
      <c r="D9" s="32">
        <v>10</v>
      </c>
    </row>
    <row r="10" spans="1:4" ht="18" customHeight="1" x14ac:dyDescent="0.15">
      <c r="A10" s="5" t="s">
        <v>7</v>
      </c>
      <c r="B10" s="22">
        <v>25</v>
      </c>
      <c r="C10" s="14">
        <v>18</v>
      </c>
      <c r="D10" s="18">
        <v>43</v>
      </c>
    </row>
    <row r="11" spans="1:4" ht="18" customHeight="1" x14ac:dyDescent="0.15">
      <c r="A11" s="5">
        <v>5</v>
      </c>
      <c r="B11" s="27">
        <v>4</v>
      </c>
      <c r="C11" s="14">
        <v>8</v>
      </c>
      <c r="D11" s="18">
        <v>12</v>
      </c>
    </row>
    <row r="12" spans="1:4" ht="18" customHeight="1" x14ac:dyDescent="0.15">
      <c r="A12" s="5">
        <v>6</v>
      </c>
      <c r="B12" s="27">
        <v>7</v>
      </c>
      <c r="C12" s="14">
        <v>6</v>
      </c>
      <c r="D12" s="18">
        <v>13</v>
      </c>
    </row>
    <row r="13" spans="1:4" ht="18" customHeight="1" x14ac:dyDescent="0.15">
      <c r="A13" s="5">
        <v>7</v>
      </c>
      <c r="B13" s="27">
        <v>6</v>
      </c>
      <c r="C13" s="14">
        <v>7</v>
      </c>
      <c r="D13" s="18">
        <v>13</v>
      </c>
    </row>
    <row r="14" spans="1:4" ht="18" customHeight="1" x14ac:dyDescent="0.15">
      <c r="A14" s="5">
        <v>8</v>
      </c>
      <c r="B14" s="27">
        <v>8</v>
      </c>
      <c r="C14" s="14">
        <v>5</v>
      </c>
      <c r="D14" s="18">
        <v>13</v>
      </c>
    </row>
    <row r="15" spans="1:4" ht="18" customHeight="1" x14ac:dyDescent="0.15">
      <c r="A15" s="5">
        <v>9</v>
      </c>
      <c r="B15" s="27">
        <v>7</v>
      </c>
      <c r="C15" s="14">
        <v>7</v>
      </c>
      <c r="D15" s="18">
        <v>14</v>
      </c>
    </row>
    <row r="16" spans="1:4" ht="18" customHeight="1" x14ac:dyDescent="0.15">
      <c r="A16" s="5" t="s">
        <v>11</v>
      </c>
      <c r="B16" s="22">
        <v>32</v>
      </c>
      <c r="C16" s="14">
        <v>33</v>
      </c>
      <c r="D16" s="18">
        <v>65</v>
      </c>
    </row>
    <row r="17" spans="1:4" ht="18" customHeight="1" x14ac:dyDescent="0.15">
      <c r="A17" s="5">
        <v>10</v>
      </c>
      <c r="B17" s="22">
        <v>5</v>
      </c>
      <c r="C17" s="14">
        <v>4</v>
      </c>
      <c r="D17" s="18">
        <v>9</v>
      </c>
    </row>
    <row r="18" spans="1:4" ht="18" customHeight="1" x14ac:dyDescent="0.15">
      <c r="A18" s="5">
        <v>11</v>
      </c>
      <c r="B18" s="22">
        <v>3</v>
      </c>
      <c r="C18" s="14">
        <v>6</v>
      </c>
      <c r="D18" s="18">
        <v>9</v>
      </c>
    </row>
    <row r="19" spans="1:4" ht="18" customHeight="1" x14ac:dyDescent="0.15">
      <c r="A19" s="5">
        <v>12</v>
      </c>
      <c r="B19" s="22">
        <v>4</v>
      </c>
      <c r="C19" s="14">
        <v>7</v>
      </c>
      <c r="D19" s="18">
        <v>11</v>
      </c>
    </row>
    <row r="20" spans="1:4" ht="18" customHeight="1" x14ac:dyDescent="0.15">
      <c r="A20" s="5">
        <v>13</v>
      </c>
      <c r="B20" s="22">
        <v>9</v>
      </c>
      <c r="C20" s="14">
        <v>3</v>
      </c>
      <c r="D20" s="18">
        <v>12</v>
      </c>
    </row>
    <row r="21" spans="1:4" ht="18" customHeight="1" x14ac:dyDescent="0.15">
      <c r="A21" s="5">
        <v>14</v>
      </c>
      <c r="B21" s="22">
        <v>1</v>
      </c>
      <c r="C21" s="14">
        <v>6</v>
      </c>
      <c r="D21" s="18">
        <v>7</v>
      </c>
    </row>
    <row r="22" spans="1:4" ht="18" customHeight="1" x14ac:dyDescent="0.15">
      <c r="A22" s="5" t="s">
        <v>12</v>
      </c>
      <c r="B22" s="22">
        <v>22</v>
      </c>
      <c r="C22" s="14">
        <v>26</v>
      </c>
      <c r="D22" s="18">
        <v>48</v>
      </c>
    </row>
    <row r="23" spans="1:4" ht="18" customHeight="1" x14ac:dyDescent="0.15">
      <c r="A23" s="5" t="s">
        <v>6</v>
      </c>
      <c r="B23" s="22">
        <v>79</v>
      </c>
      <c r="C23" s="14">
        <v>77</v>
      </c>
      <c r="D23" s="18">
        <v>156</v>
      </c>
    </row>
    <row r="24" spans="1:4" ht="18" customHeight="1" x14ac:dyDescent="0.15">
      <c r="A24" s="5">
        <v>15</v>
      </c>
      <c r="B24" s="22">
        <v>4</v>
      </c>
      <c r="C24" s="14">
        <v>2</v>
      </c>
      <c r="D24" s="18">
        <v>6</v>
      </c>
    </row>
    <row r="25" spans="1:4" ht="18" customHeight="1" x14ac:dyDescent="0.15">
      <c r="A25" s="5">
        <v>16</v>
      </c>
      <c r="B25" s="22">
        <v>1</v>
      </c>
      <c r="C25" s="14">
        <v>4</v>
      </c>
      <c r="D25" s="18">
        <v>5</v>
      </c>
    </row>
    <row r="26" spans="1:4" ht="18" customHeight="1" x14ac:dyDescent="0.15">
      <c r="A26" s="5">
        <v>17</v>
      </c>
      <c r="B26" s="22">
        <v>4</v>
      </c>
      <c r="C26" s="14">
        <v>5</v>
      </c>
      <c r="D26" s="18">
        <v>9</v>
      </c>
    </row>
    <row r="27" spans="1:4" ht="18" customHeight="1" x14ac:dyDescent="0.15">
      <c r="A27" s="5">
        <v>18</v>
      </c>
      <c r="B27" s="22">
        <v>7</v>
      </c>
      <c r="C27" s="14">
        <v>3</v>
      </c>
      <c r="D27" s="18">
        <v>10</v>
      </c>
    </row>
    <row r="28" spans="1:4" ht="18" customHeight="1" x14ac:dyDescent="0.15">
      <c r="A28" s="5">
        <v>19</v>
      </c>
      <c r="B28" s="22">
        <v>1</v>
      </c>
      <c r="C28" s="14">
        <v>1</v>
      </c>
      <c r="D28" s="18">
        <v>2</v>
      </c>
    </row>
    <row r="29" spans="1:4" ht="18" customHeight="1" x14ac:dyDescent="0.15">
      <c r="A29" s="5" t="s">
        <v>14</v>
      </c>
      <c r="B29" s="22">
        <v>17</v>
      </c>
      <c r="C29" s="14">
        <v>15</v>
      </c>
      <c r="D29" s="18">
        <v>32</v>
      </c>
    </row>
    <row r="30" spans="1:4" ht="18" customHeight="1" x14ac:dyDescent="0.15">
      <c r="A30" s="5">
        <v>20</v>
      </c>
      <c r="B30" s="22">
        <v>4</v>
      </c>
      <c r="C30" s="14">
        <v>11</v>
      </c>
      <c r="D30" s="18">
        <v>15</v>
      </c>
    </row>
    <row r="31" spans="1:4" ht="18" customHeight="1" x14ac:dyDescent="0.15">
      <c r="A31" s="5">
        <v>21</v>
      </c>
      <c r="B31" s="22">
        <v>4</v>
      </c>
      <c r="C31" s="14">
        <v>6</v>
      </c>
      <c r="D31" s="18">
        <v>10</v>
      </c>
    </row>
    <row r="32" spans="1:4" ht="18" customHeight="1" x14ac:dyDescent="0.15">
      <c r="A32" s="5">
        <v>22</v>
      </c>
      <c r="B32" s="22">
        <v>1</v>
      </c>
      <c r="C32" s="14">
        <v>2</v>
      </c>
      <c r="D32" s="18">
        <v>3</v>
      </c>
    </row>
    <row r="33" spans="1:4" ht="18" customHeight="1" x14ac:dyDescent="0.15">
      <c r="A33" s="5">
        <v>23</v>
      </c>
      <c r="B33" s="22">
        <v>4</v>
      </c>
      <c r="C33" s="14">
        <v>8</v>
      </c>
      <c r="D33" s="18">
        <v>12</v>
      </c>
    </row>
    <row r="34" spans="1:4" ht="18" customHeight="1" x14ac:dyDescent="0.15">
      <c r="A34" s="5">
        <v>24</v>
      </c>
      <c r="B34" s="22">
        <v>2</v>
      </c>
      <c r="C34" s="14">
        <v>4</v>
      </c>
      <c r="D34" s="18">
        <v>6</v>
      </c>
    </row>
    <row r="35" spans="1:4" ht="18" customHeight="1" x14ac:dyDescent="0.15">
      <c r="A35" s="5" t="s">
        <v>9</v>
      </c>
      <c r="B35" s="22">
        <v>15</v>
      </c>
      <c r="C35" s="14">
        <v>31</v>
      </c>
      <c r="D35" s="18">
        <v>46</v>
      </c>
    </row>
    <row r="36" spans="1:4" ht="18" customHeight="1" x14ac:dyDescent="0.15">
      <c r="A36" s="5">
        <v>25</v>
      </c>
      <c r="B36" s="22">
        <v>5</v>
      </c>
      <c r="C36" s="14">
        <v>4</v>
      </c>
      <c r="D36" s="18">
        <v>9</v>
      </c>
    </row>
    <row r="37" spans="1:4" ht="18" customHeight="1" x14ac:dyDescent="0.15">
      <c r="A37" s="5">
        <v>26</v>
      </c>
      <c r="B37" s="22">
        <v>6</v>
      </c>
      <c r="C37" s="14">
        <v>5</v>
      </c>
      <c r="D37" s="18">
        <v>11</v>
      </c>
    </row>
    <row r="38" spans="1:4" ht="18" customHeight="1" x14ac:dyDescent="0.15">
      <c r="A38" s="5">
        <v>27</v>
      </c>
      <c r="B38" s="22">
        <v>6</v>
      </c>
      <c r="C38" s="14">
        <v>6</v>
      </c>
      <c r="D38" s="18">
        <v>12</v>
      </c>
    </row>
    <row r="39" spans="1:4" ht="18" customHeight="1" x14ac:dyDescent="0.15">
      <c r="A39" s="5">
        <v>28</v>
      </c>
      <c r="B39" s="22">
        <v>8</v>
      </c>
      <c r="C39" s="14">
        <v>1</v>
      </c>
      <c r="D39" s="18">
        <v>9</v>
      </c>
    </row>
    <row r="40" spans="1:4" ht="18" customHeight="1" x14ac:dyDescent="0.15">
      <c r="A40" s="5">
        <v>29</v>
      </c>
      <c r="B40" s="22">
        <v>7</v>
      </c>
      <c r="C40" s="14">
        <v>8</v>
      </c>
      <c r="D40" s="18">
        <v>15</v>
      </c>
    </row>
    <row r="41" spans="1:4" ht="18" customHeight="1" x14ac:dyDescent="0.15">
      <c r="A41" s="5" t="s">
        <v>2</v>
      </c>
      <c r="B41" s="22">
        <v>32</v>
      </c>
      <c r="C41" s="14">
        <v>24</v>
      </c>
      <c r="D41" s="18">
        <v>56</v>
      </c>
    </row>
    <row r="42" spans="1:4" ht="18" customHeight="1" x14ac:dyDescent="0.15">
      <c r="A42" s="5">
        <v>30</v>
      </c>
      <c r="B42" s="22">
        <v>8</v>
      </c>
      <c r="C42" s="14">
        <v>3</v>
      </c>
      <c r="D42" s="18">
        <v>11</v>
      </c>
    </row>
    <row r="43" spans="1:4" ht="18" customHeight="1" x14ac:dyDescent="0.15">
      <c r="A43" s="5">
        <v>31</v>
      </c>
      <c r="B43" s="22">
        <v>5</v>
      </c>
      <c r="C43" s="14">
        <v>7</v>
      </c>
      <c r="D43" s="18">
        <v>12</v>
      </c>
    </row>
    <row r="44" spans="1:4" ht="18" customHeight="1" x14ac:dyDescent="0.15">
      <c r="A44" s="5">
        <v>32</v>
      </c>
      <c r="B44" s="22">
        <v>10</v>
      </c>
      <c r="C44" s="14">
        <v>2</v>
      </c>
      <c r="D44" s="18">
        <v>12</v>
      </c>
    </row>
    <row r="45" spans="1:4" ht="18" customHeight="1" x14ac:dyDescent="0.15">
      <c r="A45" s="5">
        <v>33</v>
      </c>
      <c r="B45" s="22">
        <v>4</v>
      </c>
      <c r="C45" s="14">
        <v>3</v>
      </c>
      <c r="D45" s="18">
        <v>7</v>
      </c>
    </row>
    <row r="46" spans="1:4" ht="18" customHeight="1" x14ac:dyDescent="0.15">
      <c r="A46" s="5">
        <v>34</v>
      </c>
      <c r="B46" s="22">
        <v>13</v>
      </c>
      <c r="C46" s="14">
        <v>8</v>
      </c>
      <c r="D46" s="18">
        <v>21</v>
      </c>
    </row>
    <row r="47" spans="1:4" ht="18" customHeight="1" x14ac:dyDescent="0.15">
      <c r="A47" s="5" t="s">
        <v>15</v>
      </c>
      <c r="B47" s="22">
        <v>40</v>
      </c>
      <c r="C47" s="14">
        <v>23</v>
      </c>
      <c r="D47" s="18">
        <v>63</v>
      </c>
    </row>
    <row r="48" spans="1:4" ht="18" customHeight="1" x14ac:dyDescent="0.15">
      <c r="A48" s="5">
        <v>35</v>
      </c>
      <c r="B48" s="22">
        <v>9</v>
      </c>
      <c r="C48" s="14">
        <v>8</v>
      </c>
      <c r="D48" s="18">
        <v>17</v>
      </c>
    </row>
    <row r="49" spans="1:4" ht="18" customHeight="1" x14ac:dyDescent="0.15">
      <c r="A49" s="5">
        <v>36</v>
      </c>
      <c r="B49" s="22">
        <v>11</v>
      </c>
      <c r="C49" s="14">
        <v>5</v>
      </c>
      <c r="D49" s="18">
        <v>16</v>
      </c>
    </row>
    <row r="50" spans="1:4" ht="18" customHeight="1" x14ac:dyDescent="0.15">
      <c r="A50" s="5">
        <v>37</v>
      </c>
      <c r="B50" s="22">
        <v>6</v>
      </c>
      <c r="C50" s="14">
        <v>11</v>
      </c>
      <c r="D50" s="18">
        <v>17</v>
      </c>
    </row>
    <row r="51" spans="1:4" ht="18" customHeight="1" x14ac:dyDescent="0.15">
      <c r="A51" s="5">
        <v>38</v>
      </c>
      <c r="B51" s="22">
        <v>7</v>
      </c>
      <c r="C51" s="14">
        <v>9</v>
      </c>
      <c r="D51" s="18">
        <v>16</v>
      </c>
    </row>
    <row r="52" spans="1:4" ht="18" customHeight="1" x14ac:dyDescent="0.15">
      <c r="A52" s="5">
        <v>39</v>
      </c>
      <c r="B52" s="22">
        <v>8</v>
      </c>
      <c r="C52" s="14">
        <v>10</v>
      </c>
      <c r="D52" s="18">
        <v>18</v>
      </c>
    </row>
    <row r="53" spans="1:4" ht="18" customHeight="1" x14ac:dyDescent="0.15">
      <c r="A53" s="5" t="s">
        <v>18</v>
      </c>
      <c r="B53" s="22">
        <v>41</v>
      </c>
      <c r="C53" s="14">
        <v>43</v>
      </c>
      <c r="D53" s="18">
        <v>84</v>
      </c>
    </row>
    <row r="54" spans="1:4" ht="18" customHeight="1" x14ac:dyDescent="0.15">
      <c r="A54" s="5">
        <v>40</v>
      </c>
      <c r="B54" s="22">
        <v>6</v>
      </c>
      <c r="C54" s="14">
        <v>10</v>
      </c>
      <c r="D54" s="18">
        <v>16</v>
      </c>
    </row>
    <row r="55" spans="1:4" ht="18" customHeight="1" x14ac:dyDescent="0.15">
      <c r="A55" s="5">
        <v>41</v>
      </c>
      <c r="B55" s="22">
        <v>14</v>
      </c>
      <c r="C55" s="14">
        <v>6</v>
      </c>
      <c r="D55" s="18">
        <v>20</v>
      </c>
    </row>
    <row r="56" spans="1:4" ht="18" customHeight="1" x14ac:dyDescent="0.15">
      <c r="A56" s="5">
        <v>42</v>
      </c>
      <c r="B56" s="22">
        <v>7</v>
      </c>
      <c r="C56" s="14">
        <v>8</v>
      </c>
      <c r="D56" s="18">
        <v>15</v>
      </c>
    </row>
    <row r="57" spans="1:4" ht="18" customHeight="1" x14ac:dyDescent="0.15">
      <c r="A57" s="5">
        <v>43</v>
      </c>
      <c r="B57" s="22">
        <v>5</v>
      </c>
      <c r="C57" s="14">
        <v>13</v>
      </c>
      <c r="D57" s="18">
        <v>18</v>
      </c>
    </row>
    <row r="58" spans="1:4" ht="18" customHeight="1" x14ac:dyDescent="0.15">
      <c r="A58" s="5">
        <v>44</v>
      </c>
      <c r="B58" s="22">
        <v>3</v>
      </c>
      <c r="C58" s="14">
        <v>7</v>
      </c>
      <c r="D58" s="18">
        <v>10</v>
      </c>
    </row>
    <row r="59" spans="1:4" ht="18" customHeight="1" x14ac:dyDescent="0.15">
      <c r="A59" s="5" t="s">
        <v>21</v>
      </c>
      <c r="B59" s="22">
        <v>35</v>
      </c>
      <c r="C59" s="14">
        <v>44</v>
      </c>
      <c r="D59" s="18">
        <v>79</v>
      </c>
    </row>
    <row r="60" spans="1:4" ht="18" customHeight="1" x14ac:dyDescent="0.15">
      <c r="A60" s="5">
        <v>45</v>
      </c>
      <c r="B60" s="22">
        <v>9</v>
      </c>
      <c r="C60" s="14">
        <v>3</v>
      </c>
      <c r="D60" s="18">
        <v>12</v>
      </c>
    </row>
    <row r="61" spans="1:4" ht="18" customHeight="1" x14ac:dyDescent="0.15">
      <c r="A61" s="5">
        <v>46</v>
      </c>
      <c r="B61" s="22">
        <v>11</v>
      </c>
      <c r="C61" s="14">
        <v>6</v>
      </c>
      <c r="D61" s="18">
        <v>17</v>
      </c>
    </row>
    <row r="62" spans="1:4" ht="18" customHeight="1" x14ac:dyDescent="0.15">
      <c r="A62" s="5">
        <v>47</v>
      </c>
      <c r="B62" s="22">
        <v>12</v>
      </c>
      <c r="C62" s="14">
        <v>8</v>
      </c>
      <c r="D62" s="18">
        <v>20</v>
      </c>
    </row>
    <row r="63" spans="1:4" ht="18" customHeight="1" x14ac:dyDescent="0.15">
      <c r="A63" s="5">
        <v>48</v>
      </c>
      <c r="B63" s="22">
        <v>10</v>
      </c>
      <c r="C63" s="14">
        <v>8</v>
      </c>
      <c r="D63" s="18">
        <v>18</v>
      </c>
    </row>
    <row r="64" spans="1:4" ht="18" customHeight="1" x14ac:dyDescent="0.15">
      <c r="A64" s="5">
        <v>49</v>
      </c>
      <c r="B64" s="22">
        <v>4</v>
      </c>
      <c r="C64" s="14">
        <v>4</v>
      </c>
      <c r="D64" s="18">
        <v>8</v>
      </c>
    </row>
    <row r="65" spans="1:4" ht="18" customHeight="1" x14ac:dyDescent="0.15">
      <c r="A65" s="5" t="s">
        <v>17</v>
      </c>
      <c r="B65" s="22">
        <v>46</v>
      </c>
      <c r="C65" s="14">
        <v>29</v>
      </c>
      <c r="D65" s="18">
        <v>75</v>
      </c>
    </row>
    <row r="66" spans="1:4" ht="18" customHeight="1" x14ac:dyDescent="0.15">
      <c r="A66" s="5">
        <v>50</v>
      </c>
      <c r="B66" s="22">
        <v>6</v>
      </c>
      <c r="C66" s="14">
        <v>5</v>
      </c>
      <c r="D66" s="18">
        <v>11</v>
      </c>
    </row>
    <row r="67" spans="1:4" ht="18" customHeight="1" x14ac:dyDescent="0.15">
      <c r="A67" s="5">
        <v>51</v>
      </c>
      <c r="B67" s="22">
        <v>9</v>
      </c>
      <c r="C67" s="14">
        <v>11</v>
      </c>
      <c r="D67" s="18">
        <v>20</v>
      </c>
    </row>
    <row r="68" spans="1:4" ht="18" customHeight="1" x14ac:dyDescent="0.15">
      <c r="A68" s="5">
        <v>52</v>
      </c>
      <c r="B68" s="22">
        <v>12</v>
      </c>
      <c r="C68" s="14">
        <v>12</v>
      </c>
      <c r="D68" s="18">
        <v>24</v>
      </c>
    </row>
    <row r="69" spans="1:4" ht="18" customHeight="1" x14ac:dyDescent="0.15">
      <c r="A69" s="5">
        <v>53</v>
      </c>
      <c r="B69" s="22">
        <v>8</v>
      </c>
      <c r="C69" s="14">
        <v>7</v>
      </c>
      <c r="D69" s="18">
        <v>15</v>
      </c>
    </row>
    <row r="70" spans="1:4" ht="18" customHeight="1" x14ac:dyDescent="0.15">
      <c r="A70" s="5">
        <v>54</v>
      </c>
      <c r="B70" s="22">
        <v>7</v>
      </c>
      <c r="C70" s="14">
        <v>10</v>
      </c>
      <c r="D70" s="18">
        <v>17</v>
      </c>
    </row>
    <row r="71" spans="1:4" ht="18" customHeight="1" x14ac:dyDescent="0.15">
      <c r="A71" s="5" t="s">
        <v>22</v>
      </c>
      <c r="B71" s="22">
        <v>42</v>
      </c>
      <c r="C71" s="14">
        <v>45</v>
      </c>
      <c r="D71" s="18">
        <v>87</v>
      </c>
    </row>
    <row r="72" spans="1:4" ht="18" customHeight="1" x14ac:dyDescent="0.15">
      <c r="A72" s="5">
        <v>55</v>
      </c>
      <c r="B72" s="22">
        <v>6</v>
      </c>
      <c r="C72" s="14">
        <v>11</v>
      </c>
      <c r="D72" s="18">
        <v>17</v>
      </c>
    </row>
    <row r="73" spans="1:4" ht="18" customHeight="1" x14ac:dyDescent="0.15">
      <c r="A73" s="5">
        <v>56</v>
      </c>
      <c r="B73" s="22">
        <v>9</v>
      </c>
      <c r="C73" s="14">
        <v>4</v>
      </c>
      <c r="D73" s="18">
        <v>13</v>
      </c>
    </row>
    <row r="74" spans="1:4" ht="18" customHeight="1" x14ac:dyDescent="0.15">
      <c r="A74" s="5">
        <v>57</v>
      </c>
      <c r="B74" s="22">
        <v>8</v>
      </c>
      <c r="C74" s="14">
        <v>12</v>
      </c>
      <c r="D74" s="18">
        <v>20</v>
      </c>
    </row>
    <row r="75" spans="1:4" ht="18" customHeight="1" x14ac:dyDescent="0.15">
      <c r="A75" s="5">
        <v>58</v>
      </c>
      <c r="B75" s="22">
        <v>11</v>
      </c>
      <c r="C75" s="14">
        <v>8</v>
      </c>
      <c r="D75" s="18">
        <v>19</v>
      </c>
    </row>
    <row r="76" spans="1:4" ht="18" customHeight="1" x14ac:dyDescent="0.15">
      <c r="A76" s="5">
        <v>59</v>
      </c>
      <c r="B76" s="22">
        <v>9</v>
      </c>
      <c r="C76" s="14">
        <v>7</v>
      </c>
      <c r="D76" s="18">
        <v>16</v>
      </c>
    </row>
    <row r="77" spans="1:4" ht="18" customHeight="1" x14ac:dyDescent="0.15">
      <c r="A77" s="5" t="s">
        <v>27</v>
      </c>
      <c r="B77" s="22">
        <v>43</v>
      </c>
      <c r="C77" s="14">
        <v>42</v>
      </c>
      <c r="D77" s="18">
        <v>85</v>
      </c>
    </row>
    <row r="78" spans="1:4" ht="18" customHeight="1" x14ac:dyDescent="0.15">
      <c r="A78" s="5">
        <v>60</v>
      </c>
      <c r="B78" s="22">
        <v>9</v>
      </c>
      <c r="C78" s="14">
        <v>13</v>
      </c>
      <c r="D78" s="18">
        <v>22</v>
      </c>
    </row>
    <row r="79" spans="1:4" ht="18" customHeight="1" x14ac:dyDescent="0.15">
      <c r="A79" s="5">
        <v>61</v>
      </c>
      <c r="B79" s="22">
        <v>11</v>
      </c>
      <c r="C79" s="14">
        <v>7</v>
      </c>
      <c r="D79" s="18">
        <v>18</v>
      </c>
    </row>
    <row r="80" spans="1:4" ht="18" customHeight="1" x14ac:dyDescent="0.15">
      <c r="A80" s="5">
        <v>62</v>
      </c>
      <c r="B80" s="22">
        <v>10</v>
      </c>
      <c r="C80" s="14">
        <v>12</v>
      </c>
      <c r="D80" s="18">
        <v>22</v>
      </c>
    </row>
    <row r="81" spans="1:4" ht="18" customHeight="1" x14ac:dyDescent="0.15">
      <c r="A81" s="5">
        <v>63</v>
      </c>
      <c r="B81" s="22">
        <v>9</v>
      </c>
      <c r="C81" s="14">
        <v>12</v>
      </c>
      <c r="D81" s="18">
        <v>21</v>
      </c>
    </row>
    <row r="82" spans="1:4" ht="18" customHeight="1" x14ac:dyDescent="0.15">
      <c r="A82" s="5">
        <v>64</v>
      </c>
      <c r="B82" s="22">
        <v>2</v>
      </c>
      <c r="C82" s="14">
        <v>12</v>
      </c>
      <c r="D82" s="18">
        <v>14</v>
      </c>
    </row>
    <row r="83" spans="1:4" ht="18" customHeight="1" x14ac:dyDescent="0.15">
      <c r="A83" s="5" t="s">
        <v>28</v>
      </c>
      <c r="B83" s="22">
        <v>41</v>
      </c>
      <c r="C83" s="14">
        <v>56</v>
      </c>
      <c r="D83" s="18">
        <v>97</v>
      </c>
    </row>
    <row r="84" spans="1:4" ht="18" customHeight="1" x14ac:dyDescent="0.15">
      <c r="A84" s="5" t="s">
        <v>31</v>
      </c>
      <c r="B84" s="22">
        <v>352</v>
      </c>
      <c r="C84" s="14">
        <v>352</v>
      </c>
      <c r="D84" s="18">
        <v>704</v>
      </c>
    </row>
    <row r="85" spans="1:4" ht="18" customHeight="1" x14ac:dyDescent="0.15">
      <c r="A85" s="5">
        <v>65</v>
      </c>
      <c r="B85" s="22">
        <v>9</v>
      </c>
      <c r="C85" s="14">
        <v>15</v>
      </c>
      <c r="D85" s="18">
        <v>24</v>
      </c>
    </row>
    <row r="86" spans="1:4" ht="18" customHeight="1" x14ac:dyDescent="0.15">
      <c r="A86" s="5">
        <v>66</v>
      </c>
      <c r="B86" s="22">
        <v>15</v>
      </c>
      <c r="C86" s="14">
        <v>7</v>
      </c>
      <c r="D86" s="18">
        <v>22</v>
      </c>
    </row>
    <row r="87" spans="1:4" ht="18" customHeight="1" x14ac:dyDescent="0.15">
      <c r="A87" s="5">
        <v>67</v>
      </c>
      <c r="B87" s="22">
        <v>12</v>
      </c>
      <c r="C87" s="14">
        <v>14</v>
      </c>
      <c r="D87" s="18">
        <v>26</v>
      </c>
    </row>
    <row r="88" spans="1:4" ht="18" customHeight="1" x14ac:dyDescent="0.15">
      <c r="A88" s="5">
        <v>68</v>
      </c>
      <c r="B88" s="22">
        <v>8</v>
      </c>
      <c r="C88" s="14">
        <v>7</v>
      </c>
      <c r="D88" s="18">
        <v>15</v>
      </c>
    </row>
    <row r="89" spans="1:4" ht="18" customHeight="1" x14ac:dyDescent="0.15">
      <c r="A89" s="5">
        <v>69</v>
      </c>
      <c r="B89" s="22">
        <v>11</v>
      </c>
      <c r="C89" s="14">
        <v>8</v>
      </c>
      <c r="D89" s="18">
        <v>19</v>
      </c>
    </row>
    <row r="90" spans="1:4" ht="18" customHeight="1" x14ac:dyDescent="0.15">
      <c r="A90" s="5" t="s">
        <v>20</v>
      </c>
      <c r="B90" s="22">
        <v>55</v>
      </c>
      <c r="C90" s="14">
        <v>51</v>
      </c>
      <c r="D90" s="18">
        <v>106</v>
      </c>
    </row>
    <row r="91" spans="1:4" ht="18" customHeight="1" x14ac:dyDescent="0.15">
      <c r="A91" s="5">
        <v>70</v>
      </c>
      <c r="B91" s="22">
        <v>9</v>
      </c>
      <c r="C91" s="14">
        <v>12</v>
      </c>
      <c r="D91" s="18">
        <v>21</v>
      </c>
    </row>
    <row r="92" spans="1:4" ht="18" customHeight="1" x14ac:dyDescent="0.15">
      <c r="A92" s="5">
        <v>71</v>
      </c>
      <c r="B92" s="22">
        <v>8</v>
      </c>
      <c r="C92" s="14">
        <v>12</v>
      </c>
      <c r="D92" s="18">
        <v>20</v>
      </c>
    </row>
    <row r="93" spans="1:4" ht="18" customHeight="1" x14ac:dyDescent="0.15">
      <c r="A93" s="5">
        <v>72</v>
      </c>
      <c r="B93" s="22">
        <v>13</v>
      </c>
      <c r="C93" s="14">
        <v>6</v>
      </c>
      <c r="D93" s="18">
        <v>19</v>
      </c>
    </row>
    <row r="94" spans="1:4" ht="18" customHeight="1" x14ac:dyDescent="0.15">
      <c r="A94" s="5">
        <v>73</v>
      </c>
      <c r="B94" s="22">
        <v>10</v>
      </c>
      <c r="C94" s="14">
        <v>12</v>
      </c>
      <c r="D94" s="18">
        <v>22</v>
      </c>
    </row>
    <row r="95" spans="1:4" ht="18" customHeight="1" x14ac:dyDescent="0.15">
      <c r="A95" s="5">
        <v>74</v>
      </c>
      <c r="B95" s="22">
        <v>14</v>
      </c>
      <c r="C95" s="14">
        <v>13</v>
      </c>
      <c r="D95" s="18">
        <v>27</v>
      </c>
    </row>
    <row r="96" spans="1:4" ht="18" customHeight="1" x14ac:dyDescent="0.15">
      <c r="A96" s="5" t="s">
        <v>33</v>
      </c>
      <c r="B96" s="22">
        <v>54</v>
      </c>
      <c r="C96" s="14">
        <v>55</v>
      </c>
      <c r="D96" s="18">
        <v>109</v>
      </c>
    </row>
    <row r="97" spans="1:4" ht="18" customHeight="1" x14ac:dyDescent="0.15">
      <c r="A97" s="5">
        <v>75</v>
      </c>
      <c r="B97" s="22">
        <v>7</v>
      </c>
      <c r="C97" s="14">
        <v>11</v>
      </c>
      <c r="D97" s="18">
        <v>18</v>
      </c>
    </row>
    <row r="98" spans="1:4" ht="18" customHeight="1" x14ac:dyDescent="0.15">
      <c r="A98" s="5">
        <v>76</v>
      </c>
      <c r="B98" s="22">
        <v>9</v>
      </c>
      <c r="C98" s="14">
        <v>12</v>
      </c>
      <c r="D98" s="18">
        <v>21</v>
      </c>
    </row>
    <row r="99" spans="1:4" ht="18" customHeight="1" x14ac:dyDescent="0.15">
      <c r="A99" s="5">
        <v>77</v>
      </c>
      <c r="B99" s="22">
        <v>11</v>
      </c>
      <c r="C99" s="14">
        <v>8</v>
      </c>
      <c r="D99" s="18">
        <v>19</v>
      </c>
    </row>
    <row r="100" spans="1:4" ht="18" customHeight="1" x14ac:dyDescent="0.15">
      <c r="A100" s="5">
        <v>78</v>
      </c>
      <c r="B100" s="22">
        <v>11</v>
      </c>
      <c r="C100" s="14">
        <v>15</v>
      </c>
      <c r="D100" s="18">
        <v>26</v>
      </c>
    </row>
    <row r="101" spans="1:4" ht="18" customHeight="1" x14ac:dyDescent="0.15">
      <c r="A101" s="5">
        <v>79</v>
      </c>
      <c r="B101" s="22">
        <v>6</v>
      </c>
      <c r="C101" s="14">
        <v>6</v>
      </c>
      <c r="D101" s="18">
        <v>12</v>
      </c>
    </row>
    <row r="102" spans="1:4" ht="18" customHeight="1" x14ac:dyDescent="0.15">
      <c r="A102" s="5" t="s">
        <v>0</v>
      </c>
      <c r="B102" s="22">
        <v>44</v>
      </c>
      <c r="C102" s="14">
        <v>52</v>
      </c>
      <c r="D102" s="18">
        <v>96</v>
      </c>
    </row>
    <row r="103" spans="1:4" ht="18" customHeight="1" x14ac:dyDescent="0.15">
      <c r="A103" s="5">
        <v>80</v>
      </c>
      <c r="B103" s="22">
        <v>3</v>
      </c>
      <c r="C103" s="14">
        <v>6</v>
      </c>
      <c r="D103" s="18">
        <v>9</v>
      </c>
    </row>
    <row r="104" spans="1:4" ht="18" customHeight="1" x14ac:dyDescent="0.15">
      <c r="A104" s="5">
        <v>81</v>
      </c>
      <c r="B104" s="22">
        <v>9</v>
      </c>
      <c r="C104" s="14">
        <v>9</v>
      </c>
      <c r="D104" s="18">
        <v>18</v>
      </c>
    </row>
    <row r="105" spans="1:4" ht="18" customHeight="1" x14ac:dyDescent="0.15">
      <c r="A105" s="5">
        <v>82</v>
      </c>
      <c r="B105" s="22">
        <v>4</v>
      </c>
      <c r="C105" s="14">
        <v>13</v>
      </c>
      <c r="D105" s="18">
        <v>17</v>
      </c>
    </row>
    <row r="106" spans="1:4" ht="18" customHeight="1" x14ac:dyDescent="0.15">
      <c r="A106" s="5">
        <v>83</v>
      </c>
      <c r="B106" s="22">
        <v>8</v>
      </c>
      <c r="C106" s="14">
        <v>13</v>
      </c>
      <c r="D106" s="18">
        <v>21</v>
      </c>
    </row>
    <row r="107" spans="1:4" ht="18" customHeight="1" x14ac:dyDescent="0.15">
      <c r="A107" s="5">
        <v>84</v>
      </c>
      <c r="B107" s="22">
        <v>5</v>
      </c>
      <c r="C107" s="14">
        <v>6</v>
      </c>
      <c r="D107" s="18">
        <v>11</v>
      </c>
    </row>
    <row r="108" spans="1:4" ht="18" customHeight="1" x14ac:dyDescent="0.15">
      <c r="A108" s="5" t="s">
        <v>35</v>
      </c>
      <c r="B108" s="22">
        <v>29</v>
      </c>
      <c r="C108" s="14">
        <v>47</v>
      </c>
      <c r="D108" s="18">
        <v>76</v>
      </c>
    </row>
    <row r="109" spans="1:4" ht="18" customHeight="1" x14ac:dyDescent="0.15">
      <c r="A109" s="5">
        <v>85</v>
      </c>
      <c r="B109" s="22">
        <v>5</v>
      </c>
      <c r="C109" s="14">
        <v>10</v>
      </c>
      <c r="D109" s="18">
        <v>15</v>
      </c>
    </row>
    <row r="110" spans="1:4" ht="18" customHeight="1" x14ac:dyDescent="0.15">
      <c r="A110" s="5">
        <v>86</v>
      </c>
      <c r="B110" s="22">
        <v>5</v>
      </c>
      <c r="C110" s="14">
        <v>7</v>
      </c>
      <c r="D110" s="18">
        <v>12</v>
      </c>
    </row>
    <row r="111" spans="1:4" ht="18" customHeight="1" x14ac:dyDescent="0.15">
      <c r="A111" s="5">
        <v>87</v>
      </c>
      <c r="B111" s="22">
        <v>1</v>
      </c>
      <c r="C111" s="14">
        <v>3</v>
      </c>
      <c r="D111" s="18">
        <v>4</v>
      </c>
    </row>
    <row r="112" spans="1:4" ht="18" customHeight="1" x14ac:dyDescent="0.15">
      <c r="A112" s="5">
        <v>88</v>
      </c>
      <c r="B112" s="22">
        <v>3</v>
      </c>
      <c r="C112" s="14">
        <v>7</v>
      </c>
      <c r="D112" s="18">
        <v>10</v>
      </c>
    </row>
    <row r="113" spans="1:4" ht="18" customHeight="1" x14ac:dyDescent="0.15">
      <c r="A113" s="5">
        <v>89</v>
      </c>
      <c r="B113" s="22">
        <v>4</v>
      </c>
      <c r="C113" s="14">
        <v>5</v>
      </c>
      <c r="D113" s="18">
        <v>9</v>
      </c>
    </row>
    <row r="114" spans="1:4" ht="18" customHeight="1" x14ac:dyDescent="0.15">
      <c r="A114" s="5" t="s">
        <v>37</v>
      </c>
      <c r="B114" s="22">
        <v>18</v>
      </c>
      <c r="C114" s="14">
        <v>32</v>
      </c>
      <c r="D114" s="18">
        <v>50</v>
      </c>
    </row>
    <row r="115" spans="1:4" ht="18" customHeight="1" x14ac:dyDescent="0.15">
      <c r="A115" s="5">
        <v>90</v>
      </c>
      <c r="B115" s="22">
        <v>8</v>
      </c>
      <c r="C115" s="14">
        <v>6</v>
      </c>
      <c r="D115" s="18">
        <v>14</v>
      </c>
    </row>
    <row r="116" spans="1:4" ht="18" customHeight="1" x14ac:dyDescent="0.15">
      <c r="A116" s="5">
        <v>91</v>
      </c>
      <c r="B116" s="22">
        <v>1</v>
      </c>
      <c r="C116" s="14">
        <v>6</v>
      </c>
      <c r="D116" s="18">
        <v>7</v>
      </c>
    </row>
    <row r="117" spans="1:4" ht="18" customHeight="1" x14ac:dyDescent="0.15">
      <c r="A117" s="5">
        <v>92</v>
      </c>
      <c r="B117" s="22">
        <v>2</v>
      </c>
      <c r="C117" s="14">
        <v>10</v>
      </c>
      <c r="D117" s="18">
        <v>12</v>
      </c>
    </row>
    <row r="118" spans="1:4" ht="18" customHeight="1" x14ac:dyDescent="0.15">
      <c r="A118" s="5">
        <v>93</v>
      </c>
      <c r="B118" s="22">
        <v>3</v>
      </c>
      <c r="C118" s="14">
        <v>3</v>
      </c>
      <c r="D118" s="18">
        <v>6</v>
      </c>
    </row>
    <row r="119" spans="1:4" ht="18" customHeight="1" x14ac:dyDescent="0.15">
      <c r="A119" s="5">
        <v>94</v>
      </c>
      <c r="B119" s="22">
        <v>3</v>
      </c>
      <c r="C119" s="14">
        <v>6</v>
      </c>
      <c r="D119" s="18">
        <v>9</v>
      </c>
    </row>
    <row r="120" spans="1:4" ht="18" customHeight="1" x14ac:dyDescent="0.15">
      <c r="A120" s="5" t="s">
        <v>39</v>
      </c>
      <c r="B120" s="22">
        <v>17</v>
      </c>
      <c r="C120" s="14">
        <v>31</v>
      </c>
      <c r="D120" s="18">
        <v>48</v>
      </c>
    </row>
    <row r="121" spans="1:4" ht="18" customHeight="1" x14ac:dyDescent="0.15">
      <c r="A121" s="5">
        <v>95</v>
      </c>
      <c r="B121" s="22">
        <v>0</v>
      </c>
      <c r="C121" s="14">
        <v>4</v>
      </c>
      <c r="D121" s="18">
        <v>4</v>
      </c>
    </row>
    <row r="122" spans="1:4" ht="18" customHeight="1" x14ac:dyDescent="0.15">
      <c r="A122" s="5">
        <v>96</v>
      </c>
      <c r="B122" s="22">
        <v>1</v>
      </c>
      <c r="C122" s="14">
        <v>3</v>
      </c>
      <c r="D122" s="18">
        <v>4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1</v>
      </c>
      <c r="C126" s="14">
        <v>11</v>
      </c>
      <c r="D126" s="18">
        <v>12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218</v>
      </c>
      <c r="C130" s="14">
        <v>281</v>
      </c>
      <c r="D130" s="18">
        <v>499</v>
      </c>
    </row>
    <row r="131" spans="1:4" ht="18" customHeight="1" x14ac:dyDescent="0.15">
      <c r="A131" s="7" t="s">
        <v>45</v>
      </c>
      <c r="B131" s="23">
        <v>649</v>
      </c>
      <c r="C131" s="15">
        <v>710</v>
      </c>
      <c r="D131" s="19">
        <v>135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B00-000000000000}">
  <sheetPr codeName="Sheet8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5</v>
      </c>
      <c r="C5" s="29">
        <v>5</v>
      </c>
      <c r="D5" s="31">
        <v>10</v>
      </c>
    </row>
    <row r="6" spans="1:4" ht="18" customHeight="1" x14ac:dyDescent="0.15">
      <c r="A6" s="5">
        <v>1</v>
      </c>
      <c r="B6" s="27">
        <v>3</v>
      </c>
      <c r="C6" s="14">
        <v>6</v>
      </c>
      <c r="D6" s="18">
        <v>9</v>
      </c>
    </row>
    <row r="7" spans="1:4" ht="18" customHeight="1" x14ac:dyDescent="0.15">
      <c r="A7" s="5">
        <v>2</v>
      </c>
      <c r="B7" s="27">
        <v>9</v>
      </c>
      <c r="C7" s="14">
        <v>7</v>
      </c>
      <c r="D7" s="18">
        <v>16</v>
      </c>
    </row>
    <row r="8" spans="1:4" ht="18" customHeight="1" x14ac:dyDescent="0.15">
      <c r="A8" s="5">
        <v>3</v>
      </c>
      <c r="B8" s="27">
        <v>9</v>
      </c>
      <c r="C8" s="14">
        <v>5</v>
      </c>
      <c r="D8" s="18">
        <v>14</v>
      </c>
    </row>
    <row r="9" spans="1:4" ht="18" customHeight="1" x14ac:dyDescent="0.15">
      <c r="A9" s="5">
        <v>4</v>
      </c>
      <c r="B9" s="28">
        <v>5</v>
      </c>
      <c r="C9" s="30">
        <v>13</v>
      </c>
      <c r="D9" s="32">
        <v>18</v>
      </c>
    </row>
    <row r="10" spans="1:4" ht="18" customHeight="1" x14ac:dyDescent="0.15">
      <c r="A10" s="5" t="s">
        <v>7</v>
      </c>
      <c r="B10" s="22">
        <v>31</v>
      </c>
      <c r="C10" s="14">
        <v>36</v>
      </c>
      <c r="D10" s="18">
        <v>67</v>
      </c>
    </row>
    <row r="11" spans="1:4" ht="18" customHeight="1" x14ac:dyDescent="0.15">
      <c r="A11" s="5">
        <v>5</v>
      </c>
      <c r="B11" s="27">
        <v>8</v>
      </c>
      <c r="C11" s="14">
        <v>9</v>
      </c>
      <c r="D11" s="18">
        <v>17</v>
      </c>
    </row>
    <row r="12" spans="1:4" ht="18" customHeight="1" x14ac:dyDescent="0.15">
      <c r="A12" s="5">
        <v>6</v>
      </c>
      <c r="B12" s="27">
        <v>12</v>
      </c>
      <c r="C12" s="14">
        <v>14</v>
      </c>
      <c r="D12" s="18">
        <v>26</v>
      </c>
    </row>
    <row r="13" spans="1:4" ht="18" customHeight="1" x14ac:dyDescent="0.15">
      <c r="A13" s="5">
        <v>7</v>
      </c>
      <c r="B13" s="27">
        <v>12</v>
      </c>
      <c r="C13" s="14">
        <v>12</v>
      </c>
      <c r="D13" s="18">
        <v>24</v>
      </c>
    </row>
    <row r="14" spans="1:4" ht="18" customHeight="1" x14ac:dyDescent="0.15">
      <c r="A14" s="5">
        <v>8</v>
      </c>
      <c r="B14" s="27">
        <v>13</v>
      </c>
      <c r="C14" s="14">
        <v>14</v>
      </c>
      <c r="D14" s="18">
        <v>27</v>
      </c>
    </row>
    <row r="15" spans="1:4" ht="18" customHeight="1" x14ac:dyDescent="0.15">
      <c r="A15" s="5">
        <v>9</v>
      </c>
      <c r="B15" s="27">
        <v>11</v>
      </c>
      <c r="C15" s="14">
        <v>14</v>
      </c>
      <c r="D15" s="18">
        <v>25</v>
      </c>
    </row>
    <row r="16" spans="1:4" ht="18" customHeight="1" x14ac:dyDescent="0.15">
      <c r="A16" s="5" t="s">
        <v>11</v>
      </c>
      <c r="B16" s="22">
        <v>56</v>
      </c>
      <c r="C16" s="14">
        <v>63</v>
      </c>
      <c r="D16" s="18">
        <v>119</v>
      </c>
    </row>
    <row r="17" spans="1:4" ht="18" customHeight="1" x14ac:dyDescent="0.15">
      <c r="A17" s="5">
        <v>10</v>
      </c>
      <c r="B17" s="22">
        <v>18</v>
      </c>
      <c r="C17" s="14">
        <v>10</v>
      </c>
      <c r="D17" s="18">
        <v>28</v>
      </c>
    </row>
    <row r="18" spans="1:4" ht="18" customHeight="1" x14ac:dyDescent="0.15">
      <c r="A18" s="5">
        <v>11</v>
      </c>
      <c r="B18" s="22">
        <v>13</v>
      </c>
      <c r="C18" s="14">
        <v>8</v>
      </c>
      <c r="D18" s="18">
        <v>21</v>
      </c>
    </row>
    <row r="19" spans="1:4" ht="18" customHeight="1" x14ac:dyDescent="0.15">
      <c r="A19" s="5">
        <v>12</v>
      </c>
      <c r="B19" s="22">
        <v>11</v>
      </c>
      <c r="C19" s="14">
        <v>13</v>
      </c>
      <c r="D19" s="18">
        <v>24</v>
      </c>
    </row>
    <row r="20" spans="1:4" ht="18" customHeight="1" x14ac:dyDescent="0.15">
      <c r="A20" s="5">
        <v>13</v>
      </c>
      <c r="B20" s="22">
        <v>13</v>
      </c>
      <c r="C20" s="14">
        <v>12</v>
      </c>
      <c r="D20" s="18">
        <v>25</v>
      </c>
    </row>
    <row r="21" spans="1:4" ht="18" customHeight="1" x14ac:dyDescent="0.15">
      <c r="A21" s="5">
        <v>14</v>
      </c>
      <c r="B21" s="22">
        <v>11</v>
      </c>
      <c r="C21" s="14">
        <v>12</v>
      </c>
      <c r="D21" s="18">
        <v>23</v>
      </c>
    </row>
    <row r="22" spans="1:4" ht="18" customHeight="1" x14ac:dyDescent="0.15">
      <c r="A22" s="5" t="s">
        <v>12</v>
      </c>
      <c r="B22" s="22">
        <v>66</v>
      </c>
      <c r="C22" s="14">
        <v>55</v>
      </c>
      <c r="D22" s="18">
        <v>121</v>
      </c>
    </row>
    <row r="23" spans="1:4" ht="18" customHeight="1" x14ac:dyDescent="0.15">
      <c r="A23" s="5" t="s">
        <v>6</v>
      </c>
      <c r="B23" s="22">
        <v>153</v>
      </c>
      <c r="C23" s="14">
        <v>154</v>
      </c>
      <c r="D23" s="18">
        <v>307</v>
      </c>
    </row>
    <row r="24" spans="1:4" ht="18" customHeight="1" x14ac:dyDescent="0.15">
      <c r="A24" s="5">
        <v>15</v>
      </c>
      <c r="B24" s="22">
        <v>8</v>
      </c>
      <c r="C24" s="14">
        <v>9</v>
      </c>
      <c r="D24" s="18">
        <v>17</v>
      </c>
    </row>
    <row r="25" spans="1:4" ht="18" customHeight="1" x14ac:dyDescent="0.15">
      <c r="A25" s="5">
        <v>16</v>
      </c>
      <c r="B25" s="22">
        <v>9</v>
      </c>
      <c r="C25" s="14">
        <v>8</v>
      </c>
      <c r="D25" s="18">
        <v>17</v>
      </c>
    </row>
    <row r="26" spans="1:4" ht="18" customHeight="1" x14ac:dyDescent="0.15">
      <c r="A26" s="5">
        <v>17</v>
      </c>
      <c r="B26" s="22">
        <v>1</v>
      </c>
      <c r="C26" s="14">
        <v>6</v>
      </c>
      <c r="D26" s="18">
        <v>7</v>
      </c>
    </row>
    <row r="27" spans="1:4" ht="18" customHeight="1" x14ac:dyDescent="0.15">
      <c r="A27" s="5">
        <v>18</v>
      </c>
      <c r="B27" s="22">
        <v>11</v>
      </c>
      <c r="C27" s="14">
        <v>3</v>
      </c>
      <c r="D27" s="18">
        <v>14</v>
      </c>
    </row>
    <row r="28" spans="1:4" ht="18" customHeight="1" x14ac:dyDescent="0.15">
      <c r="A28" s="5">
        <v>19</v>
      </c>
      <c r="B28" s="22">
        <v>10</v>
      </c>
      <c r="C28" s="14">
        <v>6</v>
      </c>
      <c r="D28" s="18">
        <v>16</v>
      </c>
    </row>
    <row r="29" spans="1:4" ht="18" customHeight="1" x14ac:dyDescent="0.15">
      <c r="A29" s="5" t="s">
        <v>14</v>
      </c>
      <c r="B29" s="22">
        <v>39</v>
      </c>
      <c r="C29" s="14">
        <v>32</v>
      </c>
      <c r="D29" s="18">
        <v>71</v>
      </c>
    </row>
    <row r="30" spans="1:4" ht="18" customHeight="1" x14ac:dyDescent="0.15">
      <c r="A30" s="5">
        <v>20</v>
      </c>
      <c r="B30" s="22">
        <v>2</v>
      </c>
      <c r="C30" s="14">
        <v>5</v>
      </c>
      <c r="D30" s="18">
        <v>7</v>
      </c>
    </row>
    <row r="31" spans="1:4" ht="18" customHeight="1" x14ac:dyDescent="0.15">
      <c r="A31" s="5">
        <v>21</v>
      </c>
      <c r="B31" s="22">
        <v>4</v>
      </c>
      <c r="C31" s="14">
        <v>6</v>
      </c>
      <c r="D31" s="18">
        <v>10</v>
      </c>
    </row>
    <row r="32" spans="1:4" ht="18" customHeight="1" x14ac:dyDescent="0.15">
      <c r="A32" s="5">
        <v>22</v>
      </c>
      <c r="B32" s="22">
        <v>3</v>
      </c>
      <c r="C32" s="14">
        <v>5</v>
      </c>
      <c r="D32" s="18">
        <v>8</v>
      </c>
    </row>
    <row r="33" spans="1:4" ht="18" customHeight="1" x14ac:dyDescent="0.15">
      <c r="A33" s="5">
        <v>23</v>
      </c>
      <c r="B33" s="22">
        <v>10</v>
      </c>
      <c r="C33" s="14">
        <v>8</v>
      </c>
      <c r="D33" s="18">
        <v>18</v>
      </c>
    </row>
    <row r="34" spans="1:4" ht="18" customHeight="1" x14ac:dyDescent="0.15">
      <c r="A34" s="5">
        <v>24</v>
      </c>
      <c r="B34" s="22">
        <v>12</v>
      </c>
      <c r="C34" s="14">
        <v>6</v>
      </c>
      <c r="D34" s="18">
        <v>18</v>
      </c>
    </row>
    <row r="35" spans="1:4" ht="18" customHeight="1" x14ac:dyDescent="0.15">
      <c r="A35" s="5" t="s">
        <v>9</v>
      </c>
      <c r="B35" s="22">
        <v>31</v>
      </c>
      <c r="C35" s="14">
        <v>30</v>
      </c>
      <c r="D35" s="18">
        <v>61</v>
      </c>
    </row>
    <row r="36" spans="1:4" ht="18" customHeight="1" x14ac:dyDescent="0.15">
      <c r="A36" s="5">
        <v>25</v>
      </c>
      <c r="B36" s="22">
        <v>7</v>
      </c>
      <c r="C36" s="14">
        <v>5</v>
      </c>
      <c r="D36" s="18">
        <v>12</v>
      </c>
    </row>
    <row r="37" spans="1:4" ht="18" customHeight="1" x14ac:dyDescent="0.15">
      <c r="A37" s="5">
        <v>26</v>
      </c>
      <c r="B37" s="22">
        <v>9</v>
      </c>
      <c r="C37" s="14">
        <v>7</v>
      </c>
      <c r="D37" s="18">
        <v>16</v>
      </c>
    </row>
    <row r="38" spans="1:4" ht="18" customHeight="1" x14ac:dyDescent="0.15">
      <c r="A38" s="5">
        <v>27</v>
      </c>
      <c r="B38" s="22">
        <v>5</v>
      </c>
      <c r="C38" s="14">
        <v>8</v>
      </c>
      <c r="D38" s="18">
        <v>13</v>
      </c>
    </row>
    <row r="39" spans="1:4" ht="18" customHeight="1" x14ac:dyDescent="0.15">
      <c r="A39" s="5">
        <v>28</v>
      </c>
      <c r="B39" s="22">
        <v>8</v>
      </c>
      <c r="C39" s="14">
        <v>7</v>
      </c>
      <c r="D39" s="18">
        <v>15</v>
      </c>
    </row>
    <row r="40" spans="1:4" ht="18" customHeight="1" x14ac:dyDescent="0.15">
      <c r="A40" s="5">
        <v>29</v>
      </c>
      <c r="B40" s="22">
        <v>5</v>
      </c>
      <c r="C40" s="14">
        <v>5</v>
      </c>
      <c r="D40" s="18">
        <v>10</v>
      </c>
    </row>
    <row r="41" spans="1:4" ht="18" customHeight="1" x14ac:dyDescent="0.15">
      <c r="A41" s="5" t="s">
        <v>2</v>
      </c>
      <c r="B41" s="22">
        <v>34</v>
      </c>
      <c r="C41" s="14">
        <v>32</v>
      </c>
      <c r="D41" s="18">
        <v>66</v>
      </c>
    </row>
    <row r="42" spans="1:4" ht="18" customHeight="1" x14ac:dyDescent="0.15">
      <c r="A42" s="5">
        <v>30</v>
      </c>
      <c r="B42" s="22">
        <v>9</v>
      </c>
      <c r="C42" s="14">
        <v>11</v>
      </c>
      <c r="D42" s="18">
        <v>20</v>
      </c>
    </row>
    <row r="43" spans="1:4" ht="18" customHeight="1" x14ac:dyDescent="0.15">
      <c r="A43" s="5">
        <v>31</v>
      </c>
      <c r="B43" s="22">
        <v>12</v>
      </c>
      <c r="C43" s="14">
        <v>10</v>
      </c>
      <c r="D43" s="18">
        <v>22</v>
      </c>
    </row>
    <row r="44" spans="1:4" ht="18" customHeight="1" x14ac:dyDescent="0.15">
      <c r="A44" s="5">
        <v>32</v>
      </c>
      <c r="B44" s="22">
        <v>7</v>
      </c>
      <c r="C44" s="14">
        <v>10</v>
      </c>
      <c r="D44" s="18">
        <v>17</v>
      </c>
    </row>
    <row r="45" spans="1:4" ht="18" customHeight="1" x14ac:dyDescent="0.15">
      <c r="A45" s="5">
        <v>33</v>
      </c>
      <c r="B45" s="22">
        <v>9</v>
      </c>
      <c r="C45" s="14">
        <v>8</v>
      </c>
      <c r="D45" s="18">
        <v>17</v>
      </c>
    </row>
    <row r="46" spans="1:4" ht="18" customHeight="1" x14ac:dyDescent="0.15">
      <c r="A46" s="5">
        <v>34</v>
      </c>
      <c r="B46" s="22">
        <v>11</v>
      </c>
      <c r="C46" s="14">
        <v>10</v>
      </c>
      <c r="D46" s="18">
        <v>21</v>
      </c>
    </row>
    <row r="47" spans="1:4" ht="18" customHeight="1" x14ac:dyDescent="0.15">
      <c r="A47" s="5" t="s">
        <v>15</v>
      </c>
      <c r="B47" s="22">
        <v>48</v>
      </c>
      <c r="C47" s="14">
        <v>49</v>
      </c>
      <c r="D47" s="18">
        <v>97</v>
      </c>
    </row>
    <row r="48" spans="1:4" ht="18" customHeight="1" x14ac:dyDescent="0.15">
      <c r="A48" s="5">
        <v>35</v>
      </c>
      <c r="B48" s="22">
        <v>14</v>
      </c>
      <c r="C48" s="14">
        <v>9</v>
      </c>
      <c r="D48" s="18">
        <v>23</v>
      </c>
    </row>
    <row r="49" spans="1:4" ht="18" customHeight="1" x14ac:dyDescent="0.15">
      <c r="A49" s="5">
        <v>36</v>
      </c>
      <c r="B49" s="22">
        <v>15</v>
      </c>
      <c r="C49" s="14">
        <v>8</v>
      </c>
      <c r="D49" s="18">
        <v>23</v>
      </c>
    </row>
    <row r="50" spans="1:4" ht="18" customHeight="1" x14ac:dyDescent="0.15">
      <c r="A50" s="5">
        <v>37</v>
      </c>
      <c r="B50" s="22">
        <v>19</v>
      </c>
      <c r="C50" s="14">
        <v>23</v>
      </c>
      <c r="D50" s="18">
        <v>42</v>
      </c>
    </row>
    <row r="51" spans="1:4" ht="18" customHeight="1" x14ac:dyDescent="0.15">
      <c r="A51" s="5">
        <v>38</v>
      </c>
      <c r="B51" s="22">
        <v>10</v>
      </c>
      <c r="C51" s="14">
        <v>14</v>
      </c>
      <c r="D51" s="18">
        <v>24</v>
      </c>
    </row>
    <row r="52" spans="1:4" ht="18" customHeight="1" x14ac:dyDescent="0.15">
      <c r="A52" s="5">
        <v>39</v>
      </c>
      <c r="B52" s="22">
        <v>20</v>
      </c>
      <c r="C52" s="14">
        <v>16</v>
      </c>
      <c r="D52" s="18">
        <v>36</v>
      </c>
    </row>
    <row r="53" spans="1:4" ht="18" customHeight="1" x14ac:dyDescent="0.15">
      <c r="A53" s="5" t="s">
        <v>18</v>
      </c>
      <c r="B53" s="22">
        <v>78</v>
      </c>
      <c r="C53" s="14">
        <v>70</v>
      </c>
      <c r="D53" s="18">
        <v>148</v>
      </c>
    </row>
    <row r="54" spans="1:4" ht="18" customHeight="1" x14ac:dyDescent="0.15">
      <c r="A54" s="5">
        <v>40</v>
      </c>
      <c r="B54" s="22">
        <v>12</v>
      </c>
      <c r="C54" s="14">
        <v>14</v>
      </c>
      <c r="D54" s="18">
        <v>26</v>
      </c>
    </row>
    <row r="55" spans="1:4" ht="18" customHeight="1" x14ac:dyDescent="0.15">
      <c r="A55" s="5">
        <v>41</v>
      </c>
      <c r="B55" s="22">
        <v>21</v>
      </c>
      <c r="C55" s="14">
        <v>11</v>
      </c>
      <c r="D55" s="18">
        <v>32</v>
      </c>
    </row>
    <row r="56" spans="1:4" ht="18" customHeight="1" x14ac:dyDescent="0.15">
      <c r="A56" s="5">
        <v>42</v>
      </c>
      <c r="B56" s="22">
        <v>13</v>
      </c>
      <c r="C56" s="14">
        <v>17</v>
      </c>
      <c r="D56" s="18">
        <v>30</v>
      </c>
    </row>
    <row r="57" spans="1:4" ht="18" customHeight="1" x14ac:dyDescent="0.15">
      <c r="A57" s="5">
        <v>43</v>
      </c>
      <c r="B57" s="22">
        <v>14</v>
      </c>
      <c r="C57" s="14">
        <v>14</v>
      </c>
      <c r="D57" s="18">
        <v>28</v>
      </c>
    </row>
    <row r="58" spans="1:4" ht="18" customHeight="1" x14ac:dyDescent="0.15">
      <c r="A58" s="5">
        <v>44</v>
      </c>
      <c r="B58" s="22">
        <v>18</v>
      </c>
      <c r="C58" s="14">
        <v>11</v>
      </c>
      <c r="D58" s="18">
        <v>29</v>
      </c>
    </row>
    <row r="59" spans="1:4" ht="18" customHeight="1" x14ac:dyDescent="0.15">
      <c r="A59" s="5" t="s">
        <v>21</v>
      </c>
      <c r="B59" s="22">
        <v>78</v>
      </c>
      <c r="C59" s="14">
        <v>67</v>
      </c>
      <c r="D59" s="18">
        <v>145</v>
      </c>
    </row>
    <row r="60" spans="1:4" ht="18" customHeight="1" x14ac:dyDescent="0.15">
      <c r="A60" s="5">
        <v>45</v>
      </c>
      <c r="B60" s="22">
        <v>15</v>
      </c>
      <c r="C60" s="14">
        <v>9</v>
      </c>
      <c r="D60" s="18">
        <v>24</v>
      </c>
    </row>
    <row r="61" spans="1:4" ht="18" customHeight="1" x14ac:dyDescent="0.15">
      <c r="A61" s="5">
        <v>46</v>
      </c>
      <c r="B61" s="22">
        <v>15</v>
      </c>
      <c r="C61" s="14">
        <v>9</v>
      </c>
      <c r="D61" s="18">
        <v>24</v>
      </c>
    </row>
    <row r="62" spans="1:4" ht="18" customHeight="1" x14ac:dyDescent="0.15">
      <c r="A62" s="5">
        <v>47</v>
      </c>
      <c r="B62" s="22">
        <v>16</v>
      </c>
      <c r="C62" s="14">
        <v>12</v>
      </c>
      <c r="D62" s="18">
        <v>28</v>
      </c>
    </row>
    <row r="63" spans="1:4" ht="18" customHeight="1" x14ac:dyDescent="0.15">
      <c r="A63" s="5">
        <v>48</v>
      </c>
      <c r="B63" s="22">
        <v>13</v>
      </c>
      <c r="C63" s="14">
        <v>8</v>
      </c>
      <c r="D63" s="18">
        <v>21</v>
      </c>
    </row>
    <row r="64" spans="1:4" ht="18" customHeight="1" x14ac:dyDescent="0.15">
      <c r="A64" s="5">
        <v>49</v>
      </c>
      <c r="B64" s="22">
        <v>19</v>
      </c>
      <c r="C64" s="14">
        <v>10</v>
      </c>
      <c r="D64" s="18">
        <v>29</v>
      </c>
    </row>
    <row r="65" spans="1:4" ht="18" customHeight="1" x14ac:dyDescent="0.15">
      <c r="A65" s="5" t="s">
        <v>17</v>
      </c>
      <c r="B65" s="22">
        <v>78</v>
      </c>
      <c r="C65" s="14">
        <v>48</v>
      </c>
      <c r="D65" s="18">
        <v>126</v>
      </c>
    </row>
    <row r="66" spans="1:4" ht="18" customHeight="1" x14ac:dyDescent="0.15">
      <c r="A66" s="5">
        <v>50</v>
      </c>
      <c r="B66" s="22">
        <v>10</v>
      </c>
      <c r="C66" s="14">
        <v>13</v>
      </c>
      <c r="D66" s="18">
        <v>23</v>
      </c>
    </row>
    <row r="67" spans="1:4" ht="18" customHeight="1" x14ac:dyDescent="0.15">
      <c r="A67" s="5">
        <v>51</v>
      </c>
      <c r="B67" s="22">
        <v>15</v>
      </c>
      <c r="C67" s="14">
        <v>15</v>
      </c>
      <c r="D67" s="18">
        <v>30</v>
      </c>
    </row>
    <row r="68" spans="1:4" ht="18" customHeight="1" x14ac:dyDescent="0.15">
      <c r="A68" s="5">
        <v>52</v>
      </c>
      <c r="B68" s="22">
        <v>11</v>
      </c>
      <c r="C68" s="14">
        <v>16</v>
      </c>
      <c r="D68" s="18">
        <v>27</v>
      </c>
    </row>
    <row r="69" spans="1:4" ht="18" customHeight="1" x14ac:dyDescent="0.15">
      <c r="A69" s="5">
        <v>53</v>
      </c>
      <c r="B69" s="22">
        <v>19</v>
      </c>
      <c r="C69" s="14">
        <v>7</v>
      </c>
      <c r="D69" s="18">
        <v>26</v>
      </c>
    </row>
    <row r="70" spans="1:4" ht="18" customHeight="1" x14ac:dyDescent="0.15">
      <c r="A70" s="5">
        <v>54</v>
      </c>
      <c r="B70" s="22">
        <v>14</v>
      </c>
      <c r="C70" s="14">
        <v>6</v>
      </c>
      <c r="D70" s="18">
        <v>20</v>
      </c>
    </row>
    <row r="71" spans="1:4" ht="18" customHeight="1" x14ac:dyDescent="0.15">
      <c r="A71" s="5" t="s">
        <v>22</v>
      </c>
      <c r="B71" s="22">
        <v>69</v>
      </c>
      <c r="C71" s="14">
        <v>57</v>
      </c>
      <c r="D71" s="18">
        <v>126</v>
      </c>
    </row>
    <row r="72" spans="1:4" ht="18" customHeight="1" x14ac:dyDescent="0.15">
      <c r="A72" s="5">
        <v>55</v>
      </c>
      <c r="B72" s="22">
        <v>11</v>
      </c>
      <c r="C72" s="14">
        <v>24</v>
      </c>
      <c r="D72" s="18">
        <v>35</v>
      </c>
    </row>
    <row r="73" spans="1:4" ht="18" customHeight="1" x14ac:dyDescent="0.15">
      <c r="A73" s="5">
        <v>56</v>
      </c>
      <c r="B73" s="22">
        <v>15</v>
      </c>
      <c r="C73" s="14">
        <v>6</v>
      </c>
      <c r="D73" s="18">
        <v>21</v>
      </c>
    </row>
    <row r="74" spans="1:4" ht="18" customHeight="1" x14ac:dyDescent="0.15">
      <c r="A74" s="5">
        <v>57</v>
      </c>
      <c r="B74" s="22">
        <v>8</v>
      </c>
      <c r="C74" s="14">
        <v>16</v>
      </c>
      <c r="D74" s="18">
        <v>24</v>
      </c>
    </row>
    <row r="75" spans="1:4" ht="18" customHeight="1" x14ac:dyDescent="0.15">
      <c r="A75" s="5">
        <v>58</v>
      </c>
      <c r="B75" s="22">
        <v>8</v>
      </c>
      <c r="C75" s="14">
        <v>13</v>
      </c>
      <c r="D75" s="18">
        <v>21</v>
      </c>
    </row>
    <row r="76" spans="1:4" ht="18" customHeight="1" x14ac:dyDescent="0.15">
      <c r="A76" s="5">
        <v>59</v>
      </c>
      <c r="B76" s="22">
        <v>10</v>
      </c>
      <c r="C76" s="14">
        <v>8</v>
      </c>
      <c r="D76" s="18">
        <v>18</v>
      </c>
    </row>
    <row r="77" spans="1:4" ht="18" customHeight="1" x14ac:dyDescent="0.15">
      <c r="A77" s="5" t="s">
        <v>27</v>
      </c>
      <c r="B77" s="22">
        <v>52</v>
      </c>
      <c r="C77" s="14">
        <v>67</v>
      </c>
      <c r="D77" s="18">
        <v>119</v>
      </c>
    </row>
    <row r="78" spans="1:4" ht="18" customHeight="1" x14ac:dyDescent="0.15">
      <c r="A78" s="5">
        <v>60</v>
      </c>
      <c r="B78" s="22">
        <v>11</v>
      </c>
      <c r="C78" s="14">
        <v>12</v>
      </c>
      <c r="D78" s="18">
        <v>23</v>
      </c>
    </row>
    <row r="79" spans="1:4" ht="18" customHeight="1" x14ac:dyDescent="0.15">
      <c r="A79" s="5">
        <v>61</v>
      </c>
      <c r="B79" s="22">
        <v>14</v>
      </c>
      <c r="C79" s="14">
        <v>14</v>
      </c>
      <c r="D79" s="18">
        <v>28</v>
      </c>
    </row>
    <row r="80" spans="1:4" ht="18" customHeight="1" x14ac:dyDescent="0.15">
      <c r="A80" s="5">
        <v>62</v>
      </c>
      <c r="B80" s="22">
        <v>6</v>
      </c>
      <c r="C80" s="14">
        <v>13</v>
      </c>
      <c r="D80" s="18">
        <v>19</v>
      </c>
    </row>
    <row r="81" spans="1:4" ht="18" customHeight="1" x14ac:dyDescent="0.15">
      <c r="A81" s="5">
        <v>63</v>
      </c>
      <c r="B81" s="22">
        <v>11</v>
      </c>
      <c r="C81" s="14">
        <v>11</v>
      </c>
      <c r="D81" s="18">
        <v>22</v>
      </c>
    </row>
    <row r="82" spans="1:4" ht="18" customHeight="1" x14ac:dyDescent="0.15">
      <c r="A82" s="5">
        <v>64</v>
      </c>
      <c r="B82" s="22">
        <v>13</v>
      </c>
      <c r="C82" s="14">
        <v>18</v>
      </c>
      <c r="D82" s="18">
        <v>31</v>
      </c>
    </row>
    <row r="83" spans="1:4" ht="18" customHeight="1" x14ac:dyDescent="0.15">
      <c r="A83" s="5" t="s">
        <v>28</v>
      </c>
      <c r="B83" s="22">
        <v>55</v>
      </c>
      <c r="C83" s="14">
        <v>68</v>
      </c>
      <c r="D83" s="18">
        <v>123</v>
      </c>
    </row>
    <row r="84" spans="1:4" ht="18" customHeight="1" x14ac:dyDescent="0.15">
      <c r="A84" s="5" t="s">
        <v>31</v>
      </c>
      <c r="B84" s="22">
        <v>562</v>
      </c>
      <c r="C84" s="14">
        <v>520</v>
      </c>
      <c r="D84" s="18">
        <v>1082</v>
      </c>
    </row>
    <row r="85" spans="1:4" ht="18" customHeight="1" x14ac:dyDescent="0.15">
      <c r="A85" s="5">
        <v>65</v>
      </c>
      <c r="B85" s="22">
        <v>12</v>
      </c>
      <c r="C85" s="14">
        <v>25</v>
      </c>
      <c r="D85" s="18">
        <v>37</v>
      </c>
    </row>
    <row r="86" spans="1:4" ht="18" customHeight="1" x14ac:dyDescent="0.15">
      <c r="A86" s="5">
        <v>66</v>
      </c>
      <c r="B86" s="22">
        <v>22</v>
      </c>
      <c r="C86" s="14">
        <v>13</v>
      </c>
      <c r="D86" s="18">
        <v>35</v>
      </c>
    </row>
    <row r="87" spans="1:4" ht="18" customHeight="1" x14ac:dyDescent="0.15">
      <c r="A87" s="5">
        <v>67</v>
      </c>
      <c r="B87" s="22">
        <v>18</v>
      </c>
      <c r="C87" s="14">
        <v>15</v>
      </c>
      <c r="D87" s="18">
        <v>33</v>
      </c>
    </row>
    <row r="88" spans="1:4" ht="18" customHeight="1" x14ac:dyDescent="0.15">
      <c r="A88" s="5">
        <v>68</v>
      </c>
      <c r="B88" s="22">
        <v>16</v>
      </c>
      <c r="C88" s="14">
        <v>20</v>
      </c>
      <c r="D88" s="18">
        <v>36</v>
      </c>
    </row>
    <row r="89" spans="1:4" ht="18" customHeight="1" x14ac:dyDescent="0.15">
      <c r="A89" s="5">
        <v>69</v>
      </c>
      <c r="B89" s="22">
        <v>14</v>
      </c>
      <c r="C89" s="14">
        <v>10</v>
      </c>
      <c r="D89" s="18">
        <v>24</v>
      </c>
    </row>
    <row r="90" spans="1:4" ht="18" customHeight="1" x14ac:dyDescent="0.15">
      <c r="A90" s="5" t="s">
        <v>20</v>
      </c>
      <c r="B90" s="22">
        <v>82</v>
      </c>
      <c r="C90" s="14">
        <v>83</v>
      </c>
      <c r="D90" s="18">
        <v>165</v>
      </c>
    </row>
    <row r="91" spans="1:4" ht="18" customHeight="1" x14ac:dyDescent="0.15">
      <c r="A91" s="5">
        <v>70</v>
      </c>
      <c r="B91" s="22">
        <v>22</v>
      </c>
      <c r="C91" s="14">
        <v>21</v>
      </c>
      <c r="D91" s="18">
        <v>43</v>
      </c>
    </row>
    <row r="92" spans="1:4" ht="18" customHeight="1" x14ac:dyDescent="0.15">
      <c r="A92" s="5">
        <v>71</v>
      </c>
      <c r="B92" s="22">
        <v>9</v>
      </c>
      <c r="C92" s="14">
        <v>14</v>
      </c>
      <c r="D92" s="18">
        <v>23</v>
      </c>
    </row>
    <row r="93" spans="1:4" ht="18" customHeight="1" x14ac:dyDescent="0.15">
      <c r="A93" s="5">
        <v>72</v>
      </c>
      <c r="B93" s="22">
        <v>9</v>
      </c>
      <c r="C93" s="14">
        <v>19</v>
      </c>
      <c r="D93" s="18">
        <v>28</v>
      </c>
    </row>
    <row r="94" spans="1:4" ht="18" customHeight="1" x14ac:dyDescent="0.15">
      <c r="A94" s="5">
        <v>73</v>
      </c>
      <c r="B94" s="22">
        <v>19</v>
      </c>
      <c r="C94" s="14">
        <v>15</v>
      </c>
      <c r="D94" s="18">
        <v>34</v>
      </c>
    </row>
    <row r="95" spans="1:4" ht="18" customHeight="1" x14ac:dyDescent="0.15">
      <c r="A95" s="5">
        <v>74</v>
      </c>
      <c r="B95" s="22">
        <v>17</v>
      </c>
      <c r="C95" s="14">
        <v>22</v>
      </c>
      <c r="D95" s="18">
        <v>39</v>
      </c>
    </row>
    <row r="96" spans="1:4" ht="18" customHeight="1" x14ac:dyDescent="0.15">
      <c r="A96" s="5" t="s">
        <v>33</v>
      </c>
      <c r="B96" s="22">
        <v>76</v>
      </c>
      <c r="C96" s="14">
        <v>91</v>
      </c>
      <c r="D96" s="18">
        <v>167</v>
      </c>
    </row>
    <row r="97" spans="1:4" ht="18" customHeight="1" x14ac:dyDescent="0.15">
      <c r="A97" s="5">
        <v>75</v>
      </c>
      <c r="B97" s="22">
        <v>13</v>
      </c>
      <c r="C97" s="14">
        <v>22</v>
      </c>
      <c r="D97" s="18">
        <v>35</v>
      </c>
    </row>
    <row r="98" spans="1:4" ht="18" customHeight="1" x14ac:dyDescent="0.15">
      <c r="A98" s="5">
        <v>76</v>
      </c>
      <c r="B98" s="22">
        <v>22</v>
      </c>
      <c r="C98" s="14">
        <v>18</v>
      </c>
      <c r="D98" s="18">
        <v>40</v>
      </c>
    </row>
    <row r="99" spans="1:4" ht="18" customHeight="1" x14ac:dyDescent="0.15">
      <c r="A99" s="5">
        <v>77</v>
      </c>
      <c r="B99" s="22">
        <v>28</v>
      </c>
      <c r="C99" s="14">
        <v>20</v>
      </c>
      <c r="D99" s="18">
        <v>48</v>
      </c>
    </row>
    <row r="100" spans="1:4" ht="18" customHeight="1" x14ac:dyDescent="0.15">
      <c r="A100" s="5">
        <v>78</v>
      </c>
      <c r="B100" s="22">
        <v>24</v>
      </c>
      <c r="C100" s="14">
        <v>22</v>
      </c>
      <c r="D100" s="18">
        <v>46</v>
      </c>
    </row>
    <row r="101" spans="1:4" ht="18" customHeight="1" x14ac:dyDescent="0.15">
      <c r="A101" s="5">
        <v>79</v>
      </c>
      <c r="B101" s="22">
        <v>10</v>
      </c>
      <c r="C101" s="14">
        <v>16</v>
      </c>
      <c r="D101" s="18">
        <v>26</v>
      </c>
    </row>
    <row r="102" spans="1:4" ht="18" customHeight="1" x14ac:dyDescent="0.15">
      <c r="A102" s="5" t="s">
        <v>0</v>
      </c>
      <c r="B102" s="22">
        <v>97</v>
      </c>
      <c r="C102" s="14">
        <v>98</v>
      </c>
      <c r="D102" s="18">
        <v>195</v>
      </c>
    </row>
    <row r="103" spans="1:4" ht="18" customHeight="1" x14ac:dyDescent="0.15">
      <c r="A103" s="5">
        <v>80</v>
      </c>
      <c r="B103" s="22">
        <v>4</v>
      </c>
      <c r="C103" s="14">
        <v>7</v>
      </c>
      <c r="D103" s="18">
        <v>11</v>
      </c>
    </row>
    <row r="104" spans="1:4" ht="18" customHeight="1" x14ac:dyDescent="0.15">
      <c r="A104" s="5">
        <v>81</v>
      </c>
      <c r="B104" s="22">
        <v>10</v>
      </c>
      <c r="C104" s="14">
        <v>13</v>
      </c>
      <c r="D104" s="18">
        <v>23</v>
      </c>
    </row>
    <row r="105" spans="1:4" ht="18" customHeight="1" x14ac:dyDescent="0.15">
      <c r="A105" s="5">
        <v>82</v>
      </c>
      <c r="B105" s="22">
        <v>9</v>
      </c>
      <c r="C105" s="14">
        <v>16</v>
      </c>
      <c r="D105" s="18">
        <v>25</v>
      </c>
    </row>
    <row r="106" spans="1:4" ht="18" customHeight="1" x14ac:dyDescent="0.15">
      <c r="A106" s="5">
        <v>83</v>
      </c>
      <c r="B106" s="22">
        <v>11</v>
      </c>
      <c r="C106" s="14">
        <v>7</v>
      </c>
      <c r="D106" s="18">
        <v>18</v>
      </c>
    </row>
    <row r="107" spans="1:4" ht="18" customHeight="1" x14ac:dyDescent="0.15">
      <c r="A107" s="5">
        <v>84</v>
      </c>
      <c r="B107" s="22">
        <v>13</v>
      </c>
      <c r="C107" s="14">
        <v>13</v>
      </c>
      <c r="D107" s="18">
        <v>26</v>
      </c>
    </row>
    <row r="108" spans="1:4" ht="18" customHeight="1" x14ac:dyDescent="0.15">
      <c r="A108" s="5" t="s">
        <v>35</v>
      </c>
      <c r="B108" s="22">
        <v>47</v>
      </c>
      <c r="C108" s="14">
        <v>56</v>
      </c>
      <c r="D108" s="18">
        <v>103</v>
      </c>
    </row>
    <row r="109" spans="1:4" ht="18" customHeight="1" x14ac:dyDescent="0.15">
      <c r="A109" s="5">
        <v>85</v>
      </c>
      <c r="B109" s="22">
        <v>8</v>
      </c>
      <c r="C109" s="14">
        <v>11</v>
      </c>
      <c r="D109" s="18">
        <v>19</v>
      </c>
    </row>
    <row r="110" spans="1:4" ht="18" customHeight="1" x14ac:dyDescent="0.15">
      <c r="A110" s="5">
        <v>86</v>
      </c>
      <c r="B110" s="22">
        <v>4</v>
      </c>
      <c r="C110" s="14">
        <v>11</v>
      </c>
      <c r="D110" s="18">
        <v>15</v>
      </c>
    </row>
    <row r="111" spans="1:4" ht="18" customHeight="1" x14ac:dyDescent="0.15">
      <c r="A111" s="5">
        <v>87</v>
      </c>
      <c r="B111" s="22">
        <v>5</v>
      </c>
      <c r="C111" s="14">
        <v>6</v>
      </c>
      <c r="D111" s="18">
        <v>11</v>
      </c>
    </row>
    <row r="112" spans="1:4" ht="18" customHeight="1" x14ac:dyDescent="0.15">
      <c r="A112" s="5">
        <v>88</v>
      </c>
      <c r="B112" s="22">
        <v>5</v>
      </c>
      <c r="C112" s="14">
        <v>13</v>
      </c>
      <c r="D112" s="18">
        <v>18</v>
      </c>
    </row>
    <row r="113" spans="1:4" ht="18" customHeight="1" x14ac:dyDescent="0.15">
      <c r="A113" s="5">
        <v>89</v>
      </c>
      <c r="B113" s="22">
        <v>8</v>
      </c>
      <c r="C113" s="14">
        <v>5</v>
      </c>
      <c r="D113" s="18">
        <v>13</v>
      </c>
    </row>
    <row r="114" spans="1:4" ht="18" customHeight="1" x14ac:dyDescent="0.15">
      <c r="A114" s="5" t="s">
        <v>37</v>
      </c>
      <c r="B114" s="22">
        <v>30</v>
      </c>
      <c r="C114" s="14">
        <v>46</v>
      </c>
      <c r="D114" s="18">
        <v>76</v>
      </c>
    </row>
    <row r="115" spans="1:4" ht="18" customHeight="1" x14ac:dyDescent="0.15">
      <c r="A115" s="5">
        <v>90</v>
      </c>
      <c r="B115" s="22">
        <v>2</v>
      </c>
      <c r="C115" s="14">
        <v>6</v>
      </c>
      <c r="D115" s="18">
        <v>8</v>
      </c>
    </row>
    <row r="116" spans="1:4" ht="18" customHeight="1" x14ac:dyDescent="0.15">
      <c r="A116" s="5">
        <v>91</v>
      </c>
      <c r="B116" s="22">
        <v>3</v>
      </c>
      <c r="C116" s="14">
        <v>5</v>
      </c>
      <c r="D116" s="18">
        <v>8</v>
      </c>
    </row>
    <row r="117" spans="1:4" ht="18" customHeight="1" x14ac:dyDescent="0.15">
      <c r="A117" s="5">
        <v>92</v>
      </c>
      <c r="B117" s="22">
        <v>1</v>
      </c>
      <c r="C117" s="14">
        <v>9</v>
      </c>
      <c r="D117" s="18">
        <v>10</v>
      </c>
    </row>
    <row r="118" spans="1:4" ht="18" customHeight="1" x14ac:dyDescent="0.15">
      <c r="A118" s="5">
        <v>93</v>
      </c>
      <c r="B118" s="22">
        <v>0</v>
      </c>
      <c r="C118" s="14">
        <v>5</v>
      </c>
      <c r="D118" s="18">
        <v>5</v>
      </c>
    </row>
    <row r="119" spans="1:4" ht="18" customHeight="1" x14ac:dyDescent="0.15">
      <c r="A119" s="5">
        <v>94</v>
      </c>
      <c r="B119" s="22">
        <v>1</v>
      </c>
      <c r="C119" s="14">
        <v>5</v>
      </c>
      <c r="D119" s="18">
        <v>6</v>
      </c>
    </row>
    <row r="120" spans="1:4" ht="18" customHeight="1" x14ac:dyDescent="0.15">
      <c r="A120" s="5" t="s">
        <v>39</v>
      </c>
      <c r="B120" s="22">
        <v>7</v>
      </c>
      <c r="C120" s="14">
        <v>30</v>
      </c>
      <c r="D120" s="18">
        <v>37</v>
      </c>
    </row>
    <row r="121" spans="1:4" ht="18" customHeight="1" x14ac:dyDescent="0.15">
      <c r="A121" s="5">
        <v>95</v>
      </c>
      <c r="B121" s="22">
        <v>0</v>
      </c>
      <c r="C121" s="14">
        <v>7</v>
      </c>
      <c r="D121" s="18">
        <v>7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1</v>
      </c>
      <c r="C123" s="14">
        <v>4</v>
      </c>
      <c r="D123" s="18">
        <v>5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1</v>
      </c>
      <c r="C126" s="14">
        <v>14</v>
      </c>
      <c r="D126" s="18">
        <v>15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340</v>
      </c>
      <c r="C130" s="14">
        <v>422</v>
      </c>
      <c r="D130" s="18">
        <v>762</v>
      </c>
    </row>
    <row r="131" spans="1:4" ht="18" customHeight="1" x14ac:dyDescent="0.15">
      <c r="A131" s="7" t="s">
        <v>45</v>
      </c>
      <c r="B131" s="23">
        <v>1055</v>
      </c>
      <c r="C131" s="15">
        <v>1096</v>
      </c>
      <c r="D131" s="19">
        <v>215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C00-000000000000}">
  <sheetPr codeName="Sheet8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1</v>
      </c>
      <c r="C5" s="29">
        <v>11</v>
      </c>
      <c r="D5" s="31">
        <v>22</v>
      </c>
    </row>
    <row r="6" spans="1:4" ht="18" customHeight="1" x14ac:dyDescent="0.15">
      <c r="A6" s="5">
        <v>1</v>
      </c>
      <c r="B6" s="27">
        <v>13</v>
      </c>
      <c r="C6" s="14">
        <v>11</v>
      </c>
      <c r="D6" s="18">
        <v>24</v>
      </c>
    </row>
    <row r="7" spans="1:4" ht="18" customHeight="1" x14ac:dyDescent="0.15">
      <c r="A7" s="5">
        <v>2</v>
      </c>
      <c r="B7" s="27">
        <v>10</v>
      </c>
      <c r="C7" s="14">
        <v>10</v>
      </c>
      <c r="D7" s="18">
        <v>20</v>
      </c>
    </row>
    <row r="8" spans="1:4" ht="18" customHeight="1" x14ac:dyDescent="0.15">
      <c r="A8" s="5">
        <v>3</v>
      </c>
      <c r="B8" s="27">
        <v>17</v>
      </c>
      <c r="C8" s="14">
        <v>11</v>
      </c>
      <c r="D8" s="18">
        <v>28</v>
      </c>
    </row>
    <row r="9" spans="1:4" ht="18" customHeight="1" x14ac:dyDescent="0.15">
      <c r="A9" s="5">
        <v>4</v>
      </c>
      <c r="B9" s="28">
        <v>20</v>
      </c>
      <c r="C9" s="30">
        <v>17</v>
      </c>
      <c r="D9" s="32">
        <v>37</v>
      </c>
    </row>
    <row r="10" spans="1:4" ht="18" customHeight="1" x14ac:dyDescent="0.15">
      <c r="A10" s="5" t="s">
        <v>7</v>
      </c>
      <c r="B10" s="22">
        <v>71</v>
      </c>
      <c r="C10" s="14">
        <v>60</v>
      </c>
      <c r="D10" s="18">
        <v>131</v>
      </c>
    </row>
    <row r="11" spans="1:4" ht="18" customHeight="1" x14ac:dyDescent="0.15">
      <c r="A11" s="5">
        <v>5</v>
      </c>
      <c r="B11" s="27">
        <v>14</v>
      </c>
      <c r="C11" s="14">
        <v>10</v>
      </c>
      <c r="D11" s="18">
        <v>24</v>
      </c>
    </row>
    <row r="12" spans="1:4" ht="18" customHeight="1" x14ac:dyDescent="0.15">
      <c r="A12" s="5">
        <v>6</v>
      </c>
      <c r="B12" s="27">
        <v>22</v>
      </c>
      <c r="C12" s="14">
        <v>16</v>
      </c>
      <c r="D12" s="18">
        <v>38</v>
      </c>
    </row>
    <row r="13" spans="1:4" ht="18" customHeight="1" x14ac:dyDescent="0.15">
      <c r="A13" s="5">
        <v>7</v>
      </c>
      <c r="B13" s="27">
        <v>25</v>
      </c>
      <c r="C13" s="14">
        <v>21</v>
      </c>
      <c r="D13" s="18">
        <v>46</v>
      </c>
    </row>
    <row r="14" spans="1:4" ht="18" customHeight="1" x14ac:dyDescent="0.15">
      <c r="A14" s="5">
        <v>8</v>
      </c>
      <c r="B14" s="27">
        <v>26</v>
      </c>
      <c r="C14" s="14">
        <v>16</v>
      </c>
      <c r="D14" s="18">
        <v>42</v>
      </c>
    </row>
    <row r="15" spans="1:4" ht="18" customHeight="1" x14ac:dyDescent="0.15">
      <c r="A15" s="5">
        <v>9</v>
      </c>
      <c r="B15" s="27">
        <v>14</v>
      </c>
      <c r="C15" s="14">
        <v>18</v>
      </c>
      <c r="D15" s="18">
        <v>32</v>
      </c>
    </row>
    <row r="16" spans="1:4" ht="18" customHeight="1" x14ac:dyDescent="0.15">
      <c r="A16" s="5" t="s">
        <v>11</v>
      </c>
      <c r="B16" s="22">
        <v>101</v>
      </c>
      <c r="C16" s="14">
        <v>81</v>
      </c>
      <c r="D16" s="18">
        <v>182</v>
      </c>
    </row>
    <row r="17" spans="1:4" ht="18" customHeight="1" x14ac:dyDescent="0.15">
      <c r="A17" s="5">
        <v>10</v>
      </c>
      <c r="B17" s="22">
        <v>19</v>
      </c>
      <c r="C17" s="14">
        <v>13</v>
      </c>
      <c r="D17" s="18">
        <v>32</v>
      </c>
    </row>
    <row r="18" spans="1:4" ht="18" customHeight="1" x14ac:dyDescent="0.15">
      <c r="A18" s="5">
        <v>11</v>
      </c>
      <c r="B18" s="22">
        <v>23</v>
      </c>
      <c r="C18" s="14">
        <v>15</v>
      </c>
      <c r="D18" s="18">
        <v>38</v>
      </c>
    </row>
    <row r="19" spans="1:4" ht="18" customHeight="1" x14ac:dyDescent="0.15">
      <c r="A19" s="5">
        <v>12</v>
      </c>
      <c r="B19" s="22">
        <v>20</v>
      </c>
      <c r="C19" s="14">
        <v>13</v>
      </c>
      <c r="D19" s="18">
        <v>33</v>
      </c>
    </row>
    <row r="20" spans="1:4" ht="18" customHeight="1" x14ac:dyDescent="0.15">
      <c r="A20" s="5">
        <v>13</v>
      </c>
      <c r="B20" s="22">
        <v>18</v>
      </c>
      <c r="C20" s="14">
        <v>13</v>
      </c>
      <c r="D20" s="18">
        <v>31</v>
      </c>
    </row>
    <row r="21" spans="1:4" ht="18" customHeight="1" x14ac:dyDescent="0.15">
      <c r="A21" s="5">
        <v>14</v>
      </c>
      <c r="B21" s="22">
        <v>10</v>
      </c>
      <c r="C21" s="14">
        <v>16</v>
      </c>
      <c r="D21" s="18">
        <v>26</v>
      </c>
    </row>
    <row r="22" spans="1:4" ht="18" customHeight="1" x14ac:dyDescent="0.15">
      <c r="A22" s="5" t="s">
        <v>12</v>
      </c>
      <c r="B22" s="22">
        <v>90</v>
      </c>
      <c r="C22" s="14">
        <v>70</v>
      </c>
      <c r="D22" s="18">
        <v>160</v>
      </c>
    </row>
    <row r="23" spans="1:4" ht="18" customHeight="1" x14ac:dyDescent="0.15">
      <c r="A23" s="5" t="s">
        <v>6</v>
      </c>
      <c r="B23" s="22">
        <v>262</v>
      </c>
      <c r="C23" s="14">
        <v>211</v>
      </c>
      <c r="D23" s="18">
        <v>473</v>
      </c>
    </row>
    <row r="24" spans="1:4" ht="18" customHeight="1" x14ac:dyDescent="0.15">
      <c r="A24" s="5">
        <v>15</v>
      </c>
      <c r="B24" s="22">
        <v>15</v>
      </c>
      <c r="C24" s="14">
        <v>17</v>
      </c>
      <c r="D24" s="18">
        <v>32</v>
      </c>
    </row>
    <row r="25" spans="1:4" ht="18" customHeight="1" x14ac:dyDescent="0.15">
      <c r="A25" s="5">
        <v>16</v>
      </c>
      <c r="B25" s="22">
        <v>15</v>
      </c>
      <c r="C25" s="14">
        <v>18</v>
      </c>
      <c r="D25" s="18">
        <v>33</v>
      </c>
    </row>
    <row r="26" spans="1:4" ht="18" customHeight="1" x14ac:dyDescent="0.15">
      <c r="A26" s="5">
        <v>17</v>
      </c>
      <c r="B26" s="22">
        <v>14</v>
      </c>
      <c r="C26" s="14">
        <v>20</v>
      </c>
      <c r="D26" s="18">
        <v>34</v>
      </c>
    </row>
    <row r="27" spans="1:4" ht="18" customHeight="1" x14ac:dyDescent="0.15">
      <c r="A27" s="5">
        <v>18</v>
      </c>
      <c r="B27" s="22">
        <v>18</v>
      </c>
      <c r="C27" s="14">
        <v>16</v>
      </c>
      <c r="D27" s="18">
        <v>34</v>
      </c>
    </row>
    <row r="28" spans="1:4" ht="18" customHeight="1" x14ac:dyDescent="0.15">
      <c r="A28" s="5">
        <v>19</v>
      </c>
      <c r="B28" s="22">
        <v>19</v>
      </c>
      <c r="C28" s="14">
        <v>15</v>
      </c>
      <c r="D28" s="18">
        <v>34</v>
      </c>
    </row>
    <row r="29" spans="1:4" ht="18" customHeight="1" x14ac:dyDescent="0.15">
      <c r="A29" s="5" t="s">
        <v>14</v>
      </c>
      <c r="B29" s="22">
        <v>81</v>
      </c>
      <c r="C29" s="14">
        <v>86</v>
      </c>
      <c r="D29" s="18">
        <v>167</v>
      </c>
    </row>
    <row r="30" spans="1:4" ht="18" customHeight="1" x14ac:dyDescent="0.15">
      <c r="A30" s="5">
        <v>20</v>
      </c>
      <c r="B30" s="22">
        <v>18</v>
      </c>
      <c r="C30" s="14">
        <v>15</v>
      </c>
      <c r="D30" s="18">
        <v>33</v>
      </c>
    </row>
    <row r="31" spans="1:4" ht="18" customHeight="1" x14ac:dyDescent="0.15">
      <c r="A31" s="5">
        <v>21</v>
      </c>
      <c r="B31" s="22">
        <v>17</v>
      </c>
      <c r="C31" s="14">
        <v>7</v>
      </c>
      <c r="D31" s="18">
        <v>24</v>
      </c>
    </row>
    <row r="32" spans="1:4" ht="18" customHeight="1" x14ac:dyDescent="0.15">
      <c r="A32" s="5">
        <v>22</v>
      </c>
      <c r="B32" s="22">
        <v>14</v>
      </c>
      <c r="C32" s="14">
        <v>16</v>
      </c>
      <c r="D32" s="18">
        <v>30</v>
      </c>
    </row>
    <row r="33" spans="1:4" ht="18" customHeight="1" x14ac:dyDescent="0.15">
      <c r="A33" s="5">
        <v>23</v>
      </c>
      <c r="B33" s="22">
        <v>27</v>
      </c>
      <c r="C33" s="14">
        <v>20</v>
      </c>
      <c r="D33" s="18">
        <v>47</v>
      </c>
    </row>
    <row r="34" spans="1:4" ht="18" customHeight="1" x14ac:dyDescent="0.15">
      <c r="A34" s="5">
        <v>24</v>
      </c>
      <c r="B34" s="22">
        <v>17</v>
      </c>
      <c r="C34" s="14">
        <v>11</v>
      </c>
      <c r="D34" s="18">
        <v>28</v>
      </c>
    </row>
    <row r="35" spans="1:4" ht="18" customHeight="1" x14ac:dyDescent="0.15">
      <c r="A35" s="5" t="s">
        <v>9</v>
      </c>
      <c r="B35" s="22">
        <v>93</v>
      </c>
      <c r="C35" s="14">
        <v>69</v>
      </c>
      <c r="D35" s="18">
        <v>162</v>
      </c>
    </row>
    <row r="36" spans="1:4" ht="18" customHeight="1" x14ac:dyDescent="0.15">
      <c r="A36" s="5">
        <v>25</v>
      </c>
      <c r="B36" s="22">
        <v>22</v>
      </c>
      <c r="C36" s="14">
        <v>14</v>
      </c>
      <c r="D36" s="18">
        <v>36</v>
      </c>
    </row>
    <row r="37" spans="1:4" ht="18" customHeight="1" x14ac:dyDescent="0.15">
      <c r="A37" s="5">
        <v>26</v>
      </c>
      <c r="B37" s="22">
        <v>13</v>
      </c>
      <c r="C37" s="14">
        <v>22</v>
      </c>
      <c r="D37" s="18">
        <v>35</v>
      </c>
    </row>
    <row r="38" spans="1:4" ht="18" customHeight="1" x14ac:dyDescent="0.15">
      <c r="A38" s="5">
        <v>27</v>
      </c>
      <c r="B38" s="22">
        <v>16</v>
      </c>
      <c r="C38" s="14">
        <v>24</v>
      </c>
      <c r="D38" s="18">
        <v>40</v>
      </c>
    </row>
    <row r="39" spans="1:4" ht="18" customHeight="1" x14ac:dyDescent="0.15">
      <c r="A39" s="5">
        <v>28</v>
      </c>
      <c r="B39" s="22">
        <v>12</v>
      </c>
      <c r="C39" s="14">
        <v>18</v>
      </c>
      <c r="D39" s="18">
        <v>30</v>
      </c>
    </row>
    <row r="40" spans="1:4" ht="18" customHeight="1" x14ac:dyDescent="0.15">
      <c r="A40" s="5">
        <v>29</v>
      </c>
      <c r="B40" s="22">
        <v>13</v>
      </c>
      <c r="C40" s="14">
        <v>22</v>
      </c>
      <c r="D40" s="18">
        <v>35</v>
      </c>
    </row>
    <row r="41" spans="1:4" ht="18" customHeight="1" x14ac:dyDescent="0.15">
      <c r="A41" s="5" t="s">
        <v>2</v>
      </c>
      <c r="B41" s="22">
        <v>76</v>
      </c>
      <c r="C41" s="14">
        <v>100</v>
      </c>
      <c r="D41" s="18">
        <v>176</v>
      </c>
    </row>
    <row r="42" spans="1:4" ht="18" customHeight="1" x14ac:dyDescent="0.15">
      <c r="A42" s="5">
        <v>30</v>
      </c>
      <c r="B42" s="22">
        <v>20</v>
      </c>
      <c r="C42" s="14">
        <v>22</v>
      </c>
      <c r="D42" s="18">
        <v>42</v>
      </c>
    </row>
    <row r="43" spans="1:4" ht="18" customHeight="1" x14ac:dyDescent="0.15">
      <c r="A43" s="5">
        <v>31</v>
      </c>
      <c r="B43" s="22">
        <v>22</v>
      </c>
      <c r="C43" s="14">
        <v>21</v>
      </c>
      <c r="D43" s="18">
        <v>43</v>
      </c>
    </row>
    <row r="44" spans="1:4" ht="18" customHeight="1" x14ac:dyDescent="0.15">
      <c r="A44" s="5">
        <v>32</v>
      </c>
      <c r="B44" s="22">
        <v>15</v>
      </c>
      <c r="C44" s="14">
        <v>23</v>
      </c>
      <c r="D44" s="18">
        <v>38</v>
      </c>
    </row>
    <row r="45" spans="1:4" ht="18" customHeight="1" x14ac:dyDescent="0.15">
      <c r="A45" s="5">
        <v>33</v>
      </c>
      <c r="B45" s="22">
        <v>14</v>
      </c>
      <c r="C45" s="14">
        <v>12</v>
      </c>
      <c r="D45" s="18">
        <v>26</v>
      </c>
    </row>
    <row r="46" spans="1:4" ht="18" customHeight="1" x14ac:dyDescent="0.15">
      <c r="A46" s="5">
        <v>34</v>
      </c>
      <c r="B46" s="22">
        <v>16</v>
      </c>
      <c r="C46" s="14">
        <v>24</v>
      </c>
      <c r="D46" s="18">
        <v>40</v>
      </c>
    </row>
    <row r="47" spans="1:4" ht="18" customHeight="1" x14ac:dyDescent="0.15">
      <c r="A47" s="5" t="s">
        <v>15</v>
      </c>
      <c r="B47" s="22">
        <v>87</v>
      </c>
      <c r="C47" s="14">
        <v>102</v>
      </c>
      <c r="D47" s="18">
        <v>189</v>
      </c>
    </row>
    <row r="48" spans="1:4" ht="18" customHeight="1" x14ac:dyDescent="0.15">
      <c r="A48" s="5">
        <v>35</v>
      </c>
      <c r="B48" s="22">
        <v>27</v>
      </c>
      <c r="C48" s="14">
        <v>17</v>
      </c>
      <c r="D48" s="18">
        <v>44</v>
      </c>
    </row>
    <row r="49" spans="1:4" ht="18" customHeight="1" x14ac:dyDescent="0.15">
      <c r="A49" s="5">
        <v>36</v>
      </c>
      <c r="B49" s="22">
        <v>29</v>
      </c>
      <c r="C49" s="14">
        <v>19</v>
      </c>
      <c r="D49" s="18">
        <v>48</v>
      </c>
    </row>
    <row r="50" spans="1:4" ht="18" customHeight="1" x14ac:dyDescent="0.15">
      <c r="A50" s="5">
        <v>37</v>
      </c>
      <c r="B50" s="22">
        <v>24</v>
      </c>
      <c r="C50" s="14">
        <v>18</v>
      </c>
      <c r="D50" s="18">
        <v>42</v>
      </c>
    </row>
    <row r="51" spans="1:4" ht="18" customHeight="1" x14ac:dyDescent="0.15">
      <c r="A51" s="5">
        <v>38</v>
      </c>
      <c r="B51" s="22">
        <v>21</v>
      </c>
      <c r="C51" s="14">
        <v>19</v>
      </c>
      <c r="D51" s="18">
        <v>40</v>
      </c>
    </row>
    <row r="52" spans="1:4" ht="18" customHeight="1" x14ac:dyDescent="0.15">
      <c r="A52" s="5">
        <v>39</v>
      </c>
      <c r="B52" s="22">
        <v>32</v>
      </c>
      <c r="C52" s="14">
        <v>27</v>
      </c>
      <c r="D52" s="18">
        <v>59</v>
      </c>
    </row>
    <row r="53" spans="1:4" ht="18" customHeight="1" x14ac:dyDescent="0.15">
      <c r="A53" s="5" t="s">
        <v>18</v>
      </c>
      <c r="B53" s="22">
        <v>133</v>
      </c>
      <c r="C53" s="14">
        <v>100</v>
      </c>
      <c r="D53" s="18">
        <v>233</v>
      </c>
    </row>
    <row r="54" spans="1:4" ht="18" customHeight="1" x14ac:dyDescent="0.15">
      <c r="A54" s="5">
        <v>40</v>
      </c>
      <c r="B54" s="22">
        <v>23</v>
      </c>
      <c r="C54" s="14">
        <v>27</v>
      </c>
      <c r="D54" s="18">
        <v>50</v>
      </c>
    </row>
    <row r="55" spans="1:4" ht="18" customHeight="1" x14ac:dyDescent="0.15">
      <c r="A55" s="5">
        <v>41</v>
      </c>
      <c r="B55" s="22">
        <v>23</v>
      </c>
      <c r="C55" s="14">
        <v>22</v>
      </c>
      <c r="D55" s="18">
        <v>45</v>
      </c>
    </row>
    <row r="56" spans="1:4" ht="18" customHeight="1" x14ac:dyDescent="0.15">
      <c r="A56" s="5">
        <v>42</v>
      </c>
      <c r="B56" s="22">
        <v>22</v>
      </c>
      <c r="C56" s="14">
        <v>12</v>
      </c>
      <c r="D56" s="18">
        <v>34</v>
      </c>
    </row>
    <row r="57" spans="1:4" ht="18" customHeight="1" x14ac:dyDescent="0.15">
      <c r="A57" s="5">
        <v>43</v>
      </c>
      <c r="B57" s="22">
        <v>29</v>
      </c>
      <c r="C57" s="14">
        <v>31</v>
      </c>
      <c r="D57" s="18">
        <v>60</v>
      </c>
    </row>
    <row r="58" spans="1:4" ht="18" customHeight="1" x14ac:dyDescent="0.15">
      <c r="A58" s="5">
        <v>44</v>
      </c>
      <c r="B58" s="22">
        <v>19</v>
      </c>
      <c r="C58" s="14">
        <v>22</v>
      </c>
      <c r="D58" s="18">
        <v>41</v>
      </c>
    </row>
    <row r="59" spans="1:4" ht="18" customHeight="1" x14ac:dyDescent="0.15">
      <c r="A59" s="5" t="s">
        <v>21</v>
      </c>
      <c r="B59" s="22">
        <v>116</v>
      </c>
      <c r="C59" s="14">
        <v>114</v>
      </c>
      <c r="D59" s="18">
        <v>230</v>
      </c>
    </row>
    <row r="60" spans="1:4" ht="18" customHeight="1" x14ac:dyDescent="0.15">
      <c r="A60" s="5">
        <v>45</v>
      </c>
      <c r="B60" s="22">
        <v>23</v>
      </c>
      <c r="C60" s="14">
        <v>23</v>
      </c>
      <c r="D60" s="18">
        <v>46</v>
      </c>
    </row>
    <row r="61" spans="1:4" ht="18" customHeight="1" x14ac:dyDescent="0.15">
      <c r="A61" s="5">
        <v>46</v>
      </c>
      <c r="B61" s="22">
        <v>34</v>
      </c>
      <c r="C61" s="14">
        <v>28</v>
      </c>
      <c r="D61" s="18">
        <v>62</v>
      </c>
    </row>
    <row r="62" spans="1:4" ht="18" customHeight="1" x14ac:dyDescent="0.15">
      <c r="A62" s="5">
        <v>47</v>
      </c>
      <c r="B62" s="22">
        <v>28</v>
      </c>
      <c r="C62" s="14">
        <v>23</v>
      </c>
      <c r="D62" s="18">
        <v>51</v>
      </c>
    </row>
    <row r="63" spans="1:4" ht="18" customHeight="1" x14ac:dyDescent="0.15">
      <c r="A63" s="5">
        <v>48</v>
      </c>
      <c r="B63" s="22">
        <v>45</v>
      </c>
      <c r="C63" s="14">
        <v>26</v>
      </c>
      <c r="D63" s="18">
        <v>71</v>
      </c>
    </row>
    <row r="64" spans="1:4" ht="18" customHeight="1" x14ac:dyDescent="0.15">
      <c r="A64" s="5">
        <v>49</v>
      </c>
      <c r="B64" s="22">
        <v>24</v>
      </c>
      <c r="C64" s="14">
        <v>25</v>
      </c>
      <c r="D64" s="18">
        <v>49</v>
      </c>
    </row>
    <row r="65" spans="1:4" ht="18" customHeight="1" x14ac:dyDescent="0.15">
      <c r="A65" s="5" t="s">
        <v>17</v>
      </c>
      <c r="B65" s="22">
        <v>154</v>
      </c>
      <c r="C65" s="14">
        <v>125</v>
      </c>
      <c r="D65" s="18">
        <v>279</v>
      </c>
    </row>
    <row r="66" spans="1:4" ht="18" customHeight="1" x14ac:dyDescent="0.15">
      <c r="A66" s="5">
        <v>50</v>
      </c>
      <c r="B66" s="22">
        <v>33</v>
      </c>
      <c r="C66" s="14">
        <v>35</v>
      </c>
      <c r="D66" s="18">
        <v>68</v>
      </c>
    </row>
    <row r="67" spans="1:4" ht="18" customHeight="1" x14ac:dyDescent="0.15">
      <c r="A67" s="5">
        <v>51</v>
      </c>
      <c r="B67" s="22">
        <v>37</v>
      </c>
      <c r="C67" s="14">
        <v>33</v>
      </c>
      <c r="D67" s="18">
        <v>70</v>
      </c>
    </row>
    <row r="68" spans="1:4" ht="18" customHeight="1" x14ac:dyDescent="0.15">
      <c r="A68" s="5">
        <v>52</v>
      </c>
      <c r="B68" s="22">
        <v>33</v>
      </c>
      <c r="C68" s="14">
        <v>31</v>
      </c>
      <c r="D68" s="18">
        <v>64</v>
      </c>
    </row>
    <row r="69" spans="1:4" ht="18" customHeight="1" x14ac:dyDescent="0.15">
      <c r="A69" s="5">
        <v>53</v>
      </c>
      <c r="B69" s="22">
        <v>17</v>
      </c>
      <c r="C69" s="14">
        <v>15</v>
      </c>
      <c r="D69" s="18">
        <v>32</v>
      </c>
    </row>
    <row r="70" spans="1:4" ht="18" customHeight="1" x14ac:dyDescent="0.15">
      <c r="A70" s="5">
        <v>54</v>
      </c>
      <c r="B70" s="22">
        <v>18</v>
      </c>
      <c r="C70" s="14">
        <v>22</v>
      </c>
      <c r="D70" s="18">
        <v>40</v>
      </c>
    </row>
    <row r="71" spans="1:4" ht="18" customHeight="1" x14ac:dyDescent="0.15">
      <c r="A71" s="5" t="s">
        <v>22</v>
      </c>
      <c r="B71" s="22">
        <v>138</v>
      </c>
      <c r="C71" s="14">
        <v>136</v>
      </c>
      <c r="D71" s="18">
        <v>274</v>
      </c>
    </row>
    <row r="72" spans="1:4" ht="18" customHeight="1" x14ac:dyDescent="0.15">
      <c r="A72" s="5">
        <v>55</v>
      </c>
      <c r="B72" s="22">
        <v>19</v>
      </c>
      <c r="C72" s="14">
        <v>24</v>
      </c>
      <c r="D72" s="18">
        <v>43</v>
      </c>
    </row>
    <row r="73" spans="1:4" ht="18" customHeight="1" x14ac:dyDescent="0.15">
      <c r="A73" s="5">
        <v>56</v>
      </c>
      <c r="B73" s="22">
        <v>20</v>
      </c>
      <c r="C73" s="14">
        <v>26</v>
      </c>
      <c r="D73" s="18">
        <v>46</v>
      </c>
    </row>
    <row r="74" spans="1:4" ht="18" customHeight="1" x14ac:dyDescent="0.15">
      <c r="A74" s="5">
        <v>57</v>
      </c>
      <c r="B74" s="22">
        <v>15</v>
      </c>
      <c r="C74" s="14">
        <v>22</v>
      </c>
      <c r="D74" s="18">
        <v>37</v>
      </c>
    </row>
    <row r="75" spans="1:4" ht="18" customHeight="1" x14ac:dyDescent="0.15">
      <c r="A75" s="5">
        <v>58</v>
      </c>
      <c r="B75" s="22">
        <v>15</v>
      </c>
      <c r="C75" s="14">
        <v>19</v>
      </c>
      <c r="D75" s="18">
        <v>34</v>
      </c>
    </row>
    <row r="76" spans="1:4" ht="18" customHeight="1" x14ac:dyDescent="0.15">
      <c r="A76" s="5">
        <v>59</v>
      </c>
      <c r="B76" s="22">
        <v>19</v>
      </c>
      <c r="C76" s="14">
        <v>9</v>
      </c>
      <c r="D76" s="18">
        <v>28</v>
      </c>
    </row>
    <row r="77" spans="1:4" ht="18" customHeight="1" x14ac:dyDescent="0.15">
      <c r="A77" s="5" t="s">
        <v>27</v>
      </c>
      <c r="B77" s="22">
        <v>88</v>
      </c>
      <c r="C77" s="14">
        <v>100</v>
      </c>
      <c r="D77" s="18">
        <v>188</v>
      </c>
    </row>
    <row r="78" spans="1:4" ht="18" customHeight="1" x14ac:dyDescent="0.15">
      <c r="A78" s="5">
        <v>60</v>
      </c>
      <c r="B78" s="22">
        <v>17</v>
      </c>
      <c r="C78" s="14">
        <v>22</v>
      </c>
      <c r="D78" s="18">
        <v>39</v>
      </c>
    </row>
    <row r="79" spans="1:4" ht="18" customHeight="1" x14ac:dyDescent="0.15">
      <c r="A79" s="5">
        <v>61</v>
      </c>
      <c r="B79" s="22">
        <v>20</v>
      </c>
      <c r="C79" s="14">
        <v>15</v>
      </c>
      <c r="D79" s="18">
        <v>35</v>
      </c>
    </row>
    <row r="80" spans="1:4" ht="18" customHeight="1" x14ac:dyDescent="0.15">
      <c r="A80" s="5">
        <v>62</v>
      </c>
      <c r="B80" s="22">
        <v>19</v>
      </c>
      <c r="C80" s="14">
        <v>22</v>
      </c>
      <c r="D80" s="18">
        <v>41</v>
      </c>
    </row>
    <row r="81" spans="1:4" ht="18" customHeight="1" x14ac:dyDescent="0.15">
      <c r="A81" s="5">
        <v>63</v>
      </c>
      <c r="B81" s="22">
        <v>20</v>
      </c>
      <c r="C81" s="14">
        <v>17</v>
      </c>
      <c r="D81" s="18">
        <v>37</v>
      </c>
    </row>
    <row r="82" spans="1:4" ht="18" customHeight="1" x14ac:dyDescent="0.15">
      <c r="A82" s="5">
        <v>64</v>
      </c>
      <c r="B82" s="22">
        <v>16</v>
      </c>
      <c r="C82" s="14">
        <v>19</v>
      </c>
      <c r="D82" s="18">
        <v>35</v>
      </c>
    </row>
    <row r="83" spans="1:4" ht="18" customHeight="1" x14ac:dyDescent="0.15">
      <c r="A83" s="5" t="s">
        <v>28</v>
      </c>
      <c r="B83" s="22">
        <v>92</v>
      </c>
      <c r="C83" s="14">
        <v>95</v>
      </c>
      <c r="D83" s="18">
        <v>187</v>
      </c>
    </row>
    <row r="84" spans="1:4" ht="18" customHeight="1" x14ac:dyDescent="0.15">
      <c r="A84" s="5" t="s">
        <v>31</v>
      </c>
      <c r="B84" s="22">
        <v>1058</v>
      </c>
      <c r="C84" s="14">
        <v>1027</v>
      </c>
      <c r="D84" s="18">
        <v>2085</v>
      </c>
    </row>
    <row r="85" spans="1:4" ht="18" customHeight="1" x14ac:dyDescent="0.15">
      <c r="A85" s="5">
        <v>65</v>
      </c>
      <c r="B85" s="22">
        <v>17</v>
      </c>
      <c r="C85" s="14">
        <v>23</v>
      </c>
      <c r="D85" s="18">
        <v>40</v>
      </c>
    </row>
    <row r="86" spans="1:4" ht="18" customHeight="1" x14ac:dyDescent="0.15">
      <c r="A86" s="5">
        <v>66</v>
      </c>
      <c r="B86" s="22">
        <v>15</v>
      </c>
      <c r="C86" s="14">
        <v>18</v>
      </c>
      <c r="D86" s="18">
        <v>33</v>
      </c>
    </row>
    <row r="87" spans="1:4" ht="18" customHeight="1" x14ac:dyDescent="0.15">
      <c r="A87" s="5">
        <v>67</v>
      </c>
      <c r="B87" s="22">
        <v>8</v>
      </c>
      <c r="C87" s="14">
        <v>19</v>
      </c>
      <c r="D87" s="18">
        <v>27</v>
      </c>
    </row>
    <row r="88" spans="1:4" ht="18" customHeight="1" x14ac:dyDescent="0.15">
      <c r="A88" s="5">
        <v>68</v>
      </c>
      <c r="B88" s="22">
        <v>13</v>
      </c>
      <c r="C88" s="14">
        <v>31</v>
      </c>
      <c r="D88" s="18">
        <v>44</v>
      </c>
    </row>
    <row r="89" spans="1:4" ht="18" customHeight="1" x14ac:dyDescent="0.15">
      <c r="A89" s="5">
        <v>69</v>
      </c>
      <c r="B89" s="22">
        <v>28</v>
      </c>
      <c r="C89" s="14">
        <v>22</v>
      </c>
      <c r="D89" s="18">
        <v>50</v>
      </c>
    </row>
    <row r="90" spans="1:4" ht="18" customHeight="1" x14ac:dyDescent="0.15">
      <c r="A90" s="5" t="s">
        <v>20</v>
      </c>
      <c r="B90" s="22">
        <v>81</v>
      </c>
      <c r="C90" s="14">
        <v>113</v>
      </c>
      <c r="D90" s="18">
        <v>194</v>
      </c>
    </row>
    <row r="91" spans="1:4" ht="18" customHeight="1" x14ac:dyDescent="0.15">
      <c r="A91" s="5">
        <v>70</v>
      </c>
      <c r="B91" s="22">
        <v>17</v>
      </c>
      <c r="C91" s="14">
        <v>28</v>
      </c>
      <c r="D91" s="18">
        <v>45</v>
      </c>
    </row>
    <row r="92" spans="1:4" ht="18" customHeight="1" x14ac:dyDescent="0.15">
      <c r="A92" s="5">
        <v>71</v>
      </c>
      <c r="B92" s="22">
        <v>19</v>
      </c>
      <c r="C92" s="14">
        <v>17</v>
      </c>
      <c r="D92" s="18">
        <v>36</v>
      </c>
    </row>
    <row r="93" spans="1:4" ht="18" customHeight="1" x14ac:dyDescent="0.15">
      <c r="A93" s="5">
        <v>72</v>
      </c>
      <c r="B93" s="22">
        <v>29</v>
      </c>
      <c r="C93" s="14">
        <v>26</v>
      </c>
      <c r="D93" s="18">
        <v>55</v>
      </c>
    </row>
    <row r="94" spans="1:4" ht="18" customHeight="1" x14ac:dyDescent="0.15">
      <c r="A94" s="5">
        <v>73</v>
      </c>
      <c r="B94" s="22">
        <v>27</v>
      </c>
      <c r="C94" s="14">
        <v>28</v>
      </c>
      <c r="D94" s="18">
        <v>55</v>
      </c>
    </row>
    <row r="95" spans="1:4" ht="18" customHeight="1" x14ac:dyDescent="0.15">
      <c r="A95" s="5">
        <v>74</v>
      </c>
      <c r="B95" s="22">
        <v>23</v>
      </c>
      <c r="C95" s="14">
        <v>39</v>
      </c>
      <c r="D95" s="18">
        <v>62</v>
      </c>
    </row>
    <row r="96" spans="1:4" ht="18" customHeight="1" x14ac:dyDescent="0.15">
      <c r="A96" s="5" t="s">
        <v>33</v>
      </c>
      <c r="B96" s="22">
        <v>115</v>
      </c>
      <c r="C96" s="14">
        <v>138</v>
      </c>
      <c r="D96" s="18">
        <v>253</v>
      </c>
    </row>
    <row r="97" spans="1:4" ht="18" customHeight="1" x14ac:dyDescent="0.15">
      <c r="A97" s="5">
        <v>75</v>
      </c>
      <c r="B97" s="22">
        <v>31</v>
      </c>
      <c r="C97" s="14">
        <v>27</v>
      </c>
      <c r="D97" s="18">
        <v>58</v>
      </c>
    </row>
    <row r="98" spans="1:4" ht="18" customHeight="1" x14ac:dyDescent="0.15">
      <c r="A98" s="5">
        <v>76</v>
      </c>
      <c r="B98" s="22">
        <v>33</v>
      </c>
      <c r="C98" s="14">
        <v>31</v>
      </c>
      <c r="D98" s="18">
        <v>64</v>
      </c>
    </row>
    <row r="99" spans="1:4" ht="18" customHeight="1" x14ac:dyDescent="0.15">
      <c r="A99" s="5">
        <v>77</v>
      </c>
      <c r="B99" s="22">
        <v>33</v>
      </c>
      <c r="C99" s="14">
        <v>39</v>
      </c>
      <c r="D99" s="18">
        <v>72</v>
      </c>
    </row>
    <row r="100" spans="1:4" ht="18" customHeight="1" x14ac:dyDescent="0.15">
      <c r="A100" s="5">
        <v>78</v>
      </c>
      <c r="B100" s="22">
        <v>28</v>
      </c>
      <c r="C100" s="14">
        <v>32</v>
      </c>
      <c r="D100" s="18">
        <v>60</v>
      </c>
    </row>
    <row r="101" spans="1:4" ht="18" customHeight="1" x14ac:dyDescent="0.15">
      <c r="A101" s="5">
        <v>79</v>
      </c>
      <c r="B101" s="22">
        <v>26</v>
      </c>
      <c r="C101" s="14">
        <v>28</v>
      </c>
      <c r="D101" s="18">
        <v>54</v>
      </c>
    </row>
    <row r="102" spans="1:4" ht="18" customHeight="1" x14ac:dyDescent="0.15">
      <c r="A102" s="5" t="s">
        <v>0</v>
      </c>
      <c r="B102" s="22">
        <v>151</v>
      </c>
      <c r="C102" s="14">
        <v>157</v>
      </c>
      <c r="D102" s="18">
        <v>308</v>
      </c>
    </row>
    <row r="103" spans="1:4" ht="18" customHeight="1" x14ac:dyDescent="0.15">
      <c r="A103" s="5">
        <v>80</v>
      </c>
      <c r="B103" s="22">
        <v>12</v>
      </c>
      <c r="C103" s="14">
        <v>13</v>
      </c>
      <c r="D103" s="18">
        <v>25</v>
      </c>
    </row>
    <row r="104" spans="1:4" ht="18" customHeight="1" x14ac:dyDescent="0.15">
      <c r="A104" s="5">
        <v>81</v>
      </c>
      <c r="B104" s="22">
        <v>16</v>
      </c>
      <c r="C104" s="14">
        <v>13</v>
      </c>
      <c r="D104" s="18">
        <v>29</v>
      </c>
    </row>
    <row r="105" spans="1:4" ht="18" customHeight="1" x14ac:dyDescent="0.15">
      <c r="A105" s="5">
        <v>82</v>
      </c>
      <c r="B105" s="22">
        <v>13</v>
      </c>
      <c r="C105" s="14">
        <v>19</v>
      </c>
      <c r="D105" s="18">
        <v>32</v>
      </c>
    </row>
    <row r="106" spans="1:4" ht="18" customHeight="1" x14ac:dyDescent="0.15">
      <c r="A106" s="5">
        <v>83</v>
      </c>
      <c r="B106" s="22">
        <v>15</v>
      </c>
      <c r="C106" s="14">
        <v>17</v>
      </c>
      <c r="D106" s="18">
        <v>32</v>
      </c>
    </row>
    <row r="107" spans="1:4" ht="18" customHeight="1" x14ac:dyDescent="0.15">
      <c r="A107" s="5">
        <v>84</v>
      </c>
      <c r="B107" s="22">
        <v>14</v>
      </c>
      <c r="C107" s="14">
        <v>17</v>
      </c>
      <c r="D107" s="18">
        <v>31</v>
      </c>
    </row>
    <row r="108" spans="1:4" ht="18" customHeight="1" x14ac:dyDescent="0.15">
      <c r="A108" s="5" t="s">
        <v>35</v>
      </c>
      <c r="B108" s="22">
        <v>70</v>
      </c>
      <c r="C108" s="14">
        <v>79</v>
      </c>
      <c r="D108" s="18">
        <v>149</v>
      </c>
    </row>
    <row r="109" spans="1:4" ht="18" customHeight="1" x14ac:dyDescent="0.15">
      <c r="A109" s="5">
        <v>85</v>
      </c>
      <c r="B109" s="22">
        <v>11</v>
      </c>
      <c r="C109" s="14">
        <v>11</v>
      </c>
      <c r="D109" s="18">
        <v>22</v>
      </c>
    </row>
    <row r="110" spans="1:4" ht="18" customHeight="1" x14ac:dyDescent="0.15">
      <c r="A110" s="5">
        <v>86</v>
      </c>
      <c r="B110" s="22">
        <v>11</v>
      </c>
      <c r="C110" s="14">
        <v>13</v>
      </c>
      <c r="D110" s="18">
        <v>24</v>
      </c>
    </row>
    <row r="111" spans="1:4" ht="18" customHeight="1" x14ac:dyDescent="0.15">
      <c r="A111" s="5">
        <v>87</v>
      </c>
      <c r="B111" s="22">
        <v>4</v>
      </c>
      <c r="C111" s="14">
        <v>9</v>
      </c>
      <c r="D111" s="18">
        <v>13</v>
      </c>
    </row>
    <row r="112" spans="1:4" ht="18" customHeight="1" x14ac:dyDescent="0.15">
      <c r="A112" s="5">
        <v>88</v>
      </c>
      <c r="B112" s="22">
        <v>4</v>
      </c>
      <c r="C112" s="14">
        <v>5</v>
      </c>
      <c r="D112" s="18">
        <v>9</v>
      </c>
    </row>
    <row r="113" spans="1:4" ht="18" customHeight="1" x14ac:dyDescent="0.15">
      <c r="A113" s="5">
        <v>89</v>
      </c>
      <c r="B113" s="22">
        <v>4</v>
      </c>
      <c r="C113" s="14">
        <v>10</v>
      </c>
      <c r="D113" s="18">
        <v>14</v>
      </c>
    </row>
    <row r="114" spans="1:4" ht="18" customHeight="1" x14ac:dyDescent="0.15">
      <c r="A114" s="5" t="s">
        <v>37</v>
      </c>
      <c r="B114" s="22">
        <v>34</v>
      </c>
      <c r="C114" s="14">
        <v>48</v>
      </c>
      <c r="D114" s="18">
        <v>82</v>
      </c>
    </row>
    <row r="115" spans="1:4" ht="18" customHeight="1" x14ac:dyDescent="0.15">
      <c r="A115" s="5">
        <v>90</v>
      </c>
      <c r="B115" s="22">
        <v>7</v>
      </c>
      <c r="C115" s="14">
        <v>8</v>
      </c>
      <c r="D115" s="18">
        <v>15</v>
      </c>
    </row>
    <row r="116" spans="1:4" ht="18" customHeight="1" x14ac:dyDescent="0.15">
      <c r="A116" s="5">
        <v>91</v>
      </c>
      <c r="B116" s="22">
        <v>2</v>
      </c>
      <c r="C116" s="14">
        <v>6</v>
      </c>
      <c r="D116" s="18">
        <v>8</v>
      </c>
    </row>
    <row r="117" spans="1:4" ht="18" customHeight="1" x14ac:dyDescent="0.15">
      <c r="A117" s="5">
        <v>92</v>
      </c>
      <c r="B117" s="22">
        <v>0</v>
      </c>
      <c r="C117" s="14">
        <v>8</v>
      </c>
      <c r="D117" s="18">
        <v>8</v>
      </c>
    </row>
    <row r="118" spans="1:4" ht="18" customHeight="1" x14ac:dyDescent="0.15">
      <c r="A118" s="5">
        <v>93</v>
      </c>
      <c r="B118" s="22">
        <v>0</v>
      </c>
      <c r="C118" s="14">
        <v>5</v>
      </c>
      <c r="D118" s="18">
        <v>5</v>
      </c>
    </row>
    <row r="119" spans="1:4" ht="18" customHeight="1" x14ac:dyDescent="0.15">
      <c r="A119" s="5">
        <v>94</v>
      </c>
      <c r="B119" s="22">
        <v>0</v>
      </c>
      <c r="C119" s="14">
        <v>4</v>
      </c>
      <c r="D119" s="18">
        <v>4</v>
      </c>
    </row>
    <row r="120" spans="1:4" ht="18" customHeight="1" x14ac:dyDescent="0.15">
      <c r="A120" s="5" t="s">
        <v>39</v>
      </c>
      <c r="B120" s="22">
        <v>9</v>
      </c>
      <c r="C120" s="14">
        <v>31</v>
      </c>
      <c r="D120" s="18">
        <v>40</v>
      </c>
    </row>
    <row r="121" spans="1:4" ht="18" customHeight="1" x14ac:dyDescent="0.15">
      <c r="A121" s="5">
        <v>95</v>
      </c>
      <c r="B121" s="22">
        <v>4</v>
      </c>
      <c r="C121" s="14">
        <v>2</v>
      </c>
      <c r="D121" s="18">
        <v>6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2</v>
      </c>
      <c r="C123" s="14">
        <v>1</v>
      </c>
      <c r="D123" s="18">
        <v>3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7</v>
      </c>
      <c r="C126" s="14">
        <v>7</v>
      </c>
      <c r="D126" s="18">
        <v>14</v>
      </c>
    </row>
    <row r="127" spans="1:4" ht="18" customHeight="1" x14ac:dyDescent="0.15">
      <c r="A127" s="5">
        <v>100</v>
      </c>
      <c r="B127" s="22">
        <v>1</v>
      </c>
      <c r="C127" s="14">
        <v>2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1</v>
      </c>
      <c r="C129" s="14">
        <v>2</v>
      </c>
      <c r="D129" s="18">
        <v>3</v>
      </c>
    </row>
    <row r="130" spans="1:4" ht="18" customHeight="1" x14ac:dyDescent="0.15">
      <c r="A130" s="5" t="s">
        <v>46</v>
      </c>
      <c r="B130" s="22">
        <v>468</v>
      </c>
      <c r="C130" s="14">
        <v>575</v>
      </c>
      <c r="D130" s="18">
        <v>1043</v>
      </c>
    </row>
    <row r="131" spans="1:4" ht="18" customHeight="1" x14ac:dyDescent="0.15">
      <c r="A131" s="7" t="s">
        <v>45</v>
      </c>
      <c r="B131" s="23">
        <v>1788</v>
      </c>
      <c r="C131" s="15">
        <v>1813</v>
      </c>
      <c r="D131" s="19">
        <v>360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D00-000000000000}">
  <sheetPr codeName="Sheet8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8</v>
      </c>
      <c r="C5" s="29">
        <v>8</v>
      </c>
      <c r="D5" s="31">
        <v>16</v>
      </c>
    </row>
    <row r="6" spans="1:4" ht="18" customHeight="1" x14ac:dyDescent="0.15">
      <c r="A6" s="5">
        <v>1</v>
      </c>
      <c r="B6" s="27">
        <v>6</v>
      </c>
      <c r="C6" s="14">
        <v>8</v>
      </c>
      <c r="D6" s="18">
        <v>14</v>
      </c>
    </row>
    <row r="7" spans="1:4" ht="18" customHeight="1" x14ac:dyDescent="0.15">
      <c r="A7" s="5">
        <v>2</v>
      </c>
      <c r="B7" s="27">
        <v>8</v>
      </c>
      <c r="C7" s="14">
        <v>6</v>
      </c>
      <c r="D7" s="18">
        <v>14</v>
      </c>
    </row>
    <row r="8" spans="1:4" ht="18" customHeight="1" x14ac:dyDescent="0.15">
      <c r="A8" s="5">
        <v>3</v>
      </c>
      <c r="B8" s="27">
        <v>7</v>
      </c>
      <c r="C8" s="14">
        <v>12</v>
      </c>
      <c r="D8" s="18">
        <v>19</v>
      </c>
    </row>
    <row r="9" spans="1:4" ht="18" customHeight="1" x14ac:dyDescent="0.15">
      <c r="A9" s="5">
        <v>4</v>
      </c>
      <c r="B9" s="28">
        <v>9</v>
      </c>
      <c r="C9" s="30">
        <v>12</v>
      </c>
      <c r="D9" s="32">
        <v>21</v>
      </c>
    </row>
    <row r="10" spans="1:4" ht="18" customHeight="1" x14ac:dyDescent="0.15">
      <c r="A10" s="5" t="s">
        <v>7</v>
      </c>
      <c r="B10" s="22">
        <v>38</v>
      </c>
      <c r="C10" s="14">
        <v>46</v>
      </c>
      <c r="D10" s="18">
        <v>84</v>
      </c>
    </row>
    <row r="11" spans="1:4" ht="18" customHeight="1" x14ac:dyDescent="0.15">
      <c r="A11" s="5">
        <v>5</v>
      </c>
      <c r="B11" s="27">
        <v>6</v>
      </c>
      <c r="C11" s="14">
        <v>16</v>
      </c>
      <c r="D11" s="18">
        <v>22</v>
      </c>
    </row>
    <row r="12" spans="1:4" ht="18" customHeight="1" x14ac:dyDescent="0.15">
      <c r="A12" s="5">
        <v>6</v>
      </c>
      <c r="B12" s="27">
        <v>12</v>
      </c>
      <c r="C12" s="14">
        <v>8</v>
      </c>
      <c r="D12" s="18">
        <v>20</v>
      </c>
    </row>
    <row r="13" spans="1:4" ht="18" customHeight="1" x14ac:dyDescent="0.15">
      <c r="A13" s="5">
        <v>7</v>
      </c>
      <c r="B13" s="27">
        <v>13</v>
      </c>
      <c r="C13" s="14">
        <v>7</v>
      </c>
      <c r="D13" s="18">
        <v>20</v>
      </c>
    </row>
    <row r="14" spans="1:4" ht="18" customHeight="1" x14ac:dyDescent="0.15">
      <c r="A14" s="5">
        <v>8</v>
      </c>
      <c r="B14" s="27">
        <v>11</v>
      </c>
      <c r="C14" s="14">
        <v>14</v>
      </c>
      <c r="D14" s="18">
        <v>25</v>
      </c>
    </row>
    <row r="15" spans="1:4" ht="18" customHeight="1" x14ac:dyDescent="0.15">
      <c r="A15" s="5">
        <v>9</v>
      </c>
      <c r="B15" s="27">
        <v>9</v>
      </c>
      <c r="C15" s="14">
        <v>14</v>
      </c>
      <c r="D15" s="18">
        <v>23</v>
      </c>
    </row>
    <row r="16" spans="1:4" ht="18" customHeight="1" x14ac:dyDescent="0.15">
      <c r="A16" s="5" t="s">
        <v>11</v>
      </c>
      <c r="B16" s="22">
        <v>51</v>
      </c>
      <c r="C16" s="14">
        <v>59</v>
      </c>
      <c r="D16" s="18">
        <v>110</v>
      </c>
    </row>
    <row r="17" spans="1:4" ht="18" customHeight="1" x14ac:dyDescent="0.15">
      <c r="A17" s="5">
        <v>10</v>
      </c>
      <c r="B17" s="22">
        <v>19</v>
      </c>
      <c r="C17" s="14">
        <v>15</v>
      </c>
      <c r="D17" s="18">
        <v>34</v>
      </c>
    </row>
    <row r="18" spans="1:4" ht="18" customHeight="1" x14ac:dyDescent="0.15">
      <c r="A18" s="5">
        <v>11</v>
      </c>
      <c r="B18" s="22">
        <v>14</v>
      </c>
      <c r="C18" s="14">
        <v>10</v>
      </c>
      <c r="D18" s="18">
        <v>24</v>
      </c>
    </row>
    <row r="19" spans="1:4" ht="18" customHeight="1" x14ac:dyDescent="0.15">
      <c r="A19" s="5">
        <v>12</v>
      </c>
      <c r="B19" s="22">
        <v>16</v>
      </c>
      <c r="C19" s="14">
        <v>20</v>
      </c>
      <c r="D19" s="18">
        <v>36</v>
      </c>
    </row>
    <row r="20" spans="1:4" ht="18" customHeight="1" x14ac:dyDescent="0.15">
      <c r="A20" s="5">
        <v>13</v>
      </c>
      <c r="B20" s="22">
        <v>15</v>
      </c>
      <c r="C20" s="14">
        <v>17</v>
      </c>
      <c r="D20" s="18">
        <v>32</v>
      </c>
    </row>
    <row r="21" spans="1:4" ht="18" customHeight="1" x14ac:dyDescent="0.15">
      <c r="A21" s="5">
        <v>14</v>
      </c>
      <c r="B21" s="22">
        <v>19</v>
      </c>
      <c r="C21" s="14">
        <v>18</v>
      </c>
      <c r="D21" s="18">
        <v>37</v>
      </c>
    </row>
    <row r="22" spans="1:4" ht="18" customHeight="1" x14ac:dyDescent="0.15">
      <c r="A22" s="5" t="s">
        <v>12</v>
      </c>
      <c r="B22" s="22">
        <v>83</v>
      </c>
      <c r="C22" s="14">
        <v>80</v>
      </c>
      <c r="D22" s="18">
        <v>163</v>
      </c>
    </row>
    <row r="23" spans="1:4" ht="18" customHeight="1" x14ac:dyDescent="0.15">
      <c r="A23" s="5" t="s">
        <v>6</v>
      </c>
      <c r="B23" s="22">
        <v>172</v>
      </c>
      <c r="C23" s="14">
        <v>185</v>
      </c>
      <c r="D23" s="18">
        <v>357</v>
      </c>
    </row>
    <row r="24" spans="1:4" ht="18" customHeight="1" x14ac:dyDescent="0.15">
      <c r="A24" s="5">
        <v>15</v>
      </c>
      <c r="B24" s="22">
        <v>17</v>
      </c>
      <c r="C24" s="14">
        <v>21</v>
      </c>
      <c r="D24" s="18">
        <v>38</v>
      </c>
    </row>
    <row r="25" spans="1:4" ht="18" customHeight="1" x14ac:dyDescent="0.15">
      <c r="A25" s="5">
        <v>16</v>
      </c>
      <c r="B25" s="22">
        <v>18</v>
      </c>
      <c r="C25" s="14">
        <v>11</v>
      </c>
      <c r="D25" s="18">
        <v>29</v>
      </c>
    </row>
    <row r="26" spans="1:4" ht="18" customHeight="1" x14ac:dyDescent="0.15">
      <c r="A26" s="5">
        <v>17</v>
      </c>
      <c r="B26" s="22">
        <v>27</v>
      </c>
      <c r="C26" s="14">
        <v>17</v>
      </c>
      <c r="D26" s="18">
        <v>44</v>
      </c>
    </row>
    <row r="27" spans="1:4" ht="18" customHeight="1" x14ac:dyDescent="0.15">
      <c r="A27" s="5">
        <v>18</v>
      </c>
      <c r="B27" s="22">
        <v>16</v>
      </c>
      <c r="C27" s="14">
        <v>10</v>
      </c>
      <c r="D27" s="18">
        <v>26</v>
      </c>
    </row>
    <row r="28" spans="1:4" ht="18" customHeight="1" x14ac:dyDescent="0.15">
      <c r="A28" s="5">
        <v>19</v>
      </c>
      <c r="B28" s="22">
        <v>19</v>
      </c>
      <c r="C28" s="14">
        <v>18</v>
      </c>
      <c r="D28" s="18">
        <v>37</v>
      </c>
    </row>
    <row r="29" spans="1:4" ht="18" customHeight="1" x14ac:dyDescent="0.15">
      <c r="A29" s="5" t="s">
        <v>14</v>
      </c>
      <c r="B29" s="22">
        <v>97</v>
      </c>
      <c r="C29" s="14">
        <v>77</v>
      </c>
      <c r="D29" s="18">
        <v>174</v>
      </c>
    </row>
    <row r="30" spans="1:4" ht="18" customHeight="1" x14ac:dyDescent="0.15">
      <c r="A30" s="5">
        <v>20</v>
      </c>
      <c r="B30" s="22">
        <v>19</v>
      </c>
      <c r="C30" s="14">
        <v>10</v>
      </c>
      <c r="D30" s="18">
        <v>29</v>
      </c>
    </row>
    <row r="31" spans="1:4" ht="18" customHeight="1" x14ac:dyDescent="0.15">
      <c r="A31" s="5">
        <v>21</v>
      </c>
      <c r="B31" s="22">
        <v>21</v>
      </c>
      <c r="C31" s="14">
        <v>15</v>
      </c>
      <c r="D31" s="18">
        <v>36</v>
      </c>
    </row>
    <row r="32" spans="1:4" ht="18" customHeight="1" x14ac:dyDescent="0.15">
      <c r="A32" s="5">
        <v>22</v>
      </c>
      <c r="B32" s="22">
        <v>26</v>
      </c>
      <c r="C32" s="14">
        <v>10</v>
      </c>
      <c r="D32" s="18">
        <v>36</v>
      </c>
    </row>
    <row r="33" spans="1:4" ht="18" customHeight="1" x14ac:dyDescent="0.15">
      <c r="A33" s="5">
        <v>23</v>
      </c>
      <c r="B33" s="22">
        <v>9</v>
      </c>
      <c r="C33" s="14">
        <v>12</v>
      </c>
      <c r="D33" s="18">
        <v>21</v>
      </c>
    </row>
    <row r="34" spans="1:4" ht="18" customHeight="1" x14ac:dyDescent="0.15">
      <c r="A34" s="5">
        <v>24</v>
      </c>
      <c r="B34" s="22">
        <v>15</v>
      </c>
      <c r="C34" s="14">
        <v>15</v>
      </c>
      <c r="D34" s="18">
        <v>30</v>
      </c>
    </row>
    <row r="35" spans="1:4" ht="18" customHeight="1" x14ac:dyDescent="0.15">
      <c r="A35" s="5" t="s">
        <v>9</v>
      </c>
      <c r="B35" s="22">
        <v>90</v>
      </c>
      <c r="C35" s="14">
        <v>62</v>
      </c>
      <c r="D35" s="18">
        <v>152</v>
      </c>
    </row>
    <row r="36" spans="1:4" ht="18" customHeight="1" x14ac:dyDescent="0.15">
      <c r="A36" s="5">
        <v>25</v>
      </c>
      <c r="B36" s="22">
        <v>18</v>
      </c>
      <c r="C36" s="14">
        <v>13</v>
      </c>
      <c r="D36" s="18">
        <v>31</v>
      </c>
    </row>
    <row r="37" spans="1:4" ht="18" customHeight="1" x14ac:dyDescent="0.15">
      <c r="A37" s="5">
        <v>26</v>
      </c>
      <c r="B37" s="22">
        <v>6</v>
      </c>
      <c r="C37" s="14">
        <v>16</v>
      </c>
      <c r="D37" s="18">
        <v>22</v>
      </c>
    </row>
    <row r="38" spans="1:4" ht="18" customHeight="1" x14ac:dyDescent="0.15">
      <c r="A38" s="5">
        <v>27</v>
      </c>
      <c r="B38" s="22">
        <v>9</v>
      </c>
      <c r="C38" s="14">
        <v>11</v>
      </c>
      <c r="D38" s="18">
        <v>20</v>
      </c>
    </row>
    <row r="39" spans="1:4" ht="18" customHeight="1" x14ac:dyDescent="0.15">
      <c r="A39" s="5">
        <v>28</v>
      </c>
      <c r="B39" s="22">
        <v>17</v>
      </c>
      <c r="C39" s="14">
        <v>17</v>
      </c>
      <c r="D39" s="18">
        <v>34</v>
      </c>
    </row>
    <row r="40" spans="1:4" ht="18" customHeight="1" x14ac:dyDescent="0.15">
      <c r="A40" s="5">
        <v>29</v>
      </c>
      <c r="B40" s="22">
        <v>19</v>
      </c>
      <c r="C40" s="14">
        <v>18</v>
      </c>
      <c r="D40" s="18">
        <v>37</v>
      </c>
    </row>
    <row r="41" spans="1:4" ht="18" customHeight="1" x14ac:dyDescent="0.15">
      <c r="A41" s="5" t="s">
        <v>2</v>
      </c>
      <c r="B41" s="22">
        <v>69</v>
      </c>
      <c r="C41" s="14">
        <v>75</v>
      </c>
      <c r="D41" s="18">
        <v>144</v>
      </c>
    </row>
    <row r="42" spans="1:4" ht="18" customHeight="1" x14ac:dyDescent="0.15">
      <c r="A42" s="5">
        <v>30</v>
      </c>
      <c r="B42" s="22">
        <v>10</v>
      </c>
      <c r="C42" s="14">
        <v>7</v>
      </c>
      <c r="D42" s="18">
        <v>17</v>
      </c>
    </row>
    <row r="43" spans="1:4" ht="18" customHeight="1" x14ac:dyDescent="0.15">
      <c r="A43" s="5">
        <v>31</v>
      </c>
      <c r="B43" s="22">
        <v>19</v>
      </c>
      <c r="C43" s="14">
        <v>21</v>
      </c>
      <c r="D43" s="18">
        <v>40</v>
      </c>
    </row>
    <row r="44" spans="1:4" ht="18" customHeight="1" x14ac:dyDescent="0.15">
      <c r="A44" s="5">
        <v>32</v>
      </c>
      <c r="B44" s="22">
        <v>13</v>
      </c>
      <c r="C44" s="14">
        <v>13</v>
      </c>
      <c r="D44" s="18">
        <v>26</v>
      </c>
    </row>
    <row r="45" spans="1:4" ht="18" customHeight="1" x14ac:dyDescent="0.15">
      <c r="A45" s="5">
        <v>33</v>
      </c>
      <c r="B45" s="22">
        <v>18</v>
      </c>
      <c r="C45" s="14">
        <v>7</v>
      </c>
      <c r="D45" s="18">
        <v>25</v>
      </c>
    </row>
    <row r="46" spans="1:4" ht="18" customHeight="1" x14ac:dyDescent="0.15">
      <c r="A46" s="5">
        <v>34</v>
      </c>
      <c r="B46" s="22">
        <v>14</v>
      </c>
      <c r="C46" s="14">
        <v>18</v>
      </c>
      <c r="D46" s="18">
        <v>32</v>
      </c>
    </row>
    <row r="47" spans="1:4" ht="18" customHeight="1" x14ac:dyDescent="0.15">
      <c r="A47" s="5" t="s">
        <v>15</v>
      </c>
      <c r="B47" s="22">
        <v>74</v>
      </c>
      <c r="C47" s="14">
        <v>66</v>
      </c>
      <c r="D47" s="18">
        <v>140</v>
      </c>
    </row>
    <row r="48" spans="1:4" ht="18" customHeight="1" x14ac:dyDescent="0.15">
      <c r="A48" s="5">
        <v>35</v>
      </c>
      <c r="B48" s="22">
        <v>18</v>
      </c>
      <c r="C48" s="14">
        <v>13</v>
      </c>
      <c r="D48" s="18">
        <v>31</v>
      </c>
    </row>
    <row r="49" spans="1:4" ht="18" customHeight="1" x14ac:dyDescent="0.15">
      <c r="A49" s="5">
        <v>36</v>
      </c>
      <c r="B49" s="22">
        <v>17</v>
      </c>
      <c r="C49" s="14">
        <v>15</v>
      </c>
      <c r="D49" s="18">
        <v>32</v>
      </c>
    </row>
    <row r="50" spans="1:4" ht="18" customHeight="1" x14ac:dyDescent="0.15">
      <c r="A50" s="5">
        <v>37</v>
      </c>
      <c r="B50" s="22">
        <v>16</v>
      </c>
      <c r="C50" s="14">
        <v>21</v>
      </c>
      <c r="D50" s="18">
        <v>37</v>
      </c>
    </row>
    <row r="51" spans="1:4" ht="18" customHeight="1" x14ac:dyDescent="0.15">
      <c r="A51" s="5">
        <v>38</v>
      </c>
      <c r="B51" s="22">
        <v>15</v>
      </c>
      <c r="C51" s="14">
        <v>17</v>
      </c>
      <c r="D51" s="18">
        <v>32</v>
      </c>
    </row>
    <row r="52" spans="1:4" ht="18" customHeight="1" x14ac:dyDescent="0.15">
      <c r="A52" s="5">
        <v>39</v>
      </c>
      <c r="B52" s="22">
        <v>25</v>
      </c>
      <c r="C52" s="14">
        <v>20</v>
      </c>
      <c r="D52" s="18">
        <v>45</v>
      </c>
    </row>
    <row r="53" spans="1:4" ht="18" customHeight="1" x14ac:dyDescent="0.15">
      <c r="A53" s="5" t="s">
        <v>18</v>
      </c>
      <c r="B53" s="22">
        <v>91</v>
      </c>
      <c r="C53" s="14">
        <v>86</v>
      </c>
      <c r="D53" s="18">
        <v>177</v>
      </c>
    </row>
    <row r="54" spans="1:4" ht="18" customHeight="1" x14ac:dyDescent="0.15">
      <c r="A54" s="5">
        <v>40</v>
      </c>
      <c r="B54" s="22">
        <v>21</v>
      </c>
      <c r="C54" s="14">
        <v>16</v>
      </c>
      <c r="D54" s="18">
        <v>37</v>
      </c>
    </row>
    <row r="55" spans="1:4" ht="18" customHeight="1" x14ac:dyDescent="0.15">
      <c r="A55" s="5">
        <v>41</v>
      </c>
      <c r="B55" s="22">
        <v>17</v>
      </c>
      <c r="C55" s="14">
        <v>18</v>
      </c>
      <c r="D55" s="18">
        <v>35</v>
      </c>
    </row>
    <row r="56" spans="1:4" ht="18" customHeight="1" x14ac:dyDescent="0.15">
      <c r="A56" s="5">
        <v>42</v>
      </c>
      <c r="B56" s="22">
        <v>18</v>
      </c>
      <c r="C56" s="14">
        <v>15</v>
      </c>
      <c r="D56" s="18">
        <v>33</v>
      </c>
    </row>
    <row r="57" spans="1:4" ht="18" customHeight="1" x14ac:dyDescent="0.15">
      <c r="A57" s="5">
        <v>43</v>
      </c>
      <c r="B57" s="22">
        <v>14</v>
      </c>
      <c r="C57" s="14">
        <v>12</v>
      </c>
      <c r="D57" s="18">
        <v>26</v>
      </c>
    </row>
    <row r="58" spans="1:4" ht="18" customHeight="1" x14ac:dyDescent="0.15">
      <c r="A58" s="5">
        <v>44</v>
      </c>
      <c r="B58" s="22">
        <v>24</v>
      </c>
      <c r="C58" s="14">
        <v>25</v>
      </c>
      <c r="D58" s="18">
        <v>49</v>
      </c>
    </row>
    <row r="59" spans="1:4" ht="18" customHeight="1" x14ac:dyDescent="0.15">
      <c r="A59" s="5" t="s">
        <v>21</v>
      </c>
      <c r="B59" s="22">
        <v>94</v>
      </c>
      <c r="C59" s="14">
        <v>86</v>
      </c>
      <c r="D59" s="18">
        <v>180</v>
      </c>
    </row>
    <row r="60" spans="1:4" ht="18" customHeight="1" x14ac:dyDescent="0.15">
      <c r="A60" s="5">
        <v>45</v>
      </c>
      <c r="B60" s="22">
        <v>23</v>
      </c>
      <c r="C60" s="14">
        <v>13</v>
      </c>
      <c r="D60" s="18">
        <v>36</v>
      </c>
    </row>
    <row r="61" spans="1:4" ht="18" customHeight="1" x14ac:dyDescent="0.15">
      <c r="A61" s="5">
        <v>46</v>
      </c>
      <c r="B61" s="22">
        <v>23</v>
      </c>
      <c r="C61" s="14">
        <v>23</v>
      </c>
      <c r="D61" s="18">
        <v>46</v>
      </c>
    </row>
    <row r="62" spans="1:4" ht="18" customHeight="1" x14ac:dyDescent="0.15">
      <c r="A62" s="5">
        <v>47</v>
      </c>
      <c r="B62" s="22">
        <v>29</v>
      </c>
      <c r="C62" s="14">
        <v>25</v>
      </c>
      <c r="D62" s="18">
        <v>54</v>
      </c>
    </row>
    <row r="63" spans="1:4" ht="18" customHeight="1" x14ac:dyDescent="0.15">
      <c r="A63" s="5">
        <v>48</v>
      </c>
      <c r="B63" s="22">
        <v>21</v>
      </c>
      <c r="C63" s="14">
        <v>27</v>
      </c>
      <c r="D63" s="18">
        <v>48</v>
      </c>
    </row>
    <row r="64" spans="1:4" ht="18" customHeight="1" x14ac:dyDescent="0.15">
      <c r="A64" s="5">
        <v>49</v>
      </c>
      <c r="B64" s="22">
        <v>23</v>
      </c>
      <c r="C64" s="14">
        <v>19</v>
      </c>
      <c r="D64" s="18">
        <v>42</v>
      </c>
    </row>
    <row r="65" spans="1:4" ht="18" customHeight="1" x14ac:dyDescent="0.15">
      <c r="A65" s="5" t="s">
        <v>17</v>
      </c>
      <c r="B65" s="22">
        <v>119</v>
      </c>
      <c r="C65" s="14">
        <v>107</v>
      </c>
      <c r="D65" s="18">
        <v>226</v>
      </c>
    </row>
    <row r="66" spans="1:4" ht="18" customHeight="1" x14ac:dyDescent="0.15">
      <c r="A66" s="5">
        <v>50</v>
      </c>
      <c r="B66" s="22">
        <v>25</v>
      </c>
      <c r="C66" s="14">
        <v>24</v>
      </c>
      <c r="D66" s="18">
        <v>49</v>
      </c>
    </row>
    <row r="67" spans="1:4" ht="18" customHeight="1" x14ac:dyDescent="0.15">
      <c r="A67" s="5">
        <v>51</v>
      </c>
      <c r="B67" s="22">
        <v>26</v>
      </c>
      <c r="C67" s="14">
        <v>39</v>
      </c>
      <c r="D67" s="18">
        <v>65</v>
      </c>
    </row>
    <row r="68" spans="1:4" ht="18" customHeight="1" x14ac:dyDescent="0.15">
      <c r="A68" s="5">
        <v>52</v>
      </c>
      <c r="B68" s="22">
        <v>28</v>
      </c>
      <c r="C68" s="14">
        <v>30</v>
      </c>
      <c r="D68" s="18">
        <v>58</v>
      </c>
    </row>
    <row r="69" spans="1:4" ht="18" customHeight="1" x14ac:dyDescent="0.15">
      <c r="A69" s="5">
        <v>53</v>
      </c>
      <c r="B69" s="22">
        <v>26</v>
      </c>
      <c r="C69" s="14">
        <v>23</v>
      </c>
      <c r="D69" s="18">
        <v>49</v>
      </c>
    </row>
    <row r="70" spans="1:4" ht="18" customHeight="1" x14ac:dyDescent="0.15">
      <c r="A70" s="5">
        <v>54</v>
      </c>
      <c r="B70" s="22">
        <v>27</v>
      </c>
      <c r="C70" s="14">
        <v>32</v>
      </c>
      <c r="D70" s="18">
        <v>59</v>
      </c>
    </row>
    <row r="71" spans="1:4" ht="18" customHeight="1" x14ac:dyDescent="0.15">
      <c r="A71" s="5" t="s">
        <v>22</v>
      </c>
      <c r="B71" s="22">
        <v>132</v>
      </c>
      <c r="C71" s="14">
        <v>148</v>
      </c>
      <c r="D71" s="18">
        <v>280</v>
      </c>
    </row>
    <row r="72" spans="1:4" ht="18" customHeight="1" x14ac:dyDescent="0.15">
      <c r="A72" s="5">
        <v>55</v>
      </c>
      <c r="B72" s="22">
        <v>26</v>
      </c>
      <c r="C72" s="14">
        <v>13</v>
      </c>
      <c r="D72" s="18">
        <v>39</v>
      </c>
    </row>
    <row r="73" spans="1:4" ht="18" customHeight="1" x14ac:dyDescent="0.15">
      <c r="A73" s="5">
        <v>56</v>
      </c>
      <c r="B73" s="22">
        <v>29</v>
      </c>
      <c r="C73" s="14">
        <v>32</v>
      </c>
      <c r="D73" s="18">
        <v>61</v>
      </c>
    </row>
    <row r="74" spans="1:4" ht="18" customHeight="1" x14ac:dyDescent="0.15">
      <c r="A74" s="5">
        <v>57</v>
      </c>
      <c r="B74" s="22">
        <v>27</v>
      </c>
      <c r="C74" s="14">
        <v>24</v>
      </c>
      <c r="D74" s="18">
        <v>51</v>
      </c>
    </row>
    <row r="75" spans="1:4" ht="18" customHeight="1" x14ac:dyDescent="0.15">
      <c r="A75" s="5">
        <v>58</v>
      </c>
      <c r="B75" s="22">
        <v>24</v>
      </c>
      <c r="C75" s="14">
        <v>25</v>
      </c>
      <c r="D75" s="18">
        <v>49</v>
      </c>
    </row>
    <row r="76" spans="1:4" ht="18" customHeight="1" x14ac:dyDescent="0.15">
      <c r="A76" s="5">
        <v>59</v>
      </c>
      <c r="B76" s="22">
        <v>24</v>
      </c>
      <c r="C76" s="14">
        <v>22</v>
      </c>
      <c r="D76" s="18">
        <v>46</v>
      </c>
    </row>
    <row r="77" spans="1:4" ht="18" customHeight="1" x14ac:dyDescent="0.15">
      <c r="A77" s="5" t="s">
        <v>27</v>
      </c>
      <c r="B77" s="22">
        <v>130</v>
      </c>
      <c r="C77" s="14">
        <v>116</v>
      </c>
      <c r="D77" s="18">
        <v>246</v>
      </c>
    </row>
    <row r="78" spans="1:4" ht="18" customHeight="1" x14ac:dyDescent="0.15">
      <c r="A78" s="5">
        <v>60</v>
      </c>
      <c r="B78" s="22">
        <v>30</v>
      </c>
      <c r="C78" s="14">
        <v>26</v>
      </c>
      <c r="D78" s="18">
        <v>56</v>
      </c>
    </row>
    <row r="79" spans="1:4" ht="18" customHeight="1" x14ac:dyDescent="0.15">
      <c r="A79" s="5">
        <v>61</v>
      </c>
      <c r="B79" s="22">
        <v>29</v>
      </c>
      <c r="C79" s="14">
        <v>26</v>
      </c>
      <c r="D79" s="18">
        <v>55</v>
      </c>
    </row>
    <row r="80" spans="1:4" ht="18" customHeight="1" x14ac:dyDescent="0.15">
      <c r="A80" s="5">
        <v>62</v>
      </c>
      <c r="B80" s="22">
        <v>27</v>
      </c>
      <c r="C80" s="14">
        <v>35</v>
      </c>
      <c r="D80" s="18">
        <v>62</v>
      </c>
    </row>
    <row r="81" spans="1:4" ht="18" customHeight="1" x14ac:dyDescent="0.15">
      <c r="A81" s="5">
        <v>63</v>
      </c>
      <c r="B81" s="22">
        <v>17</v>
      </c>
      <c r="C81" s="14">
        <v>31</v>
      </c>
      <c r="D81" s="18">
        <v>48</v>
      </c>
    </row>
    <row r="82" spans="1:4" ht="18" customHeight="1" x14ac:dyDescent="0.15">
      <c r="A82" s="5">
        <v>64</v>
      </c>
      <c r="B82" s="22">
        <v>21</v>
      </c>
      <c r="C82" s="14">
        <v>25</v>
      </c>
      <c r="D82" s="18">
        <v>46</v>
      </c>
    </row>
    <row r="83" spans="1:4" ht="18" customHeight="1" x14ac:dyDescent="0.15">
      <c r="A83" s="5" t="s">
        <v>28</v>
      </c>
      <c r="B83" s="22">
        <v>124</v>
      </c>
      <c r="C83" s="14">
        <v>143</v>
      </c>
      <c r="D83" s="18">
        <v>267</v>
      </c>
    </row>
    <row r="84" spans="1:4" ht="18" customHeight="1" x14ac:dyDescent="0.15">
      <c r="A84" s="5" t="s">
        <v>31</v>
      </c>
      <c r="B84" s="22">
        <v>1020</v>
      </c>
      <c r="C84" s="14">
        <v>966</v>
      </c>
      <c r="D84" s="18">
        <v>1986</v>
      </c>
    </row>
    <row r="85" spans="1:4" ht="18" customHeight="1" x14ac:dyDescent="0.15">
      <c r="A85" s="5">
        <v>65</v>
      </c>
      <c r="B85" s="22">
        <v>28</v>
      </c>
      <c r="C85" s="14">
        <v>20</v>
      </c>
      <c r="D85" s="18">
        <v>48</v>
      </c>
    </row>
    <row r="86" spans="1:4" ht="18" customHeight="1" x14ac:dyDescent="0.15">
      <c r="A86" s="5">
        <v>66</v>
      </c>
      <c r="B86" s="22">
        <v>27</v>
      </c>
      <c r="C86" s="14">
        <v>12</v>
      </c>
      <c r="D86" s="18">
        <v>39</v>
      </c>
    </row>
    <row r="87" spans="1:4" ht="18" customHeight="1" x14ac:dyDescent="0.15">
      <c r="A87" s="5">
        <v>67</v>
      </c>
      <c r="B87" s="22">
        <v>20</v>
      </c>
      <c r="C87" s="14">
        <v>28</v>
      </c>
      <c r="D87" s="18">
        <v>48</v>
      </c>
    </row>
    <row r="88" spans="1:4" ht="18" customHeight="1" x14ac:dyDescent="0.15">
      <c r="A88" s="5">
        <v>68</v>
      </c>
      <c r="B88" s="22">
        <v>23</v>
      </c>
      <c r="C88" s="14">
        <v>31</v>
      </c>
      <c r="D88" s="18">
        <v>54</v>
      </c>
    </row>
    <row r="89" spans="1:4" ht="18" customHeight="1" x14ac:dyDescent="0.15">
      <c r="A89" s="5">
        <v>69</v>
      </c>
      <c r="B89" s="22">
        <v>25</v>
      </c>
      <c r="C89" s="14">
        <v>25</v>
      </c>
      <c r="D89" s="18">
        <v>50</v>
      </c>
    </row>
    <row r="90" spans="1:4" ht="18" customHeight="1" x14ac:dyDescent="0.15">
      <c r="A90" s="5" t="s">
        <v>20</v>
      </c>
      <c r="B90" s="22">
        <v>123</v>
      </c>
      <c r="C90" s="14">
        <v>116</v>
      </c>
      <c r="D90" s="18">
        <v>239</v>
      </c>
    </row>
    <row r="91" spans="1:4" ht="18" customHeight="1" x14ac:dyDescent="0.15">
      <c r="A91" s="5">
        <v>70</v>
      </c>
      <c r="B91" s="22">
        <v>27</v>
      </c>
      <c r="C91" s="14">
        <v>31</v>
      </c>
      <c r="D91" s="18">
        <v>58</v>
      </c>
    </row>
    <row r="92" spans="1:4" ht="18" customHeight="1" x14ac:dyDescent="0.15">
      <c r="A92" s="5">
        <v>71</v>
      </c>
      <c r="B92" s="22">
        <v>34</v>
      </c>
      <c r="C92" s="14">
        <v>31</v>
      </c>
      <c r="D92" s="18">
        <v>65</v>
      </c>
    </row>
    <row r="93" spans="1:4" ht="18" customHeight="1" x14ac:dyDescent="0.15">
      <c r="A93" s="5">
        <v>72</v>
      </c>
      <c r="B93" s="22">
        <v>16</v>
      </c>
      <c r="C93" s="14">
        <v>29</v>
      </c>
      <c r="D93" s="18">
        <v>45</v>
      </c>
    </row>
    <row r="94" spans="1:4" ht="18" customHeight="1" x14ac:dyDescent="0.15">
      <c r="A94" s="5">
        <v>73</v>
      </c>
      <c r="B94" s="22">
        <v>22</v>
      </c>
      <c r="C94" s="14">
        <v>31</v>
      </c>
      <c r="D94" s="18">
        <v>53</v>
      </c>
    </row>
    <row r="95" spans="1:4" ht="18" customHeight="1" x14ac:dyDescent="0.15">
      <c r="A95" s="5">
        <v>74</v>
      </c>
      <c r="B95" s="22">
        <v>35</v>
      </c>
      <c r="C95" s="14">
        <v>22</v>
      </c>
      <c r="D95" s="18">
        <v>57</v>
      </c>
    </row>
    <row r="96" spans="1:4" ht="18" customHeight="1" x14ac:dyDescent="0.15">
      <c r="A96" s="5" t="s">
        <v>33</v>
      </c>
      <c r="B96" s="22">
        <v>134</v>
      </c>
      <c r="C96" s="14">
        <v>144</v>
      </c>
      <c r="D96" s="18">
        <v>278</v>
      </c>
    </row>
    <row r="97" spans="1:4" ht="18" customHeight="1" x14ac:dyDescent="0.15">
      <c r="A97" s="5">
        <v>75</v>
      </c>
      <c r="B97" s="22">
        <v>30</v>
      </c>
      <c r="C97" s="14">
        <v>28</v>
      </c>
      <c r="D97" s="18">
        <v>58</v>
      </c>
    </row>
    <row r="98" spans="1:4" ht="18" customHeight="1" x14ac:dyDescent="0.15">
      <c r="A98" s="5">
        <v>76</v>
      </c>
      <c r="B98" s="22">
        <v>19</v>
      </c>
      <c r="C98" s="14">
        <v>41</v>
      </c>
      <c r="D98" s="18">
        <v>60</v>
      </c>
    </row>
    <row r="99" spans="1:4" ht="18" customHeight="1" x14ac:dyDescent="0.15">
      <c r="A99" s="5">
        <v>77</v>
      </c>
      <c r="B99" s="22">
        <v>38</v>
      </c>
      <c r="C99" s="14">
        <v>40</v>
      </c>
      <c r="D99" s="18">
        <v>78</v>
      </c>
    </row>
    <row r="100" spans="1:4" ht="18" customHeight="1" x14ac:dyDescent="0.15">
      <c r="A100" s="5">
        <v>78</v>
      </c>
      <c r="B100" s="22">
        <v>36</v>
      </c>
      <c r="C100" s="14">
        <v>29</v>
      </c>
      <c r="D100" s="18">
        <v>65</v>
      </c>
    </row>
    <row r="101" spans="1:4" ht="18" customHeight="1" x14ac:dyDescent="0.15">
      <c r="A101" s="5">
        <v>79</v>
      </c>
      <c r="B101" s="22">
        <v>27</v>
      </c>
      <c r="C101" s="14">
        <v>29</v>
      </c>
      <c r="D101" s="18">
        <v>56</v>
      </c>
    </row>
    <row r="102" spans="1:4" ht="18" customHeight="1" x14ac:dyDescent="0.15">
      <c r="A102" s="5" t="s">
        <v>0</v>
      </c>
      <c r="B102" s="22">
        <v>150</v>
      </c>
      <c r="C102" s="14">
        <v>167</v>
      </c>
      <c r="D102" s="18">
        <v>317</v>
      </c>
    </row>
    <row r="103" spans="1:4" ht="18" customHeight="1" x14ac:dyDescent="0.15">
      <c r="A103" s="5">
        <v>80</v>
      </c>
      <c r="B103" s="22">
        <v>19</v>
      </c>
      <c r="C103" s="14">
        <v>17</v>
      </c>
      <c r="D103" s="18">
        <v>36</v>
      </c>
    </row>
    <row r="104" spans="1:4" ht="18" customHeight="1" x14ac:dyDescent="0.15">
      <c r="A104" s="5">
        <v>81</v>
      </c>
      <c r="B104" s="22">
        <v>13</v>
      </c>
      <c r="C104" s="14">
        <v>18</v>
      </c>
      <c r="D104" s="18">
        <v>31</v>
      </c>
    </row>
    <row r="105" spans="1:4" ht="18" customHeight="1" x14ac:dyDescent="0.15">
      <c r="A105" s="5">
        <v>82</v>
      </c>
      <c r="B105" s="22">
        <v>22</v>
      </c>
      <c r="C105" s="14">
        <v>28</v>
      </c>
      <c r="D105" s="18">
        <v>50</v>
      </c>
    </row>
    <row r="106" spans="1:4" ht="18" customHeight="1" x14ac:dyDescent="0.15">
      <c r="A106" s="5">
        <v>83</v>
      </c>
      <c r="B106" s="22">
        <v>11</v>
      </c>
      <c r="C106" s="14">
        <v>28</v>
      </c>
      <c r="D106" s="18">
        <v>39</v>
      </c>
    </row>
    <row r="107" spans="1:4" ht="18" customHeight="1" x14ac:dyDescent="0.15">
      <c r="A107" s="5">
        <v>84</v>
      </c>
      <c r="B107" s="22">
        <v>14</v>
      </c>
      <c r="C107" s="14">
        <v>32</v>
      </c>
      <c r="D107" s="18">
        <v>46</v>
      </c>
    </row>
    <row r="108" spans="1:4" ht="18" customHeight="1" x14ac:dyDescent="0.15">
      <c r="A108" s="5" t="s">
        <v>35</v>
      </c>
      <c r="B108" s="22">
        <v>79</v>
      </c>
      <c r="C108" s="14">
        <v>123</v>
      </c>
      <c r="D108" s="18">
        <v>202</v>
      </c>
    </row>
    <row r="109" spans="1:4" ht="18" customHeight="1" x14ac:dyDescent="0.15">
      <c r="A109" s="5">
        <v>85</v>
      </c>
      <c r="B109" s="22">
        <v>15</v>
      </c>
      <c r="C109" s="14">
        <v>11</v>
      </c>
      <c r="D109" s="18">
        <v>26</v>
      </c>
    </row>
    <row r="110" spans="1:4" ht="18" customHeight="1" x14ac:dyDescent="0.15">
      <c r="A110" s="5">
        <v>86</v>
      </c>
      <c r="B110" s="22">
        <v>13</v>
      </c>
      <c r="C110" s="14">
        <v>16</v>
      </c>
      <c r="D110" s="18">
        <v>29</v>
      </c>
    </row>
    <row r="111" spans="1:4" ht="18" customHeight="1" x14ac:dyDescent="0.15">
      <c r="A111" s="5">
        <v>87</v>
      </c>
      <c r="B111" s="22">
        <v>7</v>
      </c>
      <c r="C111" s="14">
        <v>14</v>
      </c>
      <c r="D111" s="18">
        <v>21</v>
      </c>
    </row>
    <row r="112" spans="1:4" ht="18" customHeight="1" x14ac:dyDescent="0.15">
      <c r="A112" s="5">
        <v>88</v>
      </c>
      <c r="B112" s="22">
        <v>11</v>
      </c>
      <c r="C112" s="14">
        <v>13</v>
      </c>
      <c r="D112" s="18">
        <v>24</v>
      </c>
    </row>
    <row r="113" spans="1:4" ht="18" customHeight="1" x14ac:dyDescent="0.15">
      <c r="A113" s="5">
        <v>89</v>
      </c>
      <c r="B113" s="22">
        <v>3</v>
      </c>
      <c r="C113" s="14">
        <v>12</v>
      </c>
      <c r="D113" s="18">
        <v>15</v>
      </c>
    </row>
    <row r="114" spans="1:4" ht="18" customHeight="1" x14ac:dyDescent="0.15">
      <c r="A114" s="5" t="s">
        <v>37</v>
      </c>
      <c r="B114" s="22">
        <v>49</v>
      </c>
      <c r="C114" s="14">
        <v>66</v>
      </c>
      <c r="D114" s="18">
        <v>115</v>
      </c>
    </row>
    <row r="115" spans="1:4" ht="18" customHeight="1" x14ac:dyDescent="0.15">
      <c r="A115" s="5">
        <v>90</v>
      </c>
      <c r="B115" s="22">
        <v>11</v>
      </c>
      <c r="C115" s="14">
        <v>10</v>
      </c>
      <c r="D115" s="18">
        <v>21</v>
      </c>
    </row>
    <row r="116" spans="1:4" ht="18" customHeight="1" x14ac:dyDescent="0.15">
      <c r="A116" s="5">
        <v>91</v>
      </c>
      <c r="B116" s="22">
        <v>3</v>
      </c>
      <c r="C116" s="14">
        <v>10</v>
      </c>
      <c r="D116" s="18">
        <v>13</v>
      </c>
    </row>
    <row r="117" spans="1:4" ht="18" customHeight="1" x14ac:dyDescent="0.15">
      <c r="A117" s="5">
        <v>92</v>
      </c>
      <c r="B117" s="22">
        <v>3</v>
      </c>
      <c r="C117" s="14">
        <v>14</v>
      </c>
      <c r="D117" s="18">
        <v>17</v>
      </c>
    </row>
    <row r="118" spans="1:4" ht="18" customHeight="1" x14ac:dyDescent="0.15">
      <c r="A118" s="5">
        <v>93</v>
      </c>
      <c r="B118" s="22">
        <v>1</v>
      </c>
      <c r="C118" s="14">
        <v>8</v>
      </c>
      <c r="D118" s="18">
        <v>9</v>
      </c>
    </row>
    <row r="119" spans="1:4" ht="18" customHeight="1" x14ac:dyDescent="0.15">
      <c r="A119" s="5">
        <v>94</v>
      </c>
      <c r="B119" s="22">
        <v>1</v>
      </c>
      <c r="C119" s="14">
        <v>10</v>
      </c>
      <c r="D119" s="18">
        <v>11</v>
      </c>
    </row>
    <row r="120" spans="1:4" ht="18" customHeight="1" x14ac:dyDescent="0.15">
      <c r="A120" s="5" t="s">
        <v>39</v>
      </c>
      <c r="B120" s="22">
        <v>19</v>
      </c>
      <c r="C120" s="14">
        <v>52</v>
      </c>
      <c r="D120" s="18">
        <v>71</v>
      </c>
    </row>
    <row r="121" spans="1:4" ht="18" customHeight="1" x14ac:dyDescent="0.15">
      <c r="A121" s="5">
        <v>95</v>
      </c>
      <c r="B121" s="22">
        <v>3</v>
      </c>
      <c r="C121" s="14">
        <v>7</v>
      </c>
      <c r="D121" s="18">
        <v>10</v>
      </c>
    </row>
    <row r="122" spans="1:4" ht="18" customHeight="1" x14ac:dyDescent="0.15">
      <c r="A122" s="5">
        <v>96</v>
      </c>
      <c r="B122" s="22">
        <v>2</v>
      </c>
      <c r="C122" s="14">
        <v>3</v>
      </c>
      <c r="D122" s="18">
        <v>5</v>
      </c>
    </row>
    <row r="123" spans="1:4" ht="18" customHeight="1" x14ac:dyDescent="0.15">
      <c r="A123" s="5">
        <v>97</v>
      </c>
      <c r="B123" s="22">
        <v>1</v>
      </c>
      <c r="C123" s="14">
        <v>2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1</v>
      </c>
      <c r="C125" s="14">
        <v>3</v>
      </c>
      <c r="D125" s="18">
        <v>4</v>
      </c>
    </row>
    <row r="126" spans="1:4" ht="18" customHeight="1" x14ac:dyDescent="0.15">
      <c r="A126" s="5" t="s">
        <v>40</v>
      </c>
      <c r="B126" s="22">
        <v>7</v>
      </c>
      <c r="C126" s="14">
        <v>17</v>
      </c>
      <c r="D126" s="18">
        <v>24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561</v>
      </c>
      <c r="C130" s="14">
        <v>689</v>
      </c>
      <c r="D130" s="18">
        <v>1250</v>
      </c>
    </row>
    <row r="131" spans="1:4" ht="18" customHeight="1" x14ac:dyDescent="0.15">
      <c r="A131" s="7" t="s">
        <v>45</v>
      </c>
      <c r="B131" s="23">
        <v>1753</v>
      </c>
      <c r="C131" s="15">
        <v>1840</v>
      </c>
      <c r="D131" s="19">
        <v>359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 codeName="Sheet1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4</v>
      </c>
      <c r="C5" s="13">
        <v>9</v>
      </c>
      <c r="D5" s="17">
        <v>23</v>
      </c>
    </row>
    <row r="6" spans="1:4" ht="18" customHeight="1" x14ac:dyDescent="0.15">
      <c r="A6" s="5">
        <v>1</v>
      </c>
      <c r="B6" s="22">
        <v>6</v>
      </c>
      <c r="C6" s="14">
        <v>3</v>
      </c>
      <c r="D6" s="18">
        <v>9</v>
      </c>
    </row>
    <row r="7" spans="1:4" ht="18" customHeight="1" x14ac:dyDescent="0.15">
      <c r="A7" s="5">
        <v>2</v>
      </c>
      <c r="B7" s="22">
        <v>6</v>
      </c>
      <c r="C7" s="14">
        <v>9</v>
      </c>
      <c r="D7" s="18">
        <v>15</v>
      </c>
    </row>
    <row r="8" spans="1:4" ht="18" customHeight="1" x14ac:dyDescent="0.15">
      <c r="A8" s="5">
        <v>3</v>
      </c>
      <c r="B8" s="22">
        <v>8</v>
      </c>
      <c r="C8" s="14">
        <v>12</v>
      </c>
      <c r="D8" s="18">
        <v>20</v>
      </c>
    </row>
    <row r="9" spans="1:4" ht="18" customHeight="1" x14ac:dyDescent="0.15">
      <c r="A9" s="5">
        <v>4</v>
      </c>
      <c r="B9" s="22">
        <v>12</v>
      </c>
      <c r="C9" s="14">
        <v>12</v>
      </c>
      <c r="D9" s="18">
        <v>24</v>
      </c>
    </row>
    <row r="10" spans="1:4" ht="18" customHeight="1" x14ac:dyDescent="0.15">
      <c r="A10" s="5" t="s">
        <v>7</v>
      </c>
      <c r="B10" s="22">
        <v>46</v>
      </c>
      <c r="C10" s="14">
        <v>45</v>
      </c>
      <c r="D10" s="18">
        <v>91</v>
      </c>
    </row>
    <row r="11" spans="1:4" ht="18" customHeight="1" x14ac:dyDescent="0.15">
      <c r="A11" s="5">
        <v>5</v>
      </c>
      <c r="B11" s="22">
        <v>16</v>
      </c>
      <c r="C11" s="14">
        <v>8</v>
      </c>
      <c r="D11" s="18">
        <v>24</v>
      </c>
    </row>
    <row r="12" spans="1:4" ht="18" customHeight="1" x14ac:dyDescent="0.15">
      <c r="A12" s="5">
        <v>6</v>
      </c>
      <c r="B12" s="22">
        <v>21</v>
      </c>
      <c r="C12" s="14">
        <v>8</v>
      </c>
      <c r="D12" s="18">
        <v>29</v>
      </c>
    </row>
    <row r="13" spans="1:4" ht="18" customHeight="1" x14ac:dyDescent="0.15">
      <c r="A13" s="5">
        <v>7</v>
      </c>
      <c r="B13" s="22">
        <v>5</v>
      </c>
      <c r="C13" s="14">
        <v>15</v>
      </c>
      <c r="D13" s="18">
        <v>20</v>
      </c>
    </row>
    <row r="14" spans="1:4" ht="18" customHeight="1" x14ac:dyDescent="0.15">
      <c r="A14" s="5">
        <v>8</v>
      </c>
      <c r="B14" s="22">
        <v>19</v>
      </c>
      <c r="C14" s="14">
        <v>12</v>
      </c>
      <c r="D14" s="18">
        <v>31</v>
      </c>
    </row>
    <row r="15" spans="1:4" ht="18" customHeight="1" x14ac:dyDescent="0.15">
      <c r="A15" s="5">
        <v>9</v>
      </c>
      <c r="B15" s="22">
        <v>11</v>
      </c>
      <c r="C15" s="14">
        <v>12</v>
      </c>
      <c r="D15" s="18">
        <v>23</v>
      </c>
    </row>
    <row r="16" spans="1:4" ht="18" customHeight="1" x14ac:dyDescent="0.15">
      <c r="A16" s="5" t="s">
        <v>11</v>
      </c>
      <c r="B16" s="22">
        <v>72</v>
      </c>
      <c r="C16" s="14">
        <v>55</v>
      </c>
      <c r="D16" s="18">
        <v>127</v>
      </c>
    </row>
    <row r="17" spans="1:4" ht="18" customHeight="1" x14ac:dyDescent="0.15">
      <c r="A17" s="5">
        <v>10</v>
      </c>
      <c r="B17" s="22">
        <v>16</v>
      </c>
      <c r="C17" s="14">
        <v>18</v>
      </c>
      <c r="D17" s="18">
        <v>34</v>
      </c>
    </row>
    <row r="18" spans="1:4" ht="18" customHeight="1" x14ac:dyDescent="0.15">
      <c r="A18" s="5">
        <v>11</v>
      </c>
      <c r="B18" s="22">
        <v>14</v>
      </c>
      <c r="C18" s="14">
        <v>21</v>
      </c>
      <c r="D18" s="18">
        <v>35</v>
      </c>
    </row>
    <row r="19" spans="1:4" ht="18" customHeight="1" x14ac:dyDescent="0.15">
      <c r="A19" s="5">
        <v>12</v>
      </c>
      <c r="B19" s="22">
        <v>13</v>
      </c>
      <c r="C19" s="14">
        <v>10</v>
      </c>
      <c r="D19" s="18">
        <v>23</v>
      </c>
    </row>
    <row r="20" spans="1:4" ht="18" customHeight="1" x14ac:dyDescent="0.15">
      <c r="A20" s="5">
        <v>13</v>
      </c>
      <c r="B20" s="22">
        <v>21</v>
      </c>
      <c r="C20" s="14">
        <v>7</v>
      </c>
      <c r="D20" s="18">
        <v>28</v>
      </c>
    </row>
    <row r="21" spans="1:4" ht="18" customHeight="1" x14ac:dyDescent="0.15">
      <c r="A21" s="5">
        <v>14</v>
      </c>
      <c r="B21" s="22">
        <v>24</v>
      </c>
      <c r="C21" s="14">
        <v>12</v>
      </c>
      <c r="D21" s="18">
        <v>36</v>
      </c>
    </row>
    <row r="22" spans="1:4" ht="18" customHeight="1" x14ac:dyDescent="0.15">
      <c r="A22" s="5" t="s">
        <v>12</v>
      </c>
      <c r="B22" s="22">
        <v>88</v>
      </c>
      <c r="C22" s="14">
        <v>68</v>
      </c>
      <c r="D22" s="18">
        <v>156</v>
      </c>
    </row>
    <row r="23" spans="1:4" ht="18" customHeight="1" x14ac:dyDescent="0.15">
      <c r="A23" s="5" t="s">
        <v>6</v>
      </c>
      <c r="B23" s="22">
        <v>206</v>
      </c>
      <c r="C23" s="14">
        <v>168</v>
      </c>
      <c r="D23" s="18">
        <v>374</v>
      </c>
    </row>
    <row r="24" spans="1:4" ht="18" customHeight="1" x14ac:dyDescent="0.15">
      <c r="A24" s="5">
        <v>15</v>
      </c>
      <c r="B24" s="22">
        <v>14</v>
      </c>
      <c r="C24" s="14">
        <v>15</v>
      </c>
      <c r="D24" s="18">
        <v>29</v>
      </c>
    </row>
    <row r="25" spans="1:4" ht="18" customHeight="1" x14ac:dyDescent="0.15">
      <c r="A25" s="5">
        <v>16</v>
      </c>
      <c r="B25" s="22">
        <v>15</v>
      </c>
      <c r="C25" s="14">
        <v>10</v>
      </c>
      <c r="D25" s="18">
        <v>25</v>
      </c>
    </row>
    <row r="26" spans="1:4" ht="18" customHeight="1" x14ac:dyDescent="0.15">
      <c r="A26" s="5">
        <v>17</v>
      </c>
      <c r="B26" s="22">
        <v>27</v>
      </c>
      <c r="C26" s="14">
        <v>10</v>
      </c>
      <c r="D26" s="18">
        <v>37</v>
      </c>
    </row>
    <row r="27" spans="1:4" ht="18" customHeight="1" x14ac:dyDescent="0.15">
      <c r="A27" s="5">
        <v>18</v>
      </c>
      <c r="B27" s="22">
        <v>12</v>
      </c>
      <c r="C27" s="14">
        <v>7</v>
      </c>
      <c r="D27" s="18">
        <v>19</v>
      </c>
    </row>
    <row r="28" spans="1:4" ht="18" customHeight="1" x14ac:dyDescent="0.15">
      <c r="A28" s="5">
        <v>19</v>
      </c>
      <c r="B28" s="22">
        <v>20</v>
      </c>
      <c r="C28" s="14">
        <v>14</v>
      </c>
      <c r="D28" s="18">
        <v>34</v>
      </c>
    </row>
    <row r="29" spans="1:4" ht="18" customHeight="1" x14ac:dyDescent="0.15">
      <c r="A29" s="5" t="s">
        <v>14</v>
      </c>
      <c r="B29" s="22">
        <v>88</v>
      </c>
      <c r="C29" s="14">
        <v>56</v>
      </c>
      <c r="D29" s="18">
        <v>144</v>
      </c>
    </row>
    <row r="30" spans="1:4" ht="18" customHeight="1" x14ac:dyDescent="0.15">
      <c r="A30" s="5">
        <v>20</v>
      </c>
      <c r="B30" s="22">
        <v>6</v>
      </c>
      <c r="C30" s="14">
        <v>9</v>
      </c>
      <c r="D30" s="18">
        <v>15</v>
      </c>
    </row>
    <row r="31" spans="1:4" ht="18" customHeight="1" x14ac:dyDescent="0.15">
      <c r="A31" s="5">
        <v>21</v>
      </c>
      <c r="B31" s="22">
        <v>12</v>
      </c>
      <c r="C31" s="14">
        <v>13</v>
      </c>
      <c r="D31" s="18">
        <v>25</v>
      </c>
    </row>
    <row r="32" spans="1:4" ht="18" customHeight="1" x14ac:dyDescent="0.15">
      <c r="A32" s="5">
        <v>22</v>
      </c>
      <c r="B32" s="22">
        <v>15</v>
      </c>
      <c r="C32" s="14">
        <v>13</v>
      </c>
      <c r="D32" s="18">
        <v>28</v>
      </c>
    </row>
    <row r="33" spans="1:4" ht="18" customHeight="1" x14ac:dyDescent="0.15">
      <c r="A33" s="5">
        <v>23</v>
      </c>
      <c r="B33" s="22">
        <v>11</v>
      </c>
      <c r="C33" s="14">
        <v>14</v>
      </c>
      <c r="D33" s="18">
        <v>25</v>
      </c>
    </row>
    <row r="34" spans="1:4" ht="18" customHeight="1" x14ac:dyDescent="0.15">
      <c r="A34" s="5">
        <v>24</v>
      </c>
      <c r="B34" s="22">
        <v>11</v>
      </c>
      <c r="C34" s="14">
        <v>15</v>
      </c>
      <c r="D34" s="18">
        <v>26</v>
      </c>
    </row>
    <row r="35" spans="1:4" ht="18" customHeight="1" x14ac:dyDescent="0.15">
      <c r="A35" s="5" t="s">
        <v>9</v>
      </c>
      <c r="B35" s="22">
        <v>55</v>
      </c>
      <c r="C35" s="14">
        <v>64</v>
      </c>
      <c r="D35" s="18">
        <v>119</v>
      </c>
    </row>
    <row r="36" spans="1:4" ht="18" customHeight="1" x14ac:dyDescent="0.15">
      <c r="A36" s="5">
        <v>25</v>
      </c>
      <c r="B36" s="22">
        <v>11</v>
      </c>
      <c r="C36" s="14">
        <v>16</v>
      </c>
      <c r="D36" s="18">
        <v>27</v>
      </c>
    </row>
    <row r="37" spans="1:4" ht="18" customHeight="1" x14ac:dyDescent="0.15">
      <c r="A37" s="5">
        <v>26</v>
      </c>
      <c r="B37" s="22">
        <v>15</v>
      </c>
      <c r="C37" s="14">
        <v>9</v>
      </c>
      <c r="D37" s="18">
        <v>24</v>
      </c>
    </row>
    <row r="38" spans="1:4" ht="18" customHeight="1" x14ac:dyDescent="0.15">
      <c r="A38" s="5">
        <v>27</v>
      </c>
      <c r="B38" s="22">
        <v>12</v>
      </c>
      <c r="C38" s="14">
        <v>20</v>
      </c>
      <c r="D38" s="18">
        <v>32</v>
      </c>
    </row>
    <row r="39" spans="1:4" ht="18" customHeight="1" x14ac:dyDescent="0.15">
      <c r="A39" s="5">
        <v>28</v>
      </c>
      <c r="B39" s="22">
        <v>25</v>
      </c>
      <c r="C39" s="14">
        <v>19</v>
      </c>
      <c r="D39" s="18">
        <v>44</v>
      </c>
    </row>
    <row r="40" spans="1:4" ht="18" customHeight="1" x14ac:dyDescent="0.15">
      <c r="A40" s="5">
        <v>29</v>
      </c>
      <c r="B40" s="22">
        <v>10</v>
      </c>
      <c r="C40" s="14">
        <v>17</v>
      </c>
      <c r="D40" s="18">
        <v>27</v>
      </c>
    </row>
    <row r="41" spans="1:4" ht="18" customHeight="1" x14ac:dyDescent="0.15">
      <c r="A41" s="5" t="s">
        <v>2</v>
      </c>
      <c r="B41" s="22">
        <v>73</v>
      </c>
      <c r="C41" s="14">
        <v>81</v>
      </c>
      <c r="D41" s="18">
        <v>154</v>
      </c>
    </row>
    <row r="42" spans="1:4" ht="18" customHeight="1" x14ac:dyDescent="0.15">
      <c r="A42" s="5">
        <v>30</v>
      </c>
      <c r="B42" s="22">
        <v>15</v>
      </c>
      <c r="C42" s="14">
        <v>10</v>
      </c>
      <c r="D42" s="18">
        <v>25</v>
      </c>
    </row>
    <row r="43" spans="1:4" ht="18" customHeight="1" x14ac:dyDescent="0.15">
      <c r="A43" s="5">
        <v>31</v>
      </c>
      <c r="B43" s="22">
        <v>22</v>
      </c>
      <c r="C43" s="14">
        <v>9</v>
      </c>
      <c r="D43" s="18">
        <v>31</v>
      </c>
    </row>
    <row r="44" spans="1:4" ht="18" customHeight="1" x14ac:dyDescent="0.15">
      <c r="A44" s="5">
        <v>32</v>
      </c>
      <c r="B44" s="22">
        <v>22</v>
      </c>
      <c r="C44" s="14">
        <v>14</v>
      </c>
      <c r="D44" s="18">
        <v>36</v>
      </c>
    </row>
    <row r="45" spans="1:4" ht="18" customHeight="1" x14ac:dyDescent="0.15">
      <c r="A45" s="5">
        <v>33</v>
      </c>
      <c r="B45" s="22">
        <v>13</v>
      </c>
      <c r="C45" s="14">
        <v>14</v>
      </c>
      <c r="D45" s="18">
        <v>27</v>
      </c>
    </row>
    <row r="46" spans="1:4" ht="18" customHeight="1" x14ac:dyDescent="0.15">
      <c r="A46" s="5">
        <v>34</v>
      </c>
      <c r="B46" s="22">
        <v>15</v>
      </c>
      <c r="C46" s="14">
        <v>17</v>
      </c>
      <c r="D46" s="18">
        <v>32</v>
      </c>
    </row>
    <row r="47" spans="1:4" ht="18" customHeight="1" x14ac:dyDescent="0.15">
      <c r="A47" s="5" t="s">
        <v>15</v>
      </c>
      <c r="B47" s="22">
        <v>87</v>
      </c>
      <c r="C47" s="14">
        <v>64</v>
      </c>
      <c r="D47" s="18">
        <v>151</v>
      </c>
    </row>
    <row r="48" spans="1:4" ht="18" customHeight="1" x14ac:dyDescent="0.15">
      <c r="A48" s="5">
        <v>35</v>
      </c>
      <c r="B48" s="22">
        <v>15</v>
      </c>
      <c r="C48" s="14">
        <v>14</v>
      </c>
      <c r="D48" s="18">
        <v>29</v>
      </c>
    </row>
    <row r="49" spans="1:4" ht="18" customHeight="1" x14ac:dyDescent="0.15">
      <c r="A49" s="5">
        <v>36</v>
      </c>
      <c r="B49" s="22">
        <v>28</v>
      </c>
      <c r="C49" s="14">
        <v>21</v>
      </c>
      <c r="D49" s="18">
        <v>49</v>
      </c>
    </row>
    <row r="50" spans="1:4" ht="18" customHeight="1" x14ac:dyDescent="0.15">
      <c r="A50" s="5">
        <v>37</v>
      </c>
      <c r="B50" s="22">
        <v>21</v>
      </c>
      <c r="C50" s="14">
        <v>21</v>
      </c>
      <c r="D50" s="18">
        <v>42</v>
      </c>
    </row>
    <row r="51" spans="1:4" ht="18" customHeight="1" x14ac:dyDescent="0.15">
      <c r="A51" s="5">
        <v>38</v>
      </c>
      <c r="B51" s="22">
        <v>26</v>
      </c>
      <c r="C51" s="14">
        <v>20</v>
      </c>
      <c r="D51" s="18">
        <v>46</v>
      </c>
    </row>
    <row r="52" spans="1:4" ht="18" customHeight="1" x14ac:dyDescent="0.15">
      <c r="A52" s="5">
        <v>39</v>
      </c>
      <c r="B52" s="22">
        <v>28</v>
      </c>
      <c r="C52" s="14">
        <v>15</v>
      </c>
      <c r="D52" s="18">
        <v>43</v>
      </c>
    </row>
    <row r="53" spans="1:4" ht="18" customHeight="1" x14ac:dyDescent="0.15">
      <c r="A53" s="5" t="s">
        <v>18</v>
      </c>
      <c r="B53" s="22">
        <v>118</v>
      </c>
      <c r="C53" s="14">
        <v>91</v>
      </c>
      <c r="D53" s="18">
        <v>209</v>
      </c>
    </row>
    <row r="54" spans="1:4" ht="18" customHeight="1" x14ac:dyDescent="0.15">
      <c r="A54" s="5">
        <v>40</v>
      </c>
      <c r="B54" s="22">
        <v>31</v>
      </c>
      <c r="C54" s="14">
        <v>19</v>
      </c>
      <c r="D54" s="18">
        <v>50</v>
      </c>
    </row>
    <row r="55" spans="1:4" ht="18" customHeight="1" x14ac:dyDescent="0.15">
      <c r="A55" s="5">
        <v>41</v>
      </c>
      <c r="B55" s="22">
        <v>23</v>
      </c>
      <c r="C55" s="14">
        <v>18</v>
      </c>
      <c r="D55" s="18">
        <v>41</v>
      </c>
    </row>
    <row r="56" spans="1:4" ht="18" customHeight="1" x14ac:dyDescent="0.15">
      <c r="A56" s="5">
        <v>42</v>
      </c>
      <c r="B56" s="22">
        <v>22</v>
      </c>
      <c r="C56" s="14">
        <v>23</v>
      </c>
      <c r="D56" s="18">
        <v>45</v>
      </c>
    </row>
    <row r="57" spans="1:4" ht="18" customHeight="1" x14ac:dyDescent="0.15">
      <c r="A57" s="5">
        <v>43</v>
      </c>
      <c r="B57" s="22">
        <v>30</v>
      </c>
      <c r="C57" s="14">
        <v>19</v>
      </c>
      <c r="D57" s="18">
        <v>49</v>
      </c>
    </row>
    <row r="58" spans="1:4" ht="18" customHeight="1" x14ac:dyDescent="0.15">
      <c r="A58" s="5">
        <v>44</v>
      </c>
      <c r="B58" s="22">
        <v>36</v>
      </c>
      <c r="C58" s="14">
        <v>35</v>
      </c>
      <c r="D58" s="18">
        <v>71</v>
      </c>
    </row>
    <row r="59" spans="1:4" ht="18" customHeight="1" x14ac:dyDescent="0.15">
      <c r="A59" s="5" t="s">
        <v>21</v>
      </c>
      <c r="B59" s="22">
        <v>142</v>
      </c>
      <c r="C59" s="14">
        <v>114</v>
      </c>
      <c r="D59" s="18">
        <v>256</v>
      </c>
    </row>
    <row r="60" spans="1:4" ht="18" customHeight="1" x14ac:dyDescent="0.15">
      <c r="A60" s="5">
        <v>45</v>
      </c>
      <c r="B60" s="22">
        <v>29</v>
      </c>
      <c r="C60" s="14">
        <v>28</v>
      </c>
      <c r="D60" s="18">
        <v>57</v>
      </c>
    </row>
    <row r="61" spans="1:4" ht="18" customHeight="1" x14ac:dyDescent="0.15">
      <c r="A61" s="5">
        <v>46</v>
      </c>
      <c r="B61" s="22">
        <v>27</v>
      </c>
      <c r="C61" s="14">
        <v>22</v>
      </c>
      <c r="D61" s="18">
        <v>49</v>
      </c>
    </row>
    <row r="62" spans="1:4" ht="18" customHeight="1" x14ac:dyDescent="0.15">
      <c r="A62" s="5">
        <v>47</v>
      </c>
      <c r="B62" s="22">
        <v>13</v>
      </c>
      <c r="C62" s="14">
        <v>25</v>
      </c>
      <c r="D62" s="18">
        <v>38</v>
      </c>
    </row>
    <row r="63" spans="1:4" ht="18" customHeight="1" x14ac:dyDescent="0.15">
      <c r="A63" s="5">
        <v>48</v>
      </c>
      <c r="B63" s="22">
        <v>23</v>
      </c>
      <c r="C63" s="14">
        <v>32</v>
      </c>
      <c r="D63" s="18">
        <v>55</v>
      </c>
    </row>
    <row r="64" spans="1:4" ht="18" customHeight="1" x14ac:dyDescent="0.15">
      <c r="A64" s="5">
        <v>49</v>
      </c>
      <c r="B64" s="22">
        <v>25</v>
      </c>
      <c r="C64" s="14">
        <v>23</v>
      </c>
      <c r="D64" s="18">
        <v>48</v>
      </c>
    </row>
    <row r="65" spans="1:4" ht="18" customHeight="1" x14ac:dyDescent="0.15">
      <c r="A65" s="5" t="s">
        <v>17</v>
      </c>
      <c r="B65" s="22">
        <v>117</v>
      </c>
      <c r="C65" s="14">
        <v>130</v>
      </c>
      <c r="D65" s="18">
        <v>247</v>
      </c>
    </row>
    <row r="66" spans="1:4" ht="18" customHeight="1" x14ac:dyDescent="0.15">
      <c r="A66" s="5">
        <v>50</v>
      </c>
      <c r="B66" s="22">
        <v>35</v>
      </c>
      <c r="C66" s="14">
        <v>33</v>
      </c>
      <c r="D66" s="18">
        <v>68</v>
      </c>
    </row>
    <row r="67" spans="1:4" ht="18" customHeight="1" x14ac:dyDescent="0.15">
      <c r="A67" s="5">
        <v>51</v>
      </c>
      <c r="B67" s="22">
        <v>29</v>
      </c>
      <c r="C67" s="14">
        <v>31</v>
      </c>
      <c r="D67" s="18">
        <v>60</v>
      </c>
    </row>
    <row r="68" spans="1:4" ht="18" customHeight="1" x14ac:dyDescent="0.15">
      <c r="A68" s="5">
        <v>52</v>
      </c>
      <c r="B68" s="22">
        <v>35</v>
      </c>
      <c r="C68" s="14">
        <v>37</v>
      </c>
      <c r="D68" s="18">
        <v>72</v>
      </c>
    </row>
    <row r="69" spans="1:4" ht="18" customHeight="1" x14ac:dyDescent="0.15">
      <c r="A69" s="5">
        <v>53</v>
      </c>
      <c r="B69" s="22">
        <v>22</v>
      </c>
      <c r="C69" s="14">
        <v>25</v>
      </c>
      <c r="D69" s="18">
        <v>47</v>
      </c>
    </row>
    <row r="70" spans="1:4" ht="18" customHeight="1" x14ac:dyDescent="0.15">
      <c r="A70" s="5">
        <v>54</v>
      </c>
      <c r="B70" s="22">
        <v>26</v>
      </c>
      <c r="C70" s="14">
        <v>21</v>
      </c>
      <c r="D70" s="18">
        <v>47</v>
      </c>
    </row>
    <row r="71" spans="1:4" ht="18" customHeight="1" x14ac:dyDescent="0.15">
      <c r="A71" s="5" t="s">
        <v>22</v>
      </c>
      <c r="B71" s="22">
        <v>147</v>
      </c>
      <c r="C71" s="14">
        <v>147</v>
      </c>
      <c r="D71" s="18">
        <v>294</v>
      </c>
    </row>
    <row r="72" spans="1:4" ht="18" customHeight="1" x14ac:dyDescent="0.15">
      <c r="A72" s="5">
        <v>55</v>
      </c>
      <c r="B72" s="22">
        <v>19</v>
      </c>
      <c r="C72" s="14">
        <v>37</v>
      </c>
      <c r="D72" s="18">
        <v>56</v>
      </c>
    </row>
    <row r="73" spans="1:4" ht="18" customHeight="1" x14ac:dyDescent="0.15">
      <c r="A73" s="5">
        <v>56</v>
      </c>
      <c r="B73" s="22">
        <v>25</v>
      </c>
      <c r="C73" s="14">
        <v>28</v>
      </c>
      <c r="D73" s="18">
        <v>53</v>
      </c>
    </row>
    <row r="74" spans="1:4" ht="18" customHeight="1" x14ac:dyDescent="0.15">
      <c r="A74" s="5">
        <v>57</v>
      </c>
      <c r="B74" s="22">
        <v>25</v>
      </c>
      <c r="C74" s="14">
        <v>30</v>
      </c>
      <c r="D74" s="18">
        <v>55</v>
      </c>
    </row>
    <row r="75" spans="1:4" ht="18" customHeight="1" x14ac:dyDescent="0.15">
      <c r="A75" s="5">
        <v>58</v>
      </c>
      <c r="B75" s="22">
        <v>35</v>
      </c>
      <c r="C75" s="14">
        <v>25</v>
      </c>
      <c r="D75" s="18">
        <v>60</v>
      </c>
    </row>
    <row r="76" spans="1:4" ht="18" customHeight="1" x14ac:dyDescent="0.15">
      <c r="A76" s="5">
        <v>59</v>
      </c>
      <c r="B76" s="22">
        <v>33</v>
      </c>
      <c r="C76" s="14">
        <v>23</v>
      </c>
      <c r="D76" s="18">
        <v>56</v>
      </c>
    </row>
    <row r="77" spans="1:4" ht="18" customHeight="1" x14ac:dyDescent="0.15">
      <c r="A77" s="5" t="s">
        <v>27</v>
      </c>
      <c r="B77" s="22">
        <v>137</v>
      </c>
      <c r="C77" s="14">
        <v>143</v>
      </c>
      <c r="D77" s="18">
        <v>280</v>
      </c>
    </row>
    <row r="78" spans="1:4" ht="18" customHeight="1" x14ac:dyDescent="0.15">
      <c r="A78" s="5">
        <v>60</v>
      </c>
      <c r="B78" s="22">
        <v>24</v>
      </c>
      <c r="C78" s="14">
        <v>36</v>
      </c>
      <c r="D78" s="18">
        <v>60</v>
      </c>
    </row>
    <row r="79" spans="1:4" ht="18" customHeight="1" x14ac:dyDescent="0.15">
      <c r="A79" s="5">
        <v>61</v>
      </c>
      <c r="B79" s="22">
        <v>25</v>
      </c>
      <c r="C79" s="14">
        <v>24</v>
      </c>
      <c r="D79" s="18">
        <v>49</v>
      </c>
    </row>
    <row r="80" spans="1:4" ht="18" customHeight="1" x14ac:dyDescent="0.15">
      <c r="A80" s="5">
        <v>62</v>
      </c>
      <c r="B80" s="22">
        <v>31</v>
      </c>
      <c r="C80" s="14">
        <v>23</v>
      </c>
      <c r="D80" s="18">
        <v>54</v>
      </c>
    </row>
    <row r="81" spans="1:4" ht="18" customHeight="1" x14ac:dyDescent="0.15">
      <c r="A81" s="5">
        <v>63</v>
      </c>
      <c r="B81" s="22">
        <v>27</v>
      </c>
      <c r="C81" s="14">
        <v>9</v>
      </c>
      <c r="D81" s="18">
        <v>36</v>
      </c>
    </row>
    <row r="82" spans="1:4" ht="18" customHeight="1" x14ac:dyDescent="0.15">
      <c r="A82" s="5">
        <v>64</v>
      </c>
      <c r="B82" s="22">
        <v>27</v>
      </c>
      <c r="C82" s="14">
        <v>28</v>
      </c>
      <c r="D82" s="18">
        <v>55</v>
      </c>
    </row>
    <row r="83" spans="1:4" ht="18" customHeight="1" x14ac:dyDescent="0.15">
      <c r="A83" s="5" t="s">
        <v>28</v>
      </c>
      <c r="B83" s="22">
        <v>134</v>
      </c>
      <c r="C83" s="14">
        <v>120</v>
      </c>
      <c r="D83" s="18">
        <v>254</v>
      </c>
    </row>
    <row r="84" spans="1:4" ht="18" customHeight="1" x14ac:dyDescent="0.15">
      <c r="A84" s="5" t="s">
        <v>31</v>
      </c>
      <c r="B84" s="22">
        <v>1098</v>
      </c>
      <c r="C84" s="14">
        <v>1010</v>
      </c>
      <c r="D84" s="18">
        <v>2108</v>
      </c>
    </row>
    <row r="85" spans="1:4" ht="18" customHeight="1" x14ac:dyDescent="0.15">
      <c r="A85" s="5">
        <v>65</v>
      </c>
      <c r="B85" s="22">
        <v>30</v>
      </c>
      <c r="C85" s="14">
        <v>35</v>
      </c>
      <c r="D85" s="18">
        <v>65</v>
      </c>
    </row>
    <row r="86" spans="1:4" ht="18" customHeight="1" x14ac:dyDescent="0.15">
      <c r="A86" s="5">
        <v>66</v>
      </c>
      <c r="B86" s="22">
        <v>27</v>
      </c>
      <c r="C86" s="14">
        <v>31</v>
      </c>
      <c r="D86" s="18">
        <v>58</v>
      </c>
    </row>
    <row r="87" spans="1:4" ht="18" customHeight="1" x14ac:dyDescent="0.15">
      <c r="A87" s="5">
        <v>67</v>
      </c>
      <c r="B87" s="22">
        <v>31</v>
      </c>
      <c r="C87" s="14">
        <v>21</v>
      </c>
      <c r="D87" s="18">
        <v>52</v>
      </c>
    </row>
    <row r="88" spans="1:4" ht="18" customHeight="1" x14ac:dyDescent="0.15">
      <c r="A88" s="5">
        <v>68</v>
      </c>
      <c r="B88" s="22">
        <v>22</v>
      </c>
      <c r="C88" s="14">
        <v>20</v>
      </c>
      <c r="D88" s="18">
        <v>42</v>
      </c>
    </row>
    <row r="89" spans="1:4" ht="18" customHeight="1" x14ac:dyDescent="0.15">
      <c r="A89" s="5">
        <v>69</v>
      </c>
      <c r="B89" s="22">
        <v>35</v>
      </c>
      <c r="C89" s="14">
        <v>36</v>
      </c>
      <c r="D89" s="18">
        <v>71</v>
      </c>
    </row>
    <row r="90" spans="1:4" ht="18" customHeight="1" x14ac:dyDescent="0.15">
      <c r="A90" s="5" t="s">
        <v>20</v>
      </c>
      <c r="B90" s="22">
        <v>145</v>
      </c>
      <c r="C90" s="14">
        <v>143</v>
      </c>
      <c r="D90" s="18">
        <v>288</v>
      </c>
    </row>
    <row r="91" spans="1:4" ht="18" customHeight="1" x14ac:dyDescent="0.15">
      <c r="A91" s="5">
        <v>70</v>
      </c>
      <c r="B91" s="22">
        <v>23</v>
      </c>
      <c r="C91" s="14">
        <v>34</v>
      </c>
      <c r="D91" s="18">
        <v>57</v>
      </c>
    </row>
    <row r="92" spans="1:4" ht="18" customHeight="1" x14ac:dyDescent="0.15">
      <c r="A92" s="5">
        <v>71</v>
      </c>
      <c r="B92" s="22">
        <v>30</v>
      </c>
      <c r="C92" s="14">
        <v>23</v>
      </c>
      <c r="D92" s="18">
        <v>53</v>
      </c>
    </row>
    <row r="93" spans="1:4" ht="18" customHeight="1" x14ac:dyDescent="0.15">
      <c r="A93" s="5">
        <v>72</v>
      </c>
      <c r="B93" s="22">
        <v>23</v>
      </c>
      <c r="C93" s="14">
        <v>25</v>
      </c>
      <c r="D93" s="18">
        <v>48</v>
      </c>
    </row>
    <row r="94" spans="1:4" ht="18" customHeight="1" x14ac:dyDescent="0.15">
      <c r="A94" s="5">
        <v>73</v>
      </c>
      <c r="B94" s="22">
        <v>37</v>
      </c>
      <c r="C94" s="14">
        <v>30</v>
      </c>
      <c r="D94" s="18">
        <v>67</v>
      </c>
    </row>
    <row r="95" spans="1:4" ht="18" customHeight="1" x14ac:dyDescent="0.15">
      <c r="A95" s="5">
        <v>74</v>
      </c>
      <c r="B95" s="22">
        <v>28</v>
      </c>
      <c r="C95" s="14">
        <v>26</v>
      </c>
      <c r="D95" s="18">
        <v>54</v>
      </c>
    </row>
    <row r="96" spans="1:4" ht="18" customHeight="1" x14ac:dyDescent="0.15">
      <c r="A96" s="5" t="s">
        <v>33</v>
      </c>
      <c r="B96" s="22">
        <v>141</v>
      </c>
      <c r="C96" s="14">
        <v>138</v>
      </c>
      <c r="D96" s="18">
        <v>279</v>
      </c>
    </row>
    <row r="97" spans="1:4" ht="18" customHeight="1" x14ac:dyDescent="0.15">
      <c r="A97" s="5">
        <v>75</v>
      </c>
      <c r="B97" s="22">
        <v>38</v>
      </c>
      <c r="C97" s="14">
        <v>26</v>
      </c>
      <c r="D97" s="18">
        <v>64</v>
      </c>
    </row>
    <row r="98" spans="1:4" ht="18" customHeight="1" x14ac:dyDescent="0.15">
      <c r="A98" s="5">
        <v>76</v>
      </c>
      <c r="B98" s="22">
        <v>33</v>
      </c>
      <c r="C98" s="14">
        <v>42</v>
      </c>
      <c r="D98" s="18">
        <v>75</v>
      </c>
    </row>
    <row r="99" spans="1:4" ht="18" customHeight="1" x14ac:dyDescent="0.15">
      <c r="A99" s="5">
        <v>77</v>
      </c>
      <c r="B99" s="22">
        <v>27</v>
      </c>
      <c r="C99" s="14">
        <v>35</v>
      </c>
      <c r="D99" s="18">
        <v>62</v>
      </c>
    </row>
    <row r="100" spans="1:4" ht="18" customHeight="1" x14ac:dyDescent="0.15">
      <c r="A100" s="5">
        <v>78</v>
      </c>
      <c r="B100" s="22">
        <v>34</v>
      </c>
      <c r="C100" s="14">
        <v>41</v>
      </c>
      <c r="D100" s="18">
        <v>75</v>
      </c>
    </row>
    <row r="101" spans="1:4" ht="18" customHeight="1" x14ac:dyDescent="0.15">
      <c r="A101" s="5">
        <v>79</v>
      </c>
      <c r="B101" s="22">
        <v>23</v>
      </c>
      <c r="C101" s="14">
        <v>29</v>
      </c>
      <c r="D101" s="18">
        <v>52</v>
      </c>
    </row>
    <row r="102" spans="1:4" ht="18" customHeight="1" x14ac:dyDescent="0.15">
      <c r="A102" s="5" t="s">
        <v>0</v>
      </c>
      <c r="B102" s="22">
        <v>155</v>
      </c>
      <c r="C102" s="14">
        <v>173</v>
      </c>
      <c r="D102" s="18">
        <v>328</v>
      </c>
    </row>
    <row r="103" spans="1:4" ht="18" customHeight="1" x14ac:dyDescent="0.15">
      <c r="A103" s="5">
        <v>80</v>
      </c>
      <c r="B103" s="22">
        <v>12</v>
      </c>
      <c r="C103" s="14">
        <v>22</v>
      </c>
      <c r="D103" s="18">
        <v>34</v>
      </c>
    </row>
    <row r="104" spans="1:4" ht="18" customHeight="1" x14ac:dyDescent="0.15">
      <c r="A104" s="5">
        <v>81</v>
      </c>
      <c r="B104" s="22">
        <v>19</v>
      </c>
      <c r="C104" s="14">
        <v>28</v>
      </c>
      <c r="D104" s="18">
        <v>47</v>
      </c>
    </row>
    <row r="105" spans="1:4" ht="18" customHeight="1" x14ac:dyDescent="0.15">
      <c r="A105" s="5">
        <v>82</v>
      </c>
      <c r="B105" s="22">
        <v>18</v>
      </c>
      <c r="C105" s="14">
        <v>26</v>
      </c>
      <c r="D105" s="18">
        <v>44</v>
      </c>
    </row>
    <row r="106" spans="1:4" ht="18" customHeight="1" x14ac:dyDescent="0.15">
      <c r="A106" s="5">
        <v>83</v>
      </c>
      <c r="B106" s="22">
        <v>17</v>
      </c>
      <c r="C106" s="14">
        <v>28</v>
      </c>
      <c r="D106" s="18">
        <v>45</v>
      </c>
    </row>
    <row r="107" spans="1:4" ht="18" customHeight="1" x14ac:dyDescent="0.15">
      <c r="A107" s="5">
        <v>84</v>
      </c>
      <c r="B107" s="22">
        <v>11</v>
      </c>
      <c r="C107" s="14">
        <v>34</v>
      </c>
      <c r="D107" s="18">
        <v>45</v>
      </c>
    </row>
    <row r="108" spans="1:4" ht="18" customHeight="1" x14ac:dyDescent="0.15">
      <c r="A108" s="5" t="s">
        <v>35</v>
      </c>
      <c r="B108" s="22">
        <v>77</v>
      </c>
      <c r="C108" s="14">
        <v>138</v>
      </c>
      <c r="D108" s="18">
        <v>215</v>
      </c>
    </row>
    <row r="109" spans="1:4" ht="18" customHeight="1" x14ac:dyDescent="0.15">
      <c r="A109" s="5">
        <v>85</v>
      </c>
      <c r="B109" s="22">
        <v>12</v>
      </c>
      <c r="C109" s="14">
        <v>24</v>
      </c>
      <c r="D109" s="18">
        <v>36</v>
      </c>
    </row>
    <row r="110" spans="1:4" ht="18" customHeight="1" x14ac:dyDescent="0.15">
      <c r="A110" s="5">
        <v>86</v>
      </c>
      <c r="B110" s="22">
        <v>9</v>
      </c>
      <c r="C110" s="14">
        <v>19</v>
      </c>
      <c r="D110" s="18">
        <v>28</v>
      </c>
    </row>
    <row r="111" spans="1:4" ht="18" customHeight="1" x14ac:dyDescent="0.15">
      <c r="A111" s="5">
        <v>87</v>
      </c>
      <c r="B111" s="22">
        <v>12</v>
      </c>
      <c r="C111" s="14">
        <v>24</v>
      </c>
      <c r="D111" s="18">
        <v>36</v>
      </c>
    </row>
    <row r="112" spans="1:4" ht="18" customHeight="1" x14ac:dyDescent="0.15">
      <c r="A112" s="5">
        <v>88</v>
      </c>
      <c r="B112" s="22">
        <v>11</v>
      </c>
      <c r="C112" s="14">
        <v>23</v>
      </c>
      <c r="D112" s="18">
        <v>34</v>
      </c>
    </row>
    <row r="113" spans="1:4" ht="18" customHeight="1" x14ac:dyDescent="0.15">
      <c r="A113" s="5">
        <v>89</v>
      </c>
      <c r="B113" s="22">
        <v>15</v>
      </c>
      <c r="C113" s="14">
        <v>24</v>
      </c>
      <c r="D113" s="18">
        <v>39</v>
      </c>
    </row>
    <row r="114" spans="1:4" ht="18" customHeight="1" x14ac:dyDescent="0.15">
      <c r="A114" s="5" t="s">
        <v>37</v>
      </c>
      <c r="B114" s="22">
        <v>59</v>
      </c>
      <c r="C114" s="14">
        <v>114</v>
      </c>
      <c r="D114" s="18">
        <v>173</v>
      </c>
    </row>
    <row r="115" spans="1:4" ht="18" customHeight="1" x14ac:dyDescent="0.15">
      <c r="A115" s="5">
        <v>90</v>
      </c>
      <c r="B115" s="22">
        <v>9</v>
      </c>
      <c r="C115" s="14">
        <v>23</v>
      </c>
      <c r="D115" s="18">
        <v>32</v>
      </c>
    </row>
    <row r="116" spans="1:4" ht="18" customHeight="1" x14ac:dyDescent="0.15">
      <c r="A116" s="5">
        <v>91</v>
      </c>
      <c r="B116" s="22">
        <v>7</v>
      </c>
      <c r="C116" s="14">
        <v>18</v>
      </c>
      <c r="D116" s="18">
        <v>25</v>
      </c>
    </row>
    <row r="117" spans="1:4" ht="18" customHeight="1" x14ac:dyDescent="0.15">
      <c r="A117" s="5">
        <v>92</v>
      </c>
      <c r="B117" s="22">
        <v>6</v>
      </c>
      <c r="C117" s="14">
        <v>15</v>
      </c>
      <c r="D117" s="18">
        <v>21</v>
      </c>
    </row>
    <row r="118" spans="1:4" ht="18" customHeight="1" x14ac:dyDescent="0.15">
      <c r="A118" s="5">
        <v>93</v>
      </c>
      <c r="B118" s="22">
        <v>5</v>
      </c>
      <c r="C118" s="14">
        <v>14</v>
      </c>
      <c r="D118" s="18">
        <v>19</v>
      </c>
    </row>
    <row r="119" spans="1:4" ht="18" customHeight="1" x14ac:dyDescent="0.15">
      <c r="A119" s="5">
        <v>94</v>
      </c>
      <c r="B119" s="22">
        <v>9</v>
      </c>
      <c r="C119" s="14">
        <v>9</v>
      </c>
      <c r="D119" s="18">
        <v>18</v>
      </c>
    </row>
    <row r="120" spans="1:4" ht="18" customHeight="1" x14ac:dyDescent="0.15">
      <c r="A120" s="5" t="s">
        <v>39</v>
      </c>
      <c r="B120" s="22">
        <v>36</v>
      </c>
      <c r="C120" s="14">
        <v>79</v>
      </c>
      <c r="D120" s="18">
        <v>115</v>
      </c>
    </row>
    <row r="121" spans="1:4" ht="18" customHeight="1" x14ac:dyDescent="0.15">
      <c r="A121" s="5">
        <v>95</v>
      </c>
      <c r="B121" s="22">
        <v>1</v>
      </c>
      <c r="C121" s="14">
        <v>13</v>
      </c>
      <c r="D121" s="18">
        <v>14</v>
      </c>
    </row>
    <row r="122" spans="1:4" ht="18" customHeight="1" x14ac:dyDescent="0.15">
      <c r="A122" s="5">
        <v>96</v>
      </c>
      <c r="B122" s="22">
        <v>3</v>
      </c>
      <c r="C122" s="14">
        <v>11</v>
      </c>
      <c r="D122" s="18">
        <v>14</v>
      </c>
    </row>
    <row r="123" spans="1:4" ht="18" customHeight="1" x14ac:dyDescent="0.15">
      <c r="A123" s="5">
        <v>97</v>
      </c>
      <c r="B123" s="22">
        <v>0</v>
      </c>
      <c r="C123" s="14">
        <v>7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4</v>
      </c>
      <c r="C126" s="14">
        <v>36</v>
      </c>
      <c r="D126" s="18">
        <v>40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617</v>
      </c>
      <c r="C130" s="14">
        <v>824</v>
      </c>
      <c r="D130" s="18">
        <v>1441</v>
      </c>
    </row>
    <row r="131" spans="1:4" ht="18" customHeight="1" x14ac:dyDescent="0.15">
      <c r="A131" s="7" t="s">
        <v>45</v>
      </c>
      <c r="B131" s="23">
        <v>1921</v>
      </c>
      <c r="C131" s="15">
        <v>2002</v>
      </c>
      <c r="D131" s="19">
        <v>392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E00-000000000000}">
  <sheetPr codeName="Sheet9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2</v>
      </c>
      <c r="D5" s="31">
        <v>3</v>
      </c>
    </row>
    <row r="6" spans="1:4" ht="18" customHeight="1" x14ac:dyDescent="0.15">
      <c r="A6" s="5">
        <v>1</v>
      </c>
      <c r="B6" s="27">
        <v>0</v>
      </c>
      <c r="C6" s="14">
        <v>2</v>
      </c>
      <c r="D6" s="18">
        <v>2</v>
      </c>
    </row>
    <row r="7" spans="1:4" ht="18" customHeight="1" x14ac:dyDescent="0.15">
      <c r="A7" s="5">
        <v>2</v>
      </c>
      <c r="B7" s="27">
        <v>1</v>
      </c>
      <c r="C7" s="14">
        <v>1</v>
      </c>
      <c r="D7" s="18">
        <v>2</v>
      </c>
    </row>
    <row r="8" spans="1:4" ht="18" customHeight="1" x14ac:dyDescent="0.15">
      <c r="A8" s="5">
        <v>3</v>
      </c>
      <c r="B8" s="27">
        <v>1</v>
      </c>
      <c r="C8" s="14">
        <v>3</v>
      </c>
      <c r="D8" s="18">
        <v>4</v>
      </c>
    </row>
    <row r="9" spans="1:4" ht="18" customHeight="1" x14ac:dyDescent="0.15">
      <c r="A9" s="5">
        <v>4</v>
      </c>
      <c r="B9" s="28">
        <v>2</v>
      </c>
      <c r="C9" s="30">
        <v>4</v>
      </c>
      <c r="D9" s="32">
        <v>6</v>
      </c>
    </row>
    <row r="10" spans="1:4" ht="18" customHeight="1" x14ac:dyDescent="0.15">
      <c r="A10" s="5" t="s">
        <v>7</v>
      </c>
      <c r="B10" s="22">
        <v>5</v>
      </c>
      <c r="C10" s="14">
        <v>12</v>
      </c>
      <c r="D10" s="18">
        <v>17</v>
      </c>
    </row>
    <row r="11" spans="1:4" ht="18" customHeight="1" x14ac:dyDescent="0.15">
      <c r="A11" s="5">
        <v>5</v>
      </c>
      <c r="B11" s="27">
        <v>2</v>
      </c>
      <c r="C11" s="14">
        <v>2</v>
      </c>
      <c r="D11" s="18">
        <v>4</v>
      </c>
    </row>
    <row r="12" spans="1:4" ht="18" customHeight="1" x14ac:dyDescent="0.15">
      <c r="A12" s="5">
        <v>6</v>
      </c>
      <c r="B12" s="27">
        <v>4</v>
      </c>
      <c r="C12" s="14">
        <v>5</v>
      </c>
      <c r="D12" s="18">
        <v>9</v>
      </c>
    </row>
    <row r="13" spans="1:4" ht="18" customHeight="1" x14ac:dyDescent="0.15">
      <c r="A13" s="5">
        <v>7</v>
      </c>
      <c r="B13" s="27">
        <v>1</v>
      </c>
      <c r="C13" s="14">
        <v>2</v>
      </c>
      <c r="D13" s="18">
        <v>3</v>
      </c>
    </row>
    <row r="14" spans="1:4" ht="18" customHeight="1" x14ac:dyDescent="0.15">
      <c r="A14" s="5">
        <v>8</v>
      </c>
      <c r="B14" s="27">
        <v>4</v>
      </c>
      <c r="C14" s="14">
        <v>3</v>
      </c>
      <c r="D14" s="18">
        <v>7</v>
      </c>
    </row>
    <row r="15" spans="1:4" ht="18" customHeight="1" x14ac:dyDescent="0.15">
      <c r="A15" s="5">
        <v>9</v>
      </c>
      <c r="B15" s="27">
        <v>6</v>
      </c>
      <c r="C15" s="14">
        <v>1</v>
      </c>
      <c r="D15" s="18">
        <v>7</v>
      </c>
    </row>
    <row r="16" spans="1:4" ht="18" customHeight="1" x14ac:dyDescent="0.15">
      <c r="A16" s="5" t="s">
        <v>11</v>
      </c>
      <c r="B16" s="22">
        <v>17</v>
      </c>
      <c r="C16" s="14">
        <v>13</v>
      </c>
      <c r="D16" s="18">
        <v>30</v>
      </c>
    </row>
    <row r="17" spans="1:4" ht="18" customHeight="1" x14ac:dyDescent="0.15">
      <c r="A17" s="5">
        <v>10</v>
      </c>
      <c r="B17" s="22">
        <v>2</v>
      </c>
      <c r="C17" s="14">
        <v>7</v>
      </c>
      <c r="D17" s="18">
        <v>9</v>
      </c>
    </row>
    <row r="18" spans="1:4" ht="18" customHeight="1" x14ac:dyDescent="0.15">
      <c r="A18" s="5">
        <v>11</v>
      </c>
      <c r="B18" s="22">
        <v>4</v>
      </c>
      <c r="C18" s="14">
        <v>6</v>
      </c>
      <c r="D18" s="18">
        <v>10</v>
      </c>
    </row>
    <row r="19" spans="1:4" ht="18" customHeight="1" x14ac:dyDescent="0.15">
      <c r="A19" s="5">
        <v>12</v>
      </c>
      <c r="B19" s="22">
        <v>8</v>
      </c>
      <c r="C19" s="14">
        <v>5</v>
      </c>
      <c r="D19" s="18">
        <v>13</v>
      </c>
    </row>
    <row r="20" spans="1:4" ht="18" customHeight="1" x14ac:dyDescent="0.15">
      <c r="A20" s="5">
        <v>13</v>
      </c>
      <c r="B20" s="22">
        <v>5</v>
      </c>
      <c r="C20" s="14">
        <v>3</v>
      </c>
      <c r="D20" s="18">
        <v>8</v>
      </c>
    </row>
    <row r="21" spans="1:4" ht="18" customHeight="1" x14ac:dyDescent="0.15">
      <c r="A21" s="5">
        <v>14</v>
      </c>
      <c r="B21" s="22">
        <v>6</v>
      </c>
      <c r="C21" s="14">
        <v>6</v>
      </c>
      <c r="D21" s="18">
        <v>12</v>
      </c>
    </row>
    <row r="22" spans="1:4" ht="18" customHeight="1" x14ac:dyDescent="0.15">
      <c r="A22" s="5" t="s">
        <v>12</v>
      </c>
      <c r="B22" s="22">
        <v>25</v>
      </c>
      <c r="C22" s="14">
        <v>27</v>
      </c>
      <c r="D22" s="18">
        <v>52</v>
      </c>
    </row>
    <row r="23" spans="1:4" ht="18" customHeight="1" x14ac:dyDescent="0.15">
      <c r="A23" s="5" t="s">
        <v>6</v>
      </c>
      <c r="B23" s="22">
        <v>47</v>
      </c>
      <c r="C23" s="14">
        <v>52</v>
      </c>
      <c r="D23" s="18">
        <v>99</v>
      </c>
    </row>
    <row r="24" spans="1:4" ht="18" customHeight="1" x14ac:dyDescent="0.15">
      <c r="A24" s="5">
        <v>15</v>
      </c>
      <c r="B24" s="22">
        <v>7</v>
      </c>
      <c r="C24" s="14">
        <v>8</v>
      </c>
      <c r="D24" s="18">
        <v>15</v>
      </c>
    </row>
    <row r="25" spans="1:4" ht="18" customHeight="1" x14ac:dyDescent="0.15">
      <c r="A25" s="5">
        <v>16</v>
      </c>
      <c r="B25" s="22">
        <v>8</v>
      </c>
      <c r="C25" s="14">
        <v>7</v>
      </c>
      <c r="D25" s="18">
        <v>15</v>
      </c>
    </row>
    <row r="26" spans="1:4" ht="18" customHeight="1" x14ac:dyDescent="0.15">
      <c r="A26" s="5">
        <v>17</v>
      </c>
      <c r="B26" s="22">
        <v>4</v>
      </c>
      <c r="C26" s="14">
        <v>3</v>
      </c>
      <c r="D26" s="18">
        <v>7</v>
      </c>
    </row>
    <row r="27" spans="1:4" ht="18" customHeight="1" x14ac:dyDescent="0.15">
      <c r="A27" s="5">
        <v>18</v>
      </c>
      <c r="B27" s="22">
        <v>2</v>
      </c>
      <c r="C27" s="14">
        <v>7</v>
      </c>
      <c r="D27" s="18">
        <v>9</v>
      </c>
    </row>
    <row r="28" spans="1:4" ht="18" customHeight="1" x14ac:dyDescent="0.15">
      <c r="A28" s="5">
        <v>19</v>
      </c>
      <c r="B28" s="22">
        <v>9</v>
      </c>
      <c r="C28" s="14">
        <v>2</v>
      </c>
      <c r="D28" s="18">
        <v>11</v>
      </c>
    </row>
    <row r="29" spans="1:4" ht="18" customHeight="1" x14ac:dyDescent="0.15">
      <c r="A29" s="5" t="s">
        <v>14</v>
      </c>
      <c r="B29" s="22">
        <v>30</v>
      </c>
      <c r="C29" s="14">
        <v>27</v>
      </c>
      <c r="D29" s="18">
        <v>57</v>
      </c>
    </row>
    <row r="30" spans="1:4" ht="18" customHeight="1" x14ac:dyDescent="0.15">
      <c r="A30" s="5">
        <v>20</v>
      </c>
      <c r="B30" s="22">
        <v>11</v>
      </c>
      <c r="C30" s="14">
        <v>2</v>
      </c>
      <c r="D30" s="18">
        <v>13</v>
      </c>
    </row>
    <row r="31" spans="1:4" ht="18" customHeight="1" x14ac:dyDescent="0.15">
      <c r="A31" s="5">
        <v>21</v>
      </c>
      <c r="B31" s="22">
        <v>4</v>
      </c>
      <c r="C31" s="14">
        <v>7</v>
      </c>
      <c r="D31" s="18">
        <v>11</v>
      </c>
    </row>
    <row r="32" spans="1:4" ht="18" customHeight="1" x14ac:dyDescent="0.15">
      <c r="A32" s="5">
        <v>22</v>
      </c>
      <c r="B32" s="22">
        <v>4</v>
      </c>
      <c r="C32" s="14">
        <v>5</v>
      </c>
      <c r="D32" s="18">
        <v>9</v>
      </c>
    </row>
    <row r="33" spans="1:4" ht="18" customHeight="1" x14ac:dyDescent="0.15">
      <c r="A33" s="5">
        <v>23</v>
      </c>
      <c r="B33" s="22">
        <v>1</v>
      </c>
      <c r="C33" s="14">
        <v>3</v>
      </c>
      <c r="D33" s="18">
        <v>4</v>
      </c>
    </row>
    <row r="34" spans="1:4" ht="18" customHeight="1" x14ac:dyDescent="0.15">
      <c r="A34" s="5">
        <v>24</v>
      </c>
      <c r="B34" s="22">
        <v>2</v>
      </c>
      <c r="C34" s="14">
        <v>3</v>
      </c>
      <c r="D34" s="18">
        <v>5</v>
      </c>
    </row>
    <row r="35" spans="1:4" ht="18" customHeight="1" x14ac:dyDescent="0.15">
      <c r="A35" s="5" t="s">
        <v>9</v>
      </c>
      <c r="B35" s="22">
        <v>22</v>
      </c>
      <c r="C35" s="14">
        <v>20</v>
      </c>
      <c r="D35" s="18">
        <v>42</v>
      </c>
    </row>
    <row r="36" spans="1:4" ht="18" customHeight="1" x14ac:dyDescent="0.15">
      <c r="A36" s="5">
        <v>25</v>
      </c>
      <c r="B36" s="22">
        <v>3</v>
      </c>
      <c r="C36" s="14">
        <v>1</v>
      </c>
      <c r="D36" s="18">
        <v>4</v>
      </c>
    </row>
    <row r="37" spans="1:4" ht="18" customHeight="1" x14ac:dyDescent="0.15">
      <c r="A37" s="5">
        <v>26</v>
      </c>
      <c r="B37" s="22">
        <v>5</v>
      </c>
      <c r="C37" s="14">
        <v>3</v>
      </c>
      <c r="D37" s="18">
        <v>8</v>
      </c>
    </row>
    <row r="38" spans="1:4" ht="18" customHeight="1" x14ac:dyDescent="0.15">
      <c r="A38" s="5">
        <v>27</v>
      </c>
      <c r="B38" s="22">
        <v>2</v>
      </c>
      <c r="C38" s="14">
        <v>2</v>
      </c>
      <c r="D38" s="18">
        <v>4</v>
      </c>
    </row>
    <row r="39" spans="1:4" ht="18" customHeight="1" x14ac:dyDescent="0.15">
      <c r="A39" s="5">
        <v>28</v>
      </c>
      <c r="B39" s="22">
        <v>3</v>
      </c>
      <c r="C39" s="14">
        <v>2</v>
      </c>
      <c r="D39" s="18">
        <v>5</v>
      </c>
    </row>
    <row r="40" spans="1:4" ht="18" customHeight="1" x14ac:dyDescent="0.15">
      <c r="A40" s="5">
        <v>29</v>
      </c>
      <c r="B40" s="22">
        <v>6</v>
      </c>
      <c r="C40" s="14">
        <v>3</v>
      </c>
      <c r="D40" s="18">
        <v>9</v>
      </c>
    </row>
    <row r="41" spans="1:4" ht="18" customHeight="1" x14ac:dyDescent="0.15">
      <c r="A41" s="5" t="s">
        <v>2</v>
      </c>
      <c r="B41" s="22">
        <v>19</v>
      </c>
      <c r="C41" s="14">
        <v>11</v>
      </c>
      <c r="D41" s="18">
        <v>30</v>
      </c>
    </row>
    <row r="42" spans="1:4" ht="18" customHeight="1" x14ac:dyDescent="0.15">
      <c r="A42" s="5">
        <v>30</v>
      </c>
      <c r="B42" s="22">
        <v>4</v>
      </c>
      <c r="C42" s="14">
        <v>3</v>
      </c>
      <c r="D42" s="18">
        <v>7</v>
      </c>
    </row>
    <row r="43" spans="1:4" ht="18" customHeight="1" x14ac:dyDescent="0.15">
      <c r="A43" s="5">
        <v>31</v>
      </c>
      <c r="B43" s="22">
        <v>5</v>
      </c>
      <c r="C43" s="14">
        <v>3</v>
      </c>
      <c r="D43" s="18">
        <v>8</v>
      </c>
    </row>
    <row r="44" spans="1:4" ht="18" customHeight="1" x14ac:dyDescent="0.15">
      <c r="A44" s="5">
        <v>32</v>
      </c>
      <c r="B44" s="22">
        <v>4</v>
      </c>
      <c r="C44" s="14">
        <v>2</v>
      </c>
      <c r="D44" s="18">
        <v>6</v>
      </c>
    </row>
    <row r="45" spans="1:4" ht="18" customHeight="1" x14ac:dyDescent="0.15">
      <c r="A45" s="5">
        <v>33</v>
      </c>
      <c r="B45" s="22">
        <v>9</v>
      </c>
      <c r="C45" s="14">
        <v>4</v>
      </c>
      <c r="D45" s="18">
        <v>13</v>
      </c>
    </row>
    <row r="46" spans="1:4" ht="18" customHeight="1" x14ac:dyDescent="0.15">
      <c r="A46" s="5">
        <v>34</v>
      </c>
      <c r="B46" s="22">
        <v>2</v>
      </c>
      <c r="C46" s="14">
        <v>3</v>
      </c>
      <c r="D46" s="18">
        <v>5</v>
      </c>
    </row>
    <row r="47" spans="1:4" ht="18" customHeight="1" x14ac:dyDescent="0.15">
      <c r="A47" s="5" t="s">
        <v>15</v>
      </c>
      <c r="B47" s="22">
        <v>24</v>
      </c>
      <c r="C47" s="14">
        <v>15</v>
      </c>
      <c r="D47" s="18">
        <v>39</v>
      </c>
    </row>
    <row r="48" spans="1:4" ht="18" customHeight="1" x14ac:dyDescent="0.15">
      <c r="A48" s="5">
        <v>35</v>
      </c>
      <c r="B48" s="22">
        <v>5</v>
      </c>
      <c r="C48" s="14">
        <v>1</v>
      </c>
      <c r="D48" s="18">
        <v>6</v>
      </c>
    </row>
    <row r="49" spans="1:4" ht="18" customHeight="1" x14ac:dyDescent="0.15">
      <c r="A49" s="5">
        <v>36</v>
      </c>
      <c r="B49" s="22">
        <v>7</v>
      </c>
      <c r="C49" s="14">
        <v>9</v>
      </c>
      <c r="D49" s="18">
        <v>16</v>
      </c>
    </row>
    <row r="50" spans="1:4" ht="18" customHeight="1" x14ac:dyDescent="0.15">
      <c r="A50" s="5">
        <v>37</v>
      </c>
      <c r="B50" s="22">
        <v>3</v>
      </c>
      <c r="C50" s="14">
        <v>3</v>
      </c>
      <c r="D50" s="18">
        <v>6</v>
      </c>
    </row>
    <row r="51" spans="1:4" ht="18" customHeight="1" x14ac:dyDescent="0.15">
      <c r="A51" s="5">
        <v>38</v>
      </c>
      <c r="B51" s="22">
        <v>9</v>
      </c>
      <c r="C51" s="14">
        <v>4</v>
      </c>
      <c r="D51" s="18">
        <v>13</v>
      </c>
    </row>
    <row r="52" spans="1:4" ht="18" customHeight="1" x14ac:dyDescent="0.15">
      <c r="A52" s="5">
        <v>39</v>
      </c>
      <c r="B52" s="22">
        <v>2</v>
      </c>
      <c r="C52" s="14">
        <v>4</v>
      </c>
      <c r="D52" s="18">
        <v>6</v>
      </c>
    </row>
    <row r="53" spans="1:4" ht="18" customHeight="1" x14ac:dyDescent="0.15">
      <c r="A53" s="5" t="s">
        <v>18</v>
      </c>
      <c r="B53" s="22">
        <v>26</v>
      </c>
      <c r="C53" s="14">
        <v>21</v>
      </c>
      <c r="D53" s="18">
        <v>47</v>
      </c>
    </row>
    <row r="54" spans="1:4" ht="18" customHeight="1" x14ac:dyDescent="0.15">
      <c r="A54" s="5">
        <v>40</v>
      </c>
      <c r="B54" s="22">
        <v>3</v>
      </c>
      <c r="C54" s="14">
        <v>5</v>
      </c>
      <c r="D54" s="18">
        <v>8</v>
      </c>
    </row>
    <row r="55" spans="1:4" ht="18" customHeight="1" x14ac:dyDescent="0.15">
      <c r="A55" s="5">
        <v>41</v>
      </c>
      <c r="B55" s="22">
        <v>5</v>
      </c>
      <c r="C55" s="14">
        <v>4</v>
      </c>
      <c r="D55" s="18">
        <v>9</v>
      </c>
    </row>
    <row r="56" spans="1:4" ht="18" customHeight="1" x14ac:dyDescent="0.15">
      <c r="A56" s="5">
        <v>42</v>
      </c>
      <c r="B56" s="22">
        <v>4</v>
      </c>
      <c r="C56" s="14">
        <v>7</v>
      </c>
      <c r="D56" s="18">
        <v>11</v>
      </c>
    </row>
    <row r="57" spans="1:4" ht="18" customHeight="1" x14ac:dyDescent="0.15">
      <c r="A57" s="5">
        <v>43</v>
      </c>
      <c r="B57" s="22">
        <v>7</v>
      </c>
      <c r="C57" s="14">
        <v>4</v>
      </c>
      <c r="D57" s="18">
        <v>11</v>
      </c>
    </row>
    <row r="58" spans="1:4" ht="18" customHeight="1" x14ac:dyDescent="0.15">
      <c r="A58" s="5">
        <v>44</v>
      </c>
      <c r="B58" s="22">
        <v>9</v>
      </c>
      <c r="C58" s="14">
        <v>7</v>
      </c>
      <c r="D58" s="18">
        <v>16</v>
      </c>
    </row>
    <row r="59" spans="1:4" ht="18" customHeight="1" x14ac:dyDescent="0.15">
      <c r="A59" s="5" t="s">
        <v>21</v>
      </c>
      <c r="B59" s="22">
        <v>28</v>
      </c>
      <c r="C59" s="14">
        <v>27</v>
      </c>
      <c r="D59" s="18">
        <v>55</v>
      </c>
    </row>
    <row r="60" spans="1:4" ht="18" customHeight="1" x14ac:dyDescent="0.15">
      <c r="A60" s="5">
        <v>45</v>
      </c>
      <c r="B60" s="22">
        <v>4</v>
      </c>
      <c r="C60" s="14">
        <v>9</v>
      </c>
      <c r="D60" s="18">
        <v>13</v>
      </c>
    </row>
    <row r="61" spans="1:4" ht="18" customHeight="1" x14ac:dyDescent="0.15">
      <c r="A61" s="5">
        <v>46</v>
      </c>
      <c r="B61" s="22">
        <v>11</v>
      </c>
      <c r="C61" s="14">
        <v>9</v>
      </c>
      <c r="D61" s="18">
        <v>20</v>
      </c>
    </row>
    <row r="62" spans="1:4" ht="18" customHeight="1" x14ac:dyDescent="0.15">
      <c r="A62" s="5">
        <v>47</v>
      </c>
      <c r="B62" s="22">
        <v>7</v>
      </c>
      <c r="C62" s="14">
        <v>5</v>
      </c>
      <c r="D62" s="18">
        <v>12</v>
      </c>
    </row>
    <row r="63" spans="1:4" ht="18" customHeight="1" x14ac:dyDescent="0.15">
      <c r="A63" s="5">
        <v>48</v>
      </c>
      <c r="B63" s="22">
        <v>13</v>
      </c>
      <c r="C63" s="14">
        <v>7</v>
      </c>
      <c r="D63" s="18">
        <v>20</v>
      </c>
    </row>
    <row r="64" spans="1:4" ht="18" customHeight="1" x14ac:dyDescent="0.15">
      <c r="A64" s="5">
        <v>49</v>
      </c>
      <c r="B64" s="22">
        <v>8</v>
      </c>
      <c r="C64" s="14">
        <v>6</v>
      </c>
      <c r="D64" s="18">
        <v>14</v>
      </c>
    </row>
    <row r="65" spans="1:4" ht="18" customHeight="1" x14ac:dyDescent="0.15">
      <c r="A65" s="5" t="s">
        <v>17</v>
      </c>
      <c r="B65" s="22">
        <v>43</v>
      </c>
      <c r="C65" s="14">
        <v>36</v>
      </c>
      <c r="D65" s="18">
        <v>79</v>
      </c>
    </row>
    <row r="66" spans="1:4" ht="18" customHeight="1" x14ac:dyDescent="0.15">
      <c r="A66" s="5">
        <v>50</v>
      </c>
      <c r="B66" s="22">
        <v>6</v>
      </c>
      <c r="C66" s="14">
        <v>5</v>
      </c>
      <c r="D66" s="18">
        <v>11</v>
      </c>
    </row>
    <row r="67" spans="1:4" ht="18" customHeight="1" x14ac:dyDescent="0.15">
      <c r="A67" s="5">
        <v>51</v>
      </c>
      <c r="B67" s="22">
        <v>12</v>
      </c>
      <c r="C67" s="14">
        <v>5</v>
      </c>
      <c r="D67" s="18">
        <v>17</v>
      </c>
    </row>
    <row r="68" spans="1:4" ht="18" customHeight="1" x14ac:dyDescent="0.15">
      <c r="A68" s="5">
        <v>52</v>
      </c>
      <c r="B68" s="22">
        <v>9</v>
      </c>
      <c r="C68" s="14">
        <v>8</v>
      </c>
      <c r="D68" s="18">
        <v>17</v>
      </c>
    </row>
    <row r="69" spans="1:4" ht="18" customHeight="1" x14ac:dyDescent="0.15">
      <c r="A69" s="5">
        <v>53</v>
      </c>
      <c r="B69" s="22">
        <v>12</v>
      </c>
      <c r="C69" s="14">
        <v>9</v>
      </c>
      <c r="D69" s="18">
        <v>21</v>
      </c>
    </row>
    <row r="70" spans="1:4" ht="18" customHeight="1" x14ac:dyDescent="0.15">
      <c r="A70" s="5">
        <v>54</v>
      </c>
      <c r="B70" s="22">
        <v>7</v>
      </c>
      <c r="C70" s="14">
        <v>5</v>
      </c>
      <c r="D70" s="18">
        <v>12</v>
      </c>
    </row>
    <row r="71" spans="1:4" ht="18" customHeight="1" x14ac:dyDescent="0.15">
      <c r="A71" s="5" t="s">
        <v>22</v>
      </c>
      <c r="B71" s="22">
        <v>46</v>
      </c>
      <c r="C71" s="14">
        <v>32</v>
      </c>
      <c r="D71" s="18">
        <v>78</v>
      </c>
    </row>
    <row r="72" spans="1:4" ht="18" customHeight="1" x14ac:dyDescent="0.15">
      <c r="A72" s="5">
        <v>55</v>
      </c>
      <c r="B72" s="22">
        <v>4</v>
      </c>
      <c r="C72" s="14">
        <v>3</v>
      </c>
      <c r="D72" s="18">
        <v>7</v>
      </c>
    </row>
    <row r="73" spans="1:4" ht="18" customHeight="1" x14ac:dyDescent="0.15">
      <c r="A73" s="5">
        <v>56</v>
      </c>
      <c r="B73" s="22">
        <v>9</v>
      </c>
      <c r="C73" s="14">
        <v>11</v>
      </c>
      <c r="D73" s="18">
        <v>20</v>
      </c>
    </row>
    <row r="74" spans="1:4" ht="18" customHeight="1" x14ac:dyDescent="0.15">
      <c r="A74" s="5">
        <v>57</v>
      </c>
      <c r="B74" s="22">
        <v>6</v>
      </c>
      <c r="C74" s="14">
        <v>6</v>
      </c>
      <c r="D74" s="18">
        <v>12</v>
      </c>
    </row>
    <row r="75" spans="1:4" ht="18" customHeight="1" x14ac:dyDescent="0.15">
      <c r="A75" s="5">
        <v>58</v>
      </c>
      <c r="B75" s="22">
        <v>8</v>
      </c>
      <c r="C75" s="14">
        <v>13</v>
      </c>
      <c r="D75" s="18">
        <v>21</v>
      </c>
    </row>
    <row r="76" spans="1:4" ht="18" customHeight="1" x14ac:dyDescent="0.15">
      <c r="A76" s="5">
        <v>59</v>
      </c>
      <c r="B76" s="22">
        <v>8</v>
      </c>
      <c r="C76" s="14">
        <v>14</v>
      </c>
      <c r="D76" s="18">
        <v>22</v>
      </c>
    </row>
    <row r="77" spans="1:4" ht="18" customHeight="1" x14ac:dyDescent="0.15">
      <c r="A77" s="5" t="s">
        <v>27</v>
      </c>
      <c r="B77" s="22">
        <v>35</v>
      </c>
      <c r="C77" s="14">
        <v>47</v>
      </c>
      <c r="D77" s="18">
        <v>82</v>
      </c>
    </row>
    <row r="78" spans="1:4" ht="18" customHeight="1" x14ac:dyDescent="0.15">
      <c r="A78" s="5">
        <v>60</v>
      </c>
      <c r="B78" s="22">
        <v>7</v>
      </c>
      <c r="C78" s="14">
        <v>10</v>
      </c>
      <c r="D78" s="18">
        <v>17</v>
      </c>
    </row>
    <row r="79" spans="1:4" ht="18" customHeight="1" x14ac:dyDescent="0.15">
      <c r="A79" s="5">
        <v>61</v>
      </c>
      <c r="B79" s="22">
        <v>10</v>
      </c>
      <c r="C79" s="14">
        <v>11</v>
      </c>
      <c r="D79" s="18">
        <v>21</v>
      </c>
    </row>
    <row r="80" spans="1:4" ht="18" customHeight="1" x14ac:dyDescent="0.15">
      <c r="A80" s="5">
        <v>62</v>
      </c>
      <c r="B80" s="22">
        <v>6</v>
      </c>
      <c r="C80" s="14">
        <v>7</v>
      </c>
      <c r="D80" s="18">
        <v>13</v>
      </c>
    </row>
    <row r="81" spans="1:4" ht="18" customHeight="1" x14ac:dyDescent="0.15">
      <c r="A81" s="5">
        <v>63</v>
      </c>
      <c r="B81" s="22">
        <v>6</v>
      </c>
      <c r="C81" s="14">
        <v>9</v>
      </c>
      <c r="D81" s="18">
        <v>15</v>
      </c>
    </row>
    <row r="82" spans="1:4" ht="18" customHeight="1" x14ac:dyDescent="0.15">
      <c r="A82" s="5">
        <v>64</v>
      </c>
      <c r="B82" s="22">
        <v>10</v>
      </c>
      <c r="C82" s="14">
        <v>9</v>
      </c>
      <c r="D82" s="18">
        <v>19</v>
      </c>
    </row>
    <row r="83" spans="1:4" ht="18" customHeight="1" x14ac:dyDescent="0.15">
      <c r="A83" s="5" t="s">
        <v>28</v>
      </c>
      <c r="B83" s="22">
        <v>39</v>
      </c>
      <c r="C83" s="14">
        <v>46</v>
      </c>
      <c r="D83" s="18">
        <v>85</v>
      </c>
    </row>
    <row r="84" spans="1:4" ht="18" customHeight="1" x14ac:dyDescent="0.15">
      <c r="A84" s="5" t="s">
        <v>31</v>
      </c>
      <c r="B84" s="22">
        <v>312</v>
      </c>
      <c r="C84" s="14">
        <v>282</v>
      </c>
      <c r="D84" s="18">
        <v>594</v>
      </c>
    </row>
    <row r="85" spans="1:4" ht="18" customHeight="1" x14ac:dyDescent="0.15">
      <c r="A85" s="5">
        <v>65</v>
      </c>
      <c r="B85" s="22">
        <v>7</v>
      </c>
      <c r="C85" s="14">
        <v>4</v>
      </c>
      <c r="D85" s="18">
        <v>11</v>
      </c>
    </row>
    <row r="86" spans="1:4" ht="18" customHeight="1" x14ac:dyDescent="0.15">
      <c r="A86" s="5">
        <v>66</v>
      </c>
      <c r="B86" s="22">
        <v>14</v>
      </c>
      <c r="C86" s="14">
        <v>7</v>
      </c>
      <c r="D86" s="18">
        <v>21</v>
      </c>
    </row>
    <row r="87" spans="1:4" ht="18" customHeight="1" x14ac:dyDescent="0.15">
      <c r="A87" s="5">
        <v>67</v>
      </c>
      <c r="B87" s="22">
        <v>7</v>
      </c>
      <c r="C87" s="14">
        <v>10</v>
      </c>
      <c r="D87" s="18">
        <v>17</v>
      </c>
    </row>
    <row r="88" spans="1:4" ht="18" customHeight="1" x14ac:dyDescent="0.15">
      <c r="A88" s="5">
        <v>68</v>
      </c>
      <c r="B88" s="22">
        <v>7</v>
      </c>
      <c r="C88" s="14">
        <v>9</v>
      </c>
      <c r="D88" s="18">
        <v>16</v>
      </c>
    </row>
    <row r="89" spans="1:4" ht="18" customHeight="1" x14ac:dyDescent="0.15">
      <c r="A89" s="5">
        <v>69</v>
      </c>
      <c r="B89" s="22">
        <v>7</v>
      </c>
      <c r="C89" s="14">
        <v>6</v>
      </c>
      <c r="D89" s="18">
        <v>13</v>
      </c>
    </row>
    <row r="90" spans="1:4" ht="18" customHeight="1" x14ac:dyDescent="0.15">
      <c r="A90" s="5" t="s">
        <v>20</v>
      </c>
      <c r="B90" s="22">
        <v>42</v>
      </c>
      <c r="C90" s="14">
        <v>36</v>
      </c>
      <c r="D90" s="18">
        <v>78</v>
      </c>
    </row>
    <row r="91" spans="1:4" ht="18" customHeight="1" x14ac:dyDescent="0.15">
      <c r="A91" s="5">
        <v>70</v>
      </c>
      <c r="B91" s="22">
        <v>6</v>
      </c>
      <c r="C91" s="14">
        <v>4</v>
      </c>
      <c r="D91" s="18">
        <v>10</v>
      </c>
    </row>
    <row r="92" spans="1:4" ht="18" customHeight="1" x14ac:dyDescent="0.15">
      <c r="A92" s="5">
        <v>71</v>
      </c>
      <c r="B92" s="22">
        <v>9</v>
      </c>
      <c r="C92" s="14">
        <v>12</v>
      </c>
      <c r="D92" s="18">
        <v>21</v>
      </c>
    </row>
    <row r="93" spans="1:4" ht="18" customHeight="1" x14ac:dyDescent="0.15">
      <c r="A93" s="5">
        <v>72</v>
      </c>
      <c r="B93" s="22">
        <v>19</v>
      </c>
      <c r="C93" s="14">
        <v>14</v>
      </c>
      <c r="D93" s="18">
        <v>33</v>
      </c>
    </row>
    <row r="94" spans="1:4" ht="18" customHeight="1" x14ac:dyDescent="0.15">
      <c r="A94" s="5">
        <v>73</v>
      </c>
      <c r="B94" s="22">
        <v>5</v>
      </c>
      <c r="C94" s="14">
        <v>15</v>
      </c>
      <c r="D94" s="18">
        <v>20</v>
      </c>
    </row>
    <row r="95" spans="1:4" ht="18" customHeight="1" x14ac:dyDescent="0.15">
      <c r="A95" s="5">
        <v>74</v>
      </c>
      <c r="B95" s="22">
        <v>9</v>
      </c>
      <c r="C95" s="14">
        <v>14</v>
      </c>
      <c r="D95" s="18">
        <v>23</v>
      </c>
    </row>
    <row r="96" spans="1:4" ht="18" customHeight="1" x14ac:dyDescent="0.15">
      <c r="A96" s="5" t="s">
        <v>33</v>
      </c>
      <c r="B96" s="22">
        <v>48</v>
      </c>
      <c r="C96" s="14">
        <v>59</v>
      </c>
      <c r="D96" s="18">
        <v>107</v>
      </c>
    </row>
    <row r="97" spans="1:4" ht="18" customHeight="1" x14ac:dyDescent="0.15">
      <c r="A97" s="5">
        <v>75</v>
      </c>
      <c r="B97" s="22">
        <v>11</v>
      </c>
      <c r="C97" s="14">
        <v>12</v>
      </c>
      <c r="D97" s="18">
        <v>23</v>
      </c>
    </row>
    <row r="98" spans="1:4" ht="18" customHeight="1" x14ac:dyDescent="0.15">
      <c r="A98" s="5">
        <v>76</v>
      </c>
      <c r="B98" s="22">
        <v>16</v>
      </c>
      <c r="C98" s="14">
        <v>17</v>
      </c>
      <c r="D98" s="18">
        <v>33</v>
      </c>
    </row>
    <row r="99" spans="1:4" ht="18" customHeight="1" x14ac:dyDescent="0.15">
      <c r="A99" s="5">
        <v>77</v>
      </c>
      <c r="B99" s="22">
        <v>17</v>
      </c>
      <c r="C99" s="14">
        <v>9</v>
      </c>
      <c r="D99" s="18">
        <v>26</v>
      </c>
    </row>
    <row r="100" spans="1:4" ht="18" customHeight="1" x14ac:dyDescent="0.15">
      <c r="A100" s="5">
        <v>78</v>
      </c>
      <c r="B100" s="22">
        <v>19</v>
      </c>
      <c r="C100" s="14">
        <v>15</v>
      </c>
      <c r="D100" s="18">
        <v>34</v>
      </c>
    </row>
    <row r="101" spans="1:4" ht="18" customHeight="1" x14ac:dyDescent="0.15">
      <c r="A101" s="5">
        <v>79</v>
      </c>
      <c r="B101" s="22">
        <v>12</v>
      </c>
      <c r="C101" s="14">
        <v>9</v>
      </c>
      <c r="D101" s="18">
        <v>21</v>
      </c>
    </row>
    <row r="102" spans="1:4" ht="18" customHeight="1" x14ac:dyDescent="0.15">
      <c r="A102" s="5" t="s">
        <v>0</v>
      </c>
      <c r="B102" s="22">
        <v>75</v>
      </c>
      <c r="C102" s="14">
        <v>62</v>
      </c>
      <c r="D102" s="18">
        <v>137</v>
      </c>
    </row>
    <row r="103" spans="1:4" ht="18" customHeight="1" x14ac:dyDescent="0.15">
      <c r="A103" s="5">
        <v>80</v>
      </c>
      <c r="B103" s="22">
        <v>5</v>
      </c>
      <c r="C103" s="14">
        <v>3</v>
      </c>
      <c r="D103" s="18">
        <v>8</v>
      </c>
    </row>
    <row r="104" spans="1:4" ht="18" customHeight="1" x14ac:dyDescent="0.15">
      <c r="A104" s="5">
        <v>81</v>
      </c>
      <c r="B104" s="22">
        <v>4</v>
      </c>
      <c r="C104" s="14">
        <v>6</v>
      </c>
      <c r="D104" s="18">
        <v>10</v>
      </c>
    </row>
    <row r="105" spans="1:4" ht="18" customHeight="1" x14ac:dyDescent="0.15">
      <c r="A105" s="5">
        <v>82</v>
      </c>
      <c r="B105" s="22">
        <v>6</v>
      </c>
      <c r="C105" s="14">
        <v>7</v>
      </c>
      <c r="D105" s="18">
        <v>13</v>
      </c>
    </row>
    <row r="106" spans="1:4" ht="18" customHeight="1" x14ac:dyDescent="0.15">
      <c r="A106" s="5">
        <v>83</v>
      </c>
      <c r="B106" s="22">
        <v>2</v>
      </c>
      <c r="C106" s="14">
        <v>11</v>
      </c>
      <c r="D106" s="18">
        <v>13</v>
      </c>
    </row>
    <row r="107" spans="1:4" ht="18" customHeight="1" x14ac:dyDescent="0.15">
      <c r="A107" s="5">
        <v>84</v>
      </c>
      <c r="B107" s="22">
        <v>6</v>
      </c>
      <c r="C107" s="14">
        <v>6</v>
      </c>
      <c r="D107" s="18">
        <v>12</v>
      </c>
    </row>
    <row r="108" spans="1:4" ht="18" customHeight="1" x14ac:dyDescent="0.15">
      <c r="A108" s="5" t="s">
        <v>35</v>
      </c>
      <c r="B108" s="22">
        <v>23</v>
      </c>
      <c r="C108" s="14">
        <v>33</v>
      </c>
      <c r="D108" s="18">
        <v>56</v>
      </c>
    </row>
    <row r="109" spans="1:4" ht="18" customHeight="1" x14ac:dyDescent="0.15">
      <c r="A109" s="5">
        <v>85</v>
      </c>
      <c r="B109" s="22">
        <v>4</v>
      </c>
      <c r="C109" s="14">
        <v>7</v>
      </c>
      <c r="D109" s="18">
        <v>11</v>
      </c>
    </row>
    <row r="110" spans="1:4" ht="18" customHeight="1" x14ac:dyDescent="0.15">
      <c r="A110" s="5">
        <v>86</v>
      </c>
      <c r="B110" s="22">
        <v>7</v>
      </c>
      <c r="C110" s="14">
        <v>7</v>
      </c>
      <c r="D110" s="18">
        <v>14</v>
      </c>
    </row>
    <row r="111" spans="1:4" ht="18" customHeight="1" x14ac:dyDescent="0.15">
      <c r="A111" s="5">
        <v>87</v>
      </c>
      <c r="B111" s="22">
        <v>2</v>
      </c>
      <c r="C111" s="14">
        <v>5</v>
      </c>
      <c r="D111" s="18">
        <v>7</v>
      </c>
    </row>
    <row r="112" spans="1:4" ht="18" customHeight="1" x14ac:dyDescent="0.15">
      <c r="A112" s="5">
        <v>88</v>
      </c>
      <c r="B112" s="22">
        <v>2</v>
      </c>
      <c r="C112" s="14">
        <v>8</v>
      </c>
      <c r="D112" s="18">
        <v>10</v>
      </c>
    </row>
    <row r="113" spans="1:4" ht="18" customHeight="1" x14ac:dyDescent="0.15">
      <c r="A113" s="5">
        <v>89</v>
      </c>
      <c r="B113" s="22">
        <v>4</v>
      </c>
      <c r="C113" s="14">
        <v>9</v>
      </c>
      <c r="D113" s="18">
        <v>13</v>
      </c>
    </row>
    <row r="114" spans="1:4" ht="18" customHeight="1" x14ac:dyDescent="0.15">
      <c r="A114" s="5" t="s">
        <v>37</v>
      </c>
      <c r="B114" s="22">
        <v>19</v>
      </c>
      <c r="C114" s="14">
        <v>36</v>
      </c>
      <c r="D114" s="18">
        <v>55</v>
      </c>
    </row>
    <row r="115" spans="1:4" ht="18" customHeight="1" x14ac:dyDescent="0.15">
      <c r="A115" s="5">
        <v>90</v>
      </c>
      <c r="B115" s="22">
        <v>7</v>
      </c>
      <c r="C115" s="14">
        <v>9</v>
      </c>
      <c r="D115" s="18">
        <v>16</v>
      </c>
    </row>
    <row r="116" spans="1:4" ht="18" customHeight="1" x14ac:dyDescent="0.15">
      <c r="A116" s="5">
        <v>91</v>
      </c>
      <c r="B116" s="22">
        <v>2</v>
      </c>
      <c r="C116" s="14">
        <v>6</v>
      </c>
      <c r="D116" s="18">
        <v>8</v>
      </c>
    </row>
    <row r="117" spans="1:4" ht="18" customHeight="1" x14ac:dyDescent="0.15">
      <c r="A117" s="5">
        <v>92</v>
      </c>
      <c r="B117" s="22">
        <v>0</v>
      </c>
      <c r="C117" s="14">
        <v>8</v>
      </c>
      <c r="D117" s="18">
        <v>8</v>
      </c>
    </row>
    <row r="118" spans="1:4" ht="18" customHeight="1" x14ac:dyDescent="0.15">
      <c r="A118" s="5">
        <v>93</v>
      </c>
      <c r="B118" s="22">
        <v>3</v>
      </c>
      <c r="C118" s="14">
        <v>5</v>
      </c>
      <c r="D118" s="18">
        <v>8</v>
      </c>
    </row>
    <row r="119" spans="1:4" ht="18" customHeight="1" x14ac:dyDescent="0.15">
      <c r="A119" s="5">
        <v>94</v>
      </c>
      <c r="B119" s="22">
        <v>2</v>
      </c>
      <c r="C119" s="14">
        <v>2</v>
      </c>
      <c r="D119" s="18">
        <v>4</v>
      </c>
    </row>
    <row r="120" spans="1:4" ht="18" customHeight="1" x14ac:dyDescent="0.15">
      <c r="A120" s="5" t="s">
        <v>39</v>
      </c>
      <c r="B120" s="22">
        <v>14</v>
      </c>
      <c r="C120" s="14">
        <v>30</v>
      </c>
      <c r="D120" s="18">
        <v>44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0</v>
      </c>
      <c r="C122" s="14">
        <v>3</v>
      </c>
      <c r="D122" s="18">
        <v>3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0</v>
      </c>
      <c r="C126" s="14">
        <v>10</v>
      </c>
      <c r="D126" s="18">
        <v>10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221</v>
      </c>
      <c r="C130" s="14">
        <v>266</v>
      </c>
      <c r="D130" s="18">
        <v>487</v>
      </c>
    </row>
    <row r="131" spans="1:4" ht="18" customHeight="1" x14ac:dyDescent="0.15">
      <c r="A131" s="7" t="s">
        <v>45</v>
      </c>
      <c r="B131" s="23">
        <v>580</v>
      </c>
      <c r="C131" s="15">
        <v>600</v>
      </c>
      <c r="D131" s="19">
        <v>118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F00-000000000000}">
  <sheetPr codeName="Sheet9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6</v>
      </c>
      <c r="C5" s="29">
        <v>14</v>
      </c>
      <c r="D5" s="31">
        <v>30</v>
      </c>
    </row>
    <row r="6" spans="1:4" ht="18" customHeight="1" x14ac:dyDescent="0.15">
      <c r="A6" s="5">
        <v>1</v>
      </c>
      <c r="B6" s="27">
        <v>17</v>
      </c>
      <c r="C6" s="14">
        <v>17</v>
      </c>
      <c r="D6" s="18">
        <v>34</v>
      </c>
    </row>
    <row r="7" spans="1:4" ht="18" customHeight="1" x14ac:dyDescent="0.15">
      <c r="A7" s="5">
        <v>2</v>
      </c>
      <c r="B7" s="27">
        <v>21</v>
      </c>
      <c r="C7" s="14">
        <v>23</v>
      </c>
      <c r="D7" s="18">
        <v>44</v>
      </c>
    </row>
    <row r="8" spans="1:4" ht="18" customHeight="1" x14ac:dyDescent="0.15">
      <c r="A8" s="5">
        <v>3</v>
      </c>
      <c r="B8" s="27">
        <v>12</v>
      </c>
      <c r="C8" s="14">
        <v>25</v>
      </c>
      <c r="D8" s="18">
        <v>37</v>
      </c>
    </row>
    <row r="9" spans="1:4" ht="18" customHeight="1" x14ac:dyDescent="0.15">
      <c r="A9" s="5">
        <v>4</v>
      </c>
      <c r="B9" s="28">
        <v>20</v>
      </c>
      <c r="C9" s="30">
        <v>25</v>
      </c>
      <c r="D9" s="32">
        <v>45</v>
      </c>
    </row>
    <row r="10" spans="1:4" ht="18" customHeight="1" x14ac:dyDescent="0.15">
      <c r="A10" s="5" t="s">
        <v>7</v>
      </c>
      <c r="B10" s="22">
        <v>86</v>
      </c>
      <c r="C10" s="14">
        <v>104</v>
      </c>
      <c r="D10" s="18">
        <v>190</v>
      </c>
    </row>
    <row r="11" spans="1:4" ht="18" customHeight="1" x14ac:dyDescent="0.15">
      <c r="A11" s="5">
        <v>5</v>
      </c>
      <c r="B11" s="27">
        <v>17</v>
      </c>
      <c r="C11" s="14">
        <v>25</v>
      </c>
      <c r="D11" s="18">
        <v>42</v>
      </c>
    </row>
    <row r="12" spans="1:4" ht="18" customHeight="1" x14ac:dyDescent="0.15">
      <c r="A12" s="5">
        <v>6</v>
      </c>
      <c r="B12" s="27">
        <v>27</v>
      </c>
      <c r="C12" s="14">
        <v>22</v>
      </c>
      <c r="D12" s="18">
        <v>49</v>
      </c>
    </row>
    <row r="13" spans="1:4" ht="18" customHeight="1" x14ac:dyDescent="0.15">
      <c r="A13" s="5">
        <v>7</v>
      </c>
      <c r="B13" s="27">
        <v>17</v>
      </c>
      <c r="C13" s="14">
        <v>18</v>
      </c>
      <c r="D13" s="18">
        <v>35</v>
      </c>
    </row>
    <row r="14" spans="1:4" ht="18" customHeight="1" x14ac:dyDescent="0.15">
      <c r="A14" s="5">
        <v>8</v>
      </c>
      <c r="B14" s="27">
        <v>19</v>
      </c>
      <c r="C14" s="14">
        <v>18</v>
      </c>
      <c r="D14" s="18">
        <v>37</v>
      </c>
    </row>
    <row r="15" spans="1:4" ht="18" customHeight="1" x14ac:dyDescent="0.15">
      <c r="A15" s="5">
        <v>9</v>
      </c>
      <c r="B15" s="27">
        <v>29</v>
      </c>
      <c r="C15" s="14">
        <v>22</v>
      </c>
      <c r="D15" s="18">
        <v>51</v>
      </c>
    </row>
    <row r="16" spans="1:4" ht="18" customHeight="1" x14ac:dyDescent="0.15">
      <c r="A16" s="5" t="s">
        <v>11</v>
      </c>
      <c r="B16" s="22">
        <v>109</v>
      </c>
      <c r="C16" s="14">
        <v>105</v>
      </c>
      <c r="D16" s="18">
        <v>214</v>
      </c>
    </row>
    <row r="17" spans="1:4" ht="18" customHeight="1" x14ac:dyDescent="0.15">
      <c r="A17" s="5">
        <v>10</v>
      </c>
      <c r="B17" s="22">
        <v>28</v>
      </c>
      <c r="C17" s="14">
        <v>12</v>
      </c>
      <c r="D17" s="18">
        <v>40</v>
      </c>
    </row>
    <row r="18" spans="1:4" ht="18" customHeight="1" x14ac:dyDescent="0.15">
      <c r="A18" s="5">
        <v>11</v>
      </c>
      <c r="B18" s="22">
        <v>17</v>
      </c>
      <c r="C18" s="14">
        <v>18</v>
      </c>
      <c r="D18" s="18">
        <v>35</v>
      </c>
    </row>
    <row r="19" spans="1:4" ht="18" customHeight="1" x14ac:dyDescent="0.15">
      <c r="A19" s="5">
        <v>12</v>
      </c>
      <c r="B19" s="22">
        <v>23</v>
      </c>
      <c r="C19" s="14">
        <v>14</v>
      </c>
      <c r="D19" s="18">
        <v>37</v>
      </c>
    </row>
    <row r="20" spans="1:4" ht="18" customHeight="1" x14ac:dyDescent="0.15">
      <c r="A20" s="5">
        <v>13</v>
      </c>
      <c r="B20" s="22">
        <v>25</v>
      </c>
      <c r="C20" s="14">
        <v>17</v>
      </c>
      <c r="D20" s="18">
        <v>42</v>
      </c>
    </row>
    <row r="21" spans="1:4" ht="18" customHeight="1" x14ac:dyDescent="0.15">
      <c r="A21" s="5">
        <v>14</v>
      </c>
      <c r="B21" s="22">
        <v>15</v>
      </c>
      <c r="C21" s="14">
        <v>26</v>
      </c>
      <c r="D21" s="18">
        <v>41</v>
      </c>
    </row>
    <row r="22" spans="1:4" ht="18" customHeight="1" x14ac:dyDescent="0.15">
      <c r="A22" s="5" t="s">
        <v>12</v>
      </c>
      <c r="B22" s="22">
        <v>108</v>
      </c>
      <c r="C22" s="14">
        <v>87</v>
      </c>
      <c r="D22" s="18">
        <v>195</v>
      </c>
    </row>
    <row r="23" spans="1:4" ht="18" customHeight="1" x14ac:dyDescent="0.15">
      <c r="A23" s="5" t="s">
        <v>6</v>
      </c>
      <c r="B23" s="22">
        <v>303</v>
      </c>
      <c r="C23" s="14">
        <v>296</v>
      </c>
      <c r="D23" s="18">
        <v>599</v>
      </c>
    </row>
    <row r="24" spans="1:4" ht="18" customHeight="1" x14ac:dyDescent="0.15">
      <c r="A24" s="5">
        <v>15</v>
      </c>
      <c r="B24" s="22">
        <v>27</v>
      </c>
      <c r="C24" s="14">
        <v>28</v>
      </c>
      <c r="D24" s="18">
        <v>55</v>
      </c>
    </row>
    <row r="25" spans="1:4" ht="18" customHeight="1" x14ac:dyDescent="0.15">
      <c r="A25" s="5">
        <v>16</v>
      </c>
      <c r="B25" s="22">
        <v>22</v>
      </c>
      <c r="C25" s="14">
        <v>13</v>
      </c>
      <c r="D25" s="18">
        <v>35</v>
      </c>
    </row>
    <row r="26" spans="1:4" ht="18" customHeight="1" x14ac:dyDescent="0.15">
      <c r="A26" s="5">
        <v>17</v>
      </c>
      <c r="B26" s="22">
        <v>33</v>
      </c>
      <c r="C26" s="14">
        <v>15</v>
      </c>
      <c r="D26" s="18">
        <v>48</v>
      </c>
    </row>
    <row r="27" spans="1:4" ht="18" customHeight="1" x14ac:dyDescent="0.15">
      <c r="A27" s="5">
        <v>18</v>
      </c>
      <c r="B27" s="22">
        <v>13</v>
      </c>
      <c r="C27" s="14">
        <v>18</v>
      </c>
      <c r="D27" s="18">
        <v>31</v>
      </c>
    </row>
    <row r="28" spans="1:4" ht="18" customHeight="1" x14ac:dyDescent="0.15">
      <c r="A28" s="5">
        <v>19</v>
      </c>
      <c r="B28" s="22">
        <v>17</v>
      </c>
      <c r="C28" s="14">
        <v>20</v>
      </c>
      <c r="D28" s="18">
        <v>37</v>
      </c>
    </row>
    <row r="29" spans="1:4" ht="18" customHeight="1" x14ac:dyDescent="0.15">
      <c r="A29" s="5" t="s">
        <v>14</v>
      </c>
      <c r="B29" s="22">
        <v>112</v>
      </c>
      <c r="C29" s="14">
        <v>94</v>
      </c>
      <c r="D29" s="18">
        <v>206</v>
      </c>
    </row>
    <row r="30" spans="1:4" ht="18" customHeight="1" x14ac:dyDescent="0.15">
      <c r="A30" s="5">
        <v>20</v>
      </c>
      <c r="B30" s="22">
        <v>21</v>
      </c>
      <c r="C30" s="14">
        <v>18</v>
      </c>
      <c r="D30" s="18">
        <v>39</v>
      </c>
    </row>
    <row r="31" spans="1:4" ht="18" customHeight="1" x14ac:dyDescent="0.15">
      <c r="A31" s="5">
        <v>21</v>
      </c>
      <c r="B31" s="22">
        <v>23</v>
      </c>
      <c r="C31" s="14">
        <v>19</v>
      </c>
      <c r="D31" s="18">
        <v>42</v>
      </c>
    </row>
    <row r="32" spans="1:4" ht="18" customHeight="1" x14ac:dyDescent="0.15">
      <c r="A32" s="5">
        <v>22</v>
      </c>
      <c r="B32" s="22">
        <v>22</v>
      </c>
      <c r="C32" s="14">
        <v>24</v>
      </c>
      <c r="D32" s="18">
        <v>46</v>
      </c>
    </row>
    <row r="33" spans="1:4" ht="18" customHeight="1" x14ac:dyDescent="0.15">
      <c r="A33" s="5">
        <v>23</v>
      </c>
      <c r="B33" s="22">
        <v>17</v>
      </c>
      <c r="C33" s="14">
        <v>23</v>
      </c>
      <c r="D33" s="18">
        <v>40</v>
      </c>
    </row>
    <row r="34" spans="1:4" ht="18" customHeight="1" x14ac:dyDescent="0.15">
      <c r="A34" s="5">
        <v>24</v>
      </c>
      <c r="B34" s="22">
        <v>21</v>
      </c>
      <c r="C34" s="14">
        <v>24</v>
      </c>
      <c r="D34" s="18">
        <v>45</v>
      </c>
    </row>
    <row r="35" spans="1:4" ht="18" customHeight="1" x14ac:dyDescent="0.15">
      <c r="A35" s="5" t="s">
        <v>9</v>
      </c>
      <c r="B35" s="22">
        <v>104</v>
      </c>
      <c r="C35" s="14">
        <v>108</v>
      </c>
      <c r="D35" s="18">
        <v>212</v>
      </c>
    </row>
    <row r="36" spans="1:4" ht="18" customHeight="1" x14ac:dyDescent="0.15">
      <c r="A36" s="5">
        <v>25</v>
      </c>
      <c r="B36" s="22">
        <v>31</v>
      </c>
      <c r="C36" s="14">
        <v>20</v>
      </c>
      <c r="D36" s="18">
        <v>51</v>
      </c>
    </row>
    <row r="37" spans="1:4" ht="18" customHeight="1" x14ac:dyDescent="0.15">
      <c r="A37" s="5">
        <v>26</v>
      </c>
      <c r="B37" s="22">
        <v>26</v>
      </c>
      <c r="C37" s="14">
        <v>25</v>
      </c>
      <c r="D37" s="18">
        <v>51</v>
      </c>
    </row>
    <row r="38" spans="1:4" ht="18" customHeight="1" x14ac:dyDescent="0.15">
      <c r="A38" s="5">
        <v>27</v>
      </c>
      <c r="B38" s="22">
        <v>13</v>
      </c>
      <c r="C38" s="14">
        <v>25</v>
      </c>
      <c r="D38" s="18">
        <v>38</v>
      </c>
    </row>
    <row r="39" spans="1:4" ht="18" customHeight="1" x14ac:dyDescent="0.15">
      <c r="A39" s="5">
        <v>28</v>
      </c>
      <c r="B39" s="22">
        <v>22</v>
      </c>
      <c r="C39" s="14">
        <v>16</v>
      </c>
      <c r="D39" s="18">
        <v>38</v>
      </c>
    </row>
    <row r="40" spans="1:4" ht="18" customHeight="1" x14ac:dyDescent="0.15">
      <c r="A40" s="5">
        <v>29</v>
      </c>
      <c r="B40" s="22">
        <v>28</v>
      </c>
      <c r="C40" s="14">
        <v>24</v>
      </c>
      <c r="D40" s="18">
        <v>52</v>
      </c>
    </row>
    <row r="41" spans="1:4" ht="18" customHeight="1" x14ac:dyDescent="0.15">
      <c r="A41" s="5" t="s">
        <v>2</v>
      </c>
      <c r="B41" s="22">
        <v>120</v>
      </c>
      <c r="C41" s="14">
        <v>110</v>
      </c>
      <c r="D41" s="18">
        <v>230</v>
      </c>
    </row>
    <row r="42" spans="1:4" ht="18" customHeight="1" x14ac:dyDescent="0.15">
      <c r="A42" s="5">
        <v>30</v>
      </c>
      <c r="B42" s="22">
        <v>21</v>
      </c>
      <c r="C42" s="14">
        <v>26</v>
      </c>
      <c r="D42" s="18">
        <v>47</v>
      </c>
    </row>
    <row r="43" spans="1:4" ht="18" customHeight="1" x14ac:dyDescent="0.15">
      <c r="A43" s="5">
        <v>31</v>
      </c>
      <c r="B43" s="22">
        <v>25</v>
      </c>
      <c r="C43" s="14">
        <v>22</v>
      </c>
      <c r="D43" s="18">
        <v>47</v>
      </c>
    </row>
    <row r="44" spans="1:4" ht="18" customHeight="1" x14ac:dyDescent="0.15">
      <c r="A44" s="5">
        <v>32</v>
      </c>
      <c r="B44" s="22">
        <v>25</v>
      </c>
      <c r="C44" s="14">
        <v>17</v>
      </c>
      <c r="D44" s="18">
        <v>42</v>
      </c>
    </row>
    <row r="45" spans="1:4" ht="18" customHeight="1" x14ac:dyDescent="0.15">
      <c r="A45" s="5">
        <v>33</v>
      </c>
      <c r="B45" s="22">
        <v>24</v>
      </c>
      <c r="C45" s="14">
        <v>18</v>
      </c>
      <c r="D45" s="18">
        <v>42</v>
      </c>
    </row>
    <row r="46" spans="1:4" ht="18" customHeight="1" x14ac:dyDescent="0.15">
      <c r="A46" s="5">
        <v>34</v>
      </c>
      <c r="B46" s="22">
        <v>32</v>
      </c>
      <c r="C46" s="14">
        <v>24</v>
      </c>
      <c r="D46" s="18">
        <v>56</v>
      </c>
    </row>
    <row r="47" spans="1:4" ht="18" customHeight="1" x14ac:dyDescent="0.15">
      <c r="A47" s="5" t="s">
        <v>15</v>
      </c>
      <c r="B47" s="22">
        <v>127</v>
      </c>
      <c r="C47" s="14">
        <v>107</v>
      </c>
      <c r="D47" s="18">
        <v>234</v>
      </c>
    </row>
    <row r="48" spans="1:4" ht="18" customHeight="1" x14ac:dyDescent="0.15">
      <c r="A48" s="5">
        <v>35</v>
      </c>
      <c r="B48" s="22">
        <v>31</v>
      </c>
      <c r="C48" s="14">
        <v>29</v>
      </c>
      <c r="D48" s="18">
        <v>60</v>
      </c>
    </row>
    <row r="49" spans="1:4" ht="18" customHeight="1" x14ac:dyDescent="0.15">
      <c r="A49" s="5">
        <v>36</v>
      </c>
      <c r="B49" s="22">
        <v>23</v>
      </c>
      <c r="C49" s="14">
        <v>30</v>
      </c>
      <c r="D49" s="18">
        <v>53</v>
      </c>
    </row>
    <row r="50" spans="1:4" ht="18" customHeight="1" x14ac:dyDescent="0.15">
      <c r="A50" s="5">
        <v>37</v>
      </c>
      <c r="B50" s="22">
        <v>31</v>
      </c>
      <c r="C50" s="14">
        <v>36</v>
      </c>
      <c r="D50" s="18">
        <v>67</v>
      </c>
    </row>
    <row r="51" spans="1:4" ht="18" customHeight="1" x14ac:dyDescent="0.15">
      <c r="A51" s="5">
        <v>38</v>
      </c>
      <c r="B51" s="22">
        <v>19</v>
      </c>
      <c r="C51" s="14">
        <v>24</v>
      </c>
      <c r="D51" s="18">
        <v>43</v>
      </c>
    </row>
    <row r="52" spans="1:4" ht="18" customHeight="1" x14ac:dyDescent="0.15">
      <c r="A52" s="5">
        <v>39</v>
      </c>
      <c r="B52" s="22">
        <v>22</v>
      </c>
      <c r="C52" s="14">
        <v>26</v>
      </c>
      <c r="D52" s="18">
        <v>48</v>
      </c>
    </row>
    <row r="53" spans="1:4" ht="18" customHeight="1" x14ac:dyDescent="0.15">
      <c r="A53" s="5" t="s">
        <v>18</v>
      </c>
      <c r="B53" s="22">
        <v>126</v>
      </c>
      <c r="C53" s="14">
        <v>145</v>
      </c>
      <c r="D53" s="18">
        <v>271</v>
      </c>
    </row>
    <row r="54" spans="1:4" ht="18" customHeight="1" x14ac:dyDescent="0.15">
      <c r="A54" s="5">
        <v>40</v>
      </c>
      <c r="B54" s="22">
        <v>20</v>
      </c>
      <c r="C54" s="14">
        <v>26</v>
      </c>
      <c r="D54" s="18">
        <v>46</v>
      </c>
    </row>
    <row r="55" spans="1:4" ht="18" customHeight="1" x14ac:dyDescent="0.15">
      <c r="A55" s="5">
        <v>41</v>
      </c>
      <c r="B55" s="22">
        <v>33</v>
      </c>
      <c r="C55" s="14">
        <v>25</v>
      </c>
      <c r="D55" s="18">
        <v>58</v>
      </c>
    </row>
    <row r="56" spans="1:4" ht="18" customHeight="1" x14ac:dyDescent="0.15">
      <c r="A56" s="5">
        <v>42</v>
      </c>
      <c r="B56" s="22">
        <v>34</v>
      </c>
      <c r="C56" s="14">
        <v>33</v>
      </c>
      <c r="D56" s="18">
        <v>67</v>
      </c>
    </row>
    <row r="57" spans="1:4" ht="18" customHeight="1" x14ac:dyDescent="0.15">
      <c r="A57" s="5">
        <v>43</v>
      </c>
      <c r="B57" s="22">
        <v>35</v>
      </c>
      <c r="C57" s="14">
        <v>24</v>
      </c>
      <c r="D57" s="18">
        <v>59</v>
      </c>
    </row>
    <row r="58" spans="1:4" ht="18" customHeight="1" x14ac:dyDescent="0.15">
      <c r="A58" s="5">
        <v>44</v>
      </c>
      <c r="B58" s="22">
        <v>30</v>
      </c>
      <c r="C58" s="14">
        <v>25</v>
      </c>
      <c r="D58" s="18">
        <v>55</v>
      </c>
    </row>
    <row r="59" spans="1:4" ht="18" customHeight="1" x14ac:dyDescent="0.15">
      <c r="A59" s="5" t="s">
        <v>21</v>
      </c>
      <c r="B59" s="22">
        <v>152</v>
      </c>
      <c r="C59" s="14">
        <v>133</v>
      </c>
      <c r="D59" s="18">
        <v>285</v>
      </c>
    </row>
    <row r="60" spans="1:4" ht="18" customHeight="1" x14ac:dyDescent="0.15">
      <c r="A60" s="5">
        <v>45</v>
      </c>
      <c r="B60" s="22">
        <v>24</v>
      </c>
      <c r="C60" s="14">
        <v>33</v>
      </c>
      <c r="D60" s="18">
        <v>57</v>
      </c>
    </row>
    <row r="61" spans="1:4" ht="18" customHeight="1" x14ac:dyDescent="0.15">
      <c r="A61" s="5">
        <v>46</v>
      </c>
      <c r="B61" s="22">
        <v>28</v>
      </c>
      <c r="C61" s="14">
        <v>13</v>
      </c>
      <c r="D61" s="18">
        <v>41</v>
      </c>
    </row>
    <row r="62" spans="1:4" ht="18" customHeight="1" x14ac:dyDescent="0.15">
      <c r="A62" s="5">
        <v>47</v>
      </c>
      <c r="B62" s="22">
        <v>37</v>
      </c>
      <c r="C62" s="14">
        <v>33</v>
      </c>
      <c r="D62" s="18">
        <v>70</v>
      </c>
    </row>
    <row r="63" spans="1:4" ht="18" customHeight="1" x14ac:dyDescent="0.15">
      <c r="A63" s="5">
        <v>48</v>
      </c>
      <c r="B63" s="22">
        <v>37</v>
      </c>
      <c r="C63" s="14">
        <v>48</v>
      </c>
      <c r="D63" s="18">
        <v>85</v>
      </c>
    </row>
    <row r="64" spans="1:4" ht="18" customHeight="1" x14ac:dyDescent="0.15">
      <c r="A64" s="5">
        <v>49</v>
      </c>
      <c r="B64" s="22">
        <v>35</v>
      </c>
      <c r="C64" s="14">
        <v>22</v>
      </c>
      <c r="D64" s="18">
        <v>57</v>
      </c>
    </row>
    <row r="65" spans="1:4" ht="18" customHeight="1" x14ac:dyDescent="0.15">
      <c r="A65" s="5" t="s">
        <v>17</v>
      </c>
      <c r="B65" s="22">
        <v>161</v>
      </c>
      <c r="C65" s="14">
        <v>149</v>
      </c>
      <c r="D65" s="18">
        <v>310</v>
      </c>
    </row>
    <row r="66" spans="1:4" ht="18" customHeight="1" x14ac:dyDescent="0.15">
      <c r="A66" s="5">
        <v>50</v>
      </c>
      <c r="B66" s="22">
        <v>41</v>
      </c>
      <c r="C66" s="14">
        <v>34</v>
      </c>
      <c r="D66" s="18">
        <v>75</v>
      </c>
    </row>
    <row r="67" spans="1:4" ht="18" customHeight="1" x14ac:dyDescent="0.15">
      <c r="A67" s="5">
        <v>51</v>
      </c>
      <c r="B67" s="22">
        <v>28</v>
      </c>
      <c r="C67" s="14">
        <v>34</v>
      </c>
      <c r="D67" s="18">
        <v>62</v>
      </c>
    </row>
    <row r="68" spans="1:4" ht="18" customHeight="1" x14ac:dyDescent="0.15">
      <c r="A68" s="5">
        <v>52</v>
      </c>
      <c r="B68" s="22">
        <v>46</v>
      </c>
      <c r="C68" s="14">
        <v>38</v>
      </c>
      <c r="D68" s="18">
        <v>84</v>
      </c>
    </row>
    <row r="69" spans="1:4" ht="18" customHeight="1" x14ac:dyDescent="0.15">
      <c r="A69" s="5">
        <v>53</v>
      </c>
      <c r="B69" s="22">
        <v>33</v>
      </c>
      <c r="C69" s="14">
        <v>35</v>
      </c>
      <c r="D69" s="18">
        <v>68</v>
      </c>
    </row>
    <row r="70" spans="1:4" ht="18" customHeight="1" x14ac:dyDescent="0.15">
      <c r="A70" s="5">
        <v>54</v>
      </c>
      <c r="B70" s="22">
        <v>41</v>
      </c>
      <c r="C70" s="14">
        <v>36</v>
      </c>
      <c r="D70" s="18">
        <v>77</v>
      </c>
    </row>
    <row r="71" spans="1:4" ht="18" customHeight="1" x14ac:dyDescent="0.15">
      <c r="A71" s="5" t="s">
        <v>22</v>
      </c>
      <c r="B71" s="22">
        <v>189</v>
      </c>
      <c r="C71" s="14">
        <v>177</v>
      </c>
      <c r="D71" s="18">
        <v>366</v>
      </c>
    </row>
    <row r="72" spans="1:4" ht="18" customHeight="1" x14ac:dyDescent="0.15">
      <c r="A72" s="5">
        <v>55</v>
      </c>
      <c r="B72" s="22">
        <v>29</v>
      </c>
      <c r="C72" s="14">
        <v>31</v>
      </c>
      <c r="D72" s="18">
        <v>60</v>
      </c>
    </row>
    <row r="73" spans="1:4" ht="18" customHeight="1" x14ac:dyDescent="0.15">
      <c r="A73" s="5">
        <v>56</v>
      </c>
      <c r="B73" s="22">
        <v>39</v>
      </c>
      <c r="C73" s="14">
        <v>42</v>
      </c>
      <c r="D73" s="18">
        <v>81</v>
      </c>
    </row>
    <row r="74" spans="1:4" ht="18" customHeight="1" x14ac:dyDescent="0.15">
      <c r="A74" s="5">
        <v>57</v>
      </c>
      <c r="B74" s="22">
        <v>34</v>
      </c>
      <c r="C74" s="14">
        <v>41</v>
      </c>
      <c r="D74" s="18">
        <v>75</v>
      </c>
    </row>
    <row r="75" spans="1:4" ht="18" customHeight="1" x14ac:dyDescent="0.15">
      <c r="A75" s="5">
        <v>58</v>
      </c>
      <c r="B75" s="22">
        <v>47</v>
      </c>
      <c r="C75" s="14">
        <v>42</v>
      </c>
      <c r="D75" s="18">
        <v>89</v>
      </c>
    </row>
    <row r="76" spans="1:4" ht="18" customHeight="1" x14ac:dyDescent="0.15">
      <c r="A76" s="5">
        <v>59</v>
      </c>
      <c r="B76" s="22">
        <v>37</v>
      </c>
      <c r="C76" s="14">
        <v>43</v>
      </c>
      <c r="D76" s="18">
        <v>80</v>
      </c>
    </row>
    <row r="77" spans="1:4" ht="18" customHeight="1" x14ac:dyDescent="0.15">
      <c r="A77" s="5" t="s">
        <v>27</v>
      </c>
      <c r="B77" s="22">
        <v>186</v>
      </c>
      <c r="C77" s="14">
        <v>199</v>
      </c>
      <c r="D77" s="18">
        <v>385</v>
      </c>
    </row>
    <row r="78" spans="1:4" ht="18" customHeight="1" x14ac:dyDescent="0.15">
      <c r="A78" s="5">
        <v>60</v>
      </c>
      <c r="B78" s="22">
        <v>28</v>
      </c>
      <c r="C78" s="14">
        <v>31</v>
      </c>
      <c r="D78" s="18">
        <v>59</v>
      </c>
    </row>
    <row r="79" spans="1:4" ht="18" customHeight="1" x14ac:dyDescent="0.15">
      <c r="A79" s="5">
        <v>61</v>
      </c>
      <c r="B79" s="22">
        <v>37</v>
      </c>
      <c r="C79" s="14">
        <v>42</v>
      </c>
      <c r="D79" s="18">
        <v>79</v>
      </c>
    </row>
    <row r="80" spans="1:4" ht="18" customHeight="1" x14ac:dyDescent="0.15">
      <c r="A80" s="5">
        <v>62</v>
      </c>
      <c r="B80" s="22">
        <v>36</v>
      </c>
      <c r="C80" s="14">
        <v>26</v>
      </c>
      <c r="D80" s="18">
        <v>62</v>
      </c>
    </row>
    <row r="81" spans="1:4" ht="18" customHeight="1" x14ac:dyDescent="0.15">
      <c r="A81" s="5">
        <v>63</v>
      </c>
      <c r="B81" s="22">
        <v>31</v>
      </c>
      <c r="C81" s="14">
        <v>34</v>
      </c>
      <c r="D81" s="18">
        <v>65</v>
      </c>
    </row>
    <row r="82" spans="1:4" ht="18" customHeight="1" x14ac:dyDescent="0.15">
      <c r="A82" s="5">
        <v>64</v>
      </c>
      <c r="B82" s="22">
        <v>28</v>
      </c>
      <c r="C82" s="14">
        <v>23</v>
      </c>
      <c r="D82" s="18">
        <v>51</v>
      </c>
    </row>
    <row r="83" spans="1:4" ht="18" customHeight="1" x14ac:dyDescent="0.15">
      <c r="A83" s="5" t="s">
        <v>28</v>
      </c>
      <c r="B83" s="22">
        <v>160</v>
      </c>
      <c r="C83" s="14">
        <v>156</v>
      </c>
      <c r="D83" s="18">
        <v>316</v>
      </c>
    </row>
    <row r="84" spans="1:4" ht="18" customHeight="1" x14ac:dyDescent="0.15">
      <c r="A84" s="5" t="s">
        <v>31</v>
      </c>
      <c r="B84" s="22">
        <v>1437</v>
      </c>
      <c r="C84" s="14">
        <v>1378</v>
      </c>
      <c r="D84" s="18">
        <v>2815</v>
      </c>
    </row>
    <row r="85" spans="1:4" ht="18" customHeight="1" x14ac:dyDescent="0.15">
      <c r="A85" s="5">
        <v>65</v>
      </c>
      <c r="B85" s="22">
        <v>29</v>
      </c>
      <c r="C85" s="14">
        <v>27</v>
      </c>
      <c r="D85" s="18">
        <v>56</v>
      </c>
    </row>
    <row r="86" spans="1:4" ht="18" customHeight="1" x14ac:dyDescent="0.15">
      <c r="A86" s="5">
        <v>66</v>
      </c>
      <c r="B86" s="22">
        <v>37</v>
      </c>
      <c r="C86" s="14">
        <v>34</v>
      </c>
      <c r="D86" s="18">
        <v>71</v>
      </c>
    </row>
    <row r="87" spans="1:4" ht="18" customHeight="1" x14ac:dyDescent="0.15">
      <c r="A87" s="5">
        <v>67</v>
      </c>
      <c r="B87" s="22">
        <v>27</v>
      </c>
      <c r="C87" s="14">
        <v>28</v>
      </c>
      <c r="D87" s="18">
        <v>55</v>
      </c>
    </row>
    <row r="88" spans="1:4" ht="18" customHeight="1" x14ac:dyDescent="0.15">
      <c r="A88" s="5">
        <v>68</v>
      </c>
      <c r="B88" s="22">
        <v>31</v>
      </c>
      <c r="C88" s="14">
        <v>34</v>
      </c>
      <c r="D88" s="18">
        <v>65</v>
      </c>
    </row>
    <row r="89" spans="1:4" ht="18" customHeight="1" x14ac:dyDescent="0.15">
      <c r="A89" s="5">
        <v>69</v>
      </c>
      <c r="B89" s="22">
        <v>16</v>
      </c>
      <c r="C89" s="14">
        <v>44</v>
      </c>
      <c r="D89" s="18">
        <v>60</v>
      </c>
    </row>
    <row r="90" spans="1:4" ht="18" customHeight="1" x14ac:dyDescent="0.15">
      <c r="A90" s="5" t="s">
        <v>20</v>
      </c>
      <c r="B90" s="22">
        <v>140</v>
      </c>
      <c r="C90" s="14">
        <v>167</v>
      </c>
      <c r="D90" s="18">
        <v>307</v>
      </c>
    </row>
    <row r="91" spans="1:4" ht="18" customHeight="1" x14ac:dyDescent="0.15">
      <c r="A91" s="5">
        <v>70</v>
      </c>
      <c r="B91" s="22">
        <v>34</v>
      </c>
      <c r="C91" s="14">
        <v>22</v>
      </c>
      <c r="D91" s="18">
        <v>56</v>
      </c>
    </row>
    <row r="92" spans="1:4" ht="18" customHeight="1" x14ac:dyDescent="0.15">
      <c r="A92" s="5">
        <v>71</v>
      </c>
      <c r="B92" s="22">
        <v>30</v>
      </c>
      <c r="C92" s="14">
        <v>43</v>
      </c>
      <c r="D92" s="18">
        <v>73</v>
      </c>
    </row>
    <row r="93" spans="1:4" ht="18" customHeight="1" x14ac:dyDescent="0.15">
      <c r="A93" s="5">
        <v>72</v>
      </c>
      <c r="B93" s="22">
        <v>31</v>
      </c>
      <c r="C93" s="14">
        <v>34</v>
      </c>
      <c r="D93" s="18">
        <v>65</v>
      </c>
    </row>
    <row r="94" spans="1:4" ht="18" customHeight="1" x14ac:dyDescent="0.15">
      <c r="A94" s="5">
        <v>73</v>
      </c>
      <c r="B94" s="22">
        <v>33</v>
      </c>
      <c r="C94" s="14">
        <v>31</v>
      </c>
      <c r="D94" s="18">
        <v>64</v>
      </c>
    </row>
    <row r="95" spans="1:4" ht="18" customHeight="1" x14ac:dyDescent="0.15">
      <c r="A95" s="5">
        <v>74</v>
      </c>
      <c r="B95" s="22">
        <v>25</v>
      </c>
      <c r="C95" s="14">
        <v>40</v>
      </c>
      <c r="D95" s="18">
        <v>65</v>
      </c>
    </row>
    <row r="96" spans="1:4" ht="18" customHeight="1" x14ac:dyDescent="0.15">
      <c r="A96" s="5" t="s">
        <v>33</v>
      </c>
      <c r="B96" s="22">
        <v>153</v>
      </c>
      <c r="C96" s="14">
        <v>170</v>
      </c>
      <c r="D96" s="18">
        <v>323</v>
      </c>
    </row>
    <row r="97" spans="1:4" ht="18" customHeight="1" x14ac:dyDescent="0.15">
      <c r="A97" s="5">
        <v>75</v>
      </c>
      <c r="B97" s="22">
        <v>28</v>
      </c>
      <c r="C97" s="14">
        <v>34</v>
      </c>
      <c r="D97" s="18">
        <v>62</v>
      </c>
    </row>
    <row r="98" spans="1:4" ht="18" customHeight="1" x14ac:dyDescent="0.15">
      <c r="A98" s="5">
        <v>76</v>
      </c>
      <c r="B98" s="22">
        <v>34</v>
      </c>
      <c r="C98" s="14">
        <v>44</v>
      </c>
      <c r="D98" s="18">
        <v>78</v>
      </c>
    </row>
    <row r="99" spans="1:4" ht="18" customHeight="1" x14ac:dyDescent="0.15">
      <c r="A99" s="5">
        <v>77</v>
      </c>
      <c r="B99" s="22">
        <v>39</v>
      </c>
      <c r="C99" s="14">
        <v>34</v>
      </c>
      <c r="D99" s="18">
        <v>73</v>
      </c>
    </row>
    <row r="100" spans="1:4" ht="18" customHeight="1" x14ac:dyDescent="0.15">
      <c r="A100" s="5">
        <v>78</v>
      </c>
      <c r="B100" s="22">
        <v>38</v>
      </c>
      <c r="C100" s="14">
        <v>39</v>
      </c>
      <c r="D100" s="18">
        <v>77</v>
      </c>
    </row>
    <row r="101" spans="1:4" ht="18" customHeight="1" x14ac:dyDescent="0.15">
      <c r="A101" s="5">
        <v>79</v>
      </c>
      <c r="B101" s="22">
        <v>20</v>
      </c>
      <c r="C101" s="14">
        <v>29</v>
      </c>
      <c r="D101" s="18">
        <v>49</v>
      </c>
    </row>
    <row r="102" spans="1:4" ht="18" customHeight="1" x14ac:dyDescent="0.15">
      <c r="A102" s="5" t="s">
        <v>0</v>
      </c>
      <c r="B102" s="22">
        <v>159</v>
      </c>
      <c r="C102" s="14">
        <v>180</v>
      </c>
      <c r="D102" s="18">
        <v>339</v>
      </c>
    </row>
    <row r="103" spans="1:4" ht="18" customHeight="1" x14ac:dyDescent="0.15">
      <c r="A103" s="5">
        <v>80</v>
      </c>
      <c r="B103" s="22">
        <v>19</v>
      </c>
      <c r="C103" s="14">
        <v>16</v>
      </c>
      <c r="D103" s="18">
        <v>35</v>
      </c>
    </row>
    <row r="104" spans="1:4" ht="18" customHeight="1" x14ac:dyDescent="0.15">
      <c r="A104" s="5">
        <v>81</v>
      </c>
      <c r="B104" s="22">
        <v>16</v>
      </c>
      <c r="C104" s="14">
        <v>24</v>
      </c>
      <c r="D104" s="18">
        <v>40</v>
      </c>
    </row>
    <row r="105" spans="1:4" ht="18" customHeight="1" x14ac:dyDescent="0.15">
      <c r="A105" s="5">
        <v>82</v>
      </c>
      <c r="B105" s="22">
        <v>19</v>
      </c>
      <c r="C105" s="14">
        <v>31</v>
      </c>
      <c r="D105" s="18">
        <v>50</v>
      </c>
    </row>
    <row r="106" spans="1:4" ht="18" customHeight="1" x14ac:dyDescent="0.15">
      <c r="A106" s="5">
        <v>83</v>
      </c>
      <c r="B106" s="22">
        <v>14</v>
      </c>
      <c r="C106" s="14">
        <v>23</v>
      </c>
      <c r="D106" s="18">
        <v>37</v>
      </c>
    </row>
    <row r="107" spans="1:4" ht="18" customHeight="1" x14ac:dyDescent="0.15">
      <c r="A107" s="5">
        <v>84</v>
      </c>
      <c r="B107" s="22">
        <v>16</v>
      </c>
      <c r="C107" s="14">
        <v>35</v>
      </c>
      <c r="D107" s="18">
        <v>51</v>
      </c>
    </row>
    <row r="108" spans="1:4" ht="18" customHeight="1" x14ac:dyDescent="0.15">
      <c r="A108" s="5" t="s">
        <v>35</v>
      </c>
      <c r="B108" s="22">
        <v>84</v>
      </c>
      <c r="C108" s="14">
        <v>129</v>
      </c>
      <c r="D108" s="18">
        <v>213</v>
      </c>
    </row>
    <row r="109" spans="1:4" ht="18" customHeight="1" x14ac:dyDescent="0.15">
      <c r="A109" s="5">
        <v>85</v>
      </c>
      <c r="B109" s="22">
        <v>12</v>
      </c>
      <c r="C109" s="14">
        <v>28</v>
      </c>
      <c r="D109" s="18">
        <v>40</v>
      </c>
    </row>
    <row r="110" spans="1:4" ht="18" customHeight="1" x14ac:dyDescent="0.15">
      <c r="A110" s="5">
        <v>86</v>
      </c>
      <c r="B110" s="22">
        <v>11</v>
      </c>
      <c r="C110" s="14">
        <v>22</v>
      </c>
      <c r="D110" s="18">
        <v>33</v>
      </c>
    </row>
    <row r="111" spans="1:4" ht="18" customHeight="1" x14ac:dyDescent="0.15">
      <c r="A111" s="5">
        <v>87</v>
      </c>
      <c r="B111" s="22">
        <v>11</v>
      </c>
      <c r="C111" s="14">
        <v>19</v>
      </c>
      <c r="D111" s="18">
        <v>30</v>
      </c>
    </row>
    <row r="112" spans="1:4" ht="18" customHeight="1" x14ac:dyDescent="0.15">
      <c r="A112" s="5">
        <v>88</v>
      </c>
      <c r="B112" s="22">
        <v>19</v>
      </c>
      <c r="C112" s="14">
        <v>21</v>
      </c>
      <c r="D112" s="18">
        <v>40</v>
      </c>
    </row>
    <row r="113" spans="1:4" ht="18" customHeight="1" x14ac:dyDescent="0.15">
      <c r="A113" s="5">
        <v>89</v>
      </c>
      <c r="B113" s="22">
        <v>11</v>
      </c>
      <c r="C113" s="14">
        <v>19</v>
      </c>
      <c r="D113" s="18">
        <v>30</v>
      </c>
    </row>
    <row r="114" spans="1:4" ht="18" customHeight="1" x14ac:dyDescent="0.15">
      <c r="A114" s="5" t="s">
        <v>37</v>
      </c>
      <c r="B114" s="22">
        <v>64</v>
      </c>
      <c r="C114" s="14">
        <v>109</v>
      </c>
      <c r="D114" s="18">
        <v>173</v>
      </c>
    </row>
    <row r="115" spans="1:4" ht="18" customHeight="1" x14ac:dyDescent="0.15">
      <c r="A115" s="5">
        <v>90</v>
      </c>
      <c r="B115" s="22">
        <v>10</v>
      </c>
      <c r="C115" s="14">
        <v>19</v>
      </c>
      <c r="D115" s="18">
        <v>29</v>
      </c>
    </row>
    <row r="116" spans="1:4" ht="18" customHeight="1" x14ac:dyDescent="0.15">
      <c r="A116" s="5">
        <v>91</v>
      </c>
      <c r="B116" s="22">
        <v>5</v>
      </c>
      <c r="C116" s="14">
        <v>19</v>
      </c>
      <c r="D116" s="18">
        <v>24</v>
      </c>
    </row>
    <row r="117" spans="1:4" ht="18" customHeight="1" x14ac:dyDescent="0.15">
      <c r="A117" s="5">
        <v>92</v>
      </c>
      <c r="B117" s="22">
        <v>10</v>
      </c>
      <c r="C117" s="14">
        <v>13</v>
      </c>
      <c r="D117" s="18">
        <v>23</v>
      </c>
    </row>
    <row r="118" spans="1:4" ht="18" customHeight="1" x14ac:dyDescent="0.15">
      <c r="A118" s="5">
        <v>93</v>
      </c>
      <c r="B118" s="22">
        <v>3</v>
      </c>
      <c r="C118" s="14">
        <v>17</v>
      </c>
      <c r="D118" s="18">
        <v>20</v>
      </c>
    </row>
    <row r="119" spans="1:4" ht="18" customHeight="1" x14ac:dyDescent="0.15">
      <c r="A119" s="5">
        <v>94</v>
      </c>
      <c r="B119" s="22">
        <v>2</v>
      </c>
      <c r="C119" s="14">
        <v>9</v>
      </c>
      <c r="D119" s="18">
        <v>11</v>
      </c>
    </row>
    <row r="120" spans="1:4" ht="18" customHeight="1" x14ac:dyDescent="0.15">
      <c r="A120" s="5" t="s">
        <v>39</v>
      </c>
      <c r="B120" s="22">
        <v>30</v>
      </c>
      <c r="C120" s="14">
        <v>77</v>
      </c>
      <c r="D120" s="18">
        <v>107</v>
      </c>
    </row>
    <row r="121" spans="1:4" ht="18" customHeight="1" x14ac:dyDescent="0.15">
      <c r="A121" s="5">
        <v>95</v>
      </c>
      <c r="B121" s="22">
        <v>2</v>
      </c>
      <c r="C121" s="14">
        <v>12</v>
      </c>
      <c r="D121" s="18">
        <v>14</v>
      </c>
    </row>
    <row r="122" spans="1:4" ht="18" customHeight="1" x14ac:dyDescent="0.15">
      <c r="A122" s="5">
        <v>96</v>
      </c>
      <c r="B122" s="22">
        <v>1</v>
      </c>
      <c r="C122" s="14">
        <v>6</v>
      </c>
      <c r="D122" s="18">
        <v>7</v>
      </c>
    </row>
    <row r="123" spans="1:4" ht="18" customHeight="1" x14ac:dyDescent="0.15">
      <c r="A123" s="5">
        <v>97</v>
      </c>
      <c r="B123" s="22">
        <v>2</v>
      </c>
      <c r="C123" s="14">
        <v>7</v>
      </c>
      <c r="D123" s="18">
        <v>9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5</v>
      </c>
      <c r="C126" s="14">
        <v>27</v>
      </c>
      <c r="D126" s="18">
        <v>32</v>
      </c>
    </row>
    <row r="127" spans="1:4" ht="18" customHeight="1" x14ac:dyDescent="0.15">
      <c r="A127" s="5">
        <v>100</v>
      </c>
      <c r="B127" s="22">
        <v>3</v>
      </c>
      <c r="C127" s="14">
        <v>1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3</v>
      </c>
      <c r="C129" s="14">
        <v>4</v>
      </c>
      <c r="D129" s="18">
        <v>7</v>
      </c>
    </row>
    <row r="130" spans="1:4" ht="18" customHeight="1" x14ac:dyDescent="0.15">
      <c r="A130" s="5" t="s">
        <v>46</v>
      </c>
      <c r="B130" s="22">
        <v>638</v>
      </c>
      <c r="C130" s="14">
        <v>863</v>
      </c>
      <c r="D130" s="18">
        <v>1501</v>
      </c>
    </row>
    <row r="131" spans="1:4" ht="18" customHeight="1" x14ac:dyDescent="0.15">
      <c r="A131" s="7" t="s">
        <v>45</v>
      </c>
      <c r="B131" s="23">
        <v>2378</v>
      </c>
      <c r="C131" s="15">
        <v>2537</v>
      </c>
      <c r="D131" s="19">
        <v>491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000-000000000000}">
  <sheetPr codeName="Sheet9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17</v>
      </c>
      <c r="C5" s="29">
        <v>107</v>
      </c>
      <c r="D5" s="31">
        <v>224</v>
      </c>
    </row>
    <row r="6" spans="1:4" ht="18" customHeight="1" x14ac:dyDescent="0.15">
      <c r="A6" s="5">
        <v>1</v>
      </c>
      <c r="B6" s="27">
        <v>120</v>
      </c>
      <c r="C6" s="14">
        <v>117</v>
      </c>
      <c r="D6" s="18">
        <v>237</v>
      </c>
    </row>
    <row r="7" spans="1:4" ht="18" customHeight="1" x14ac:dyDescent="0.15">
      <c r="A7" s="5">
        <v>2</v>
      </c>
      <c r="B7" s="27">
        <v>122</v>
      </c>
      <c r="C7" s="14">
        <v>114</v>
      </c>
      <c r="D7" s="18">
        <v>236</v>
      </c>
    </row>
    <row r="8" spans="1:4" ht="18" customHeight="1" x14ac:dyDescent="0.15">
      <c r="A8" s="5">
        <v>3</v>
      </c>
      <c r="B8" s="27">
        <v>146</v>
      </c>
      <c r="C8" s="14">
        <v>138</v>
      </c>
      <c r="D8" s="18">
        <v>284</v>
      </c>
    </row>
    <row r="9" spans="1:4" ht="18" customHeight="1" x14ac:dyDescent="0.15">
      <c r="A9" s="5">
        <v>4</v>
      </c>
      <c r="B9" s="28">
        <v>142</v>
      </c>
      <c r="C9" s="30">
        <v>150</v>
      </c>
      <c r="D9" s="32">
        <v>292</v>
      </c>
    </row>
    <row r="10" spans="1:4" ht="18" customHeight="1" x14ac:dyDescent="0.15">
      <c r="A10" s="5" t="s">
        <v>7</v>
      </c>
      <c r="B10" s="22">
        <v>647</v>
      </c>
      <c r="C10" s="14">
        <v>626</v>
      </c>
      <c r="D10" s="18">
        <v>1273</v>
      </c>
    </row>
    <row r="11" spans="1:4" ht="18" customHeight="1" x14ac:dyDescent="0.15">
      <c r="A11" s="5">
        <v>5</v>
      </c>
      <c r="B11" s="27">
        <v>152</v>
      </c>
      <c r="C11" s="14">
        <v>164</v>
      </c>
      <c r="D11" s="18">
        <v>316</v>
      </c>
    </row>
    <row r="12" spans="1:4" ht="18" customHeight="1" x14ac:dyDescent="0.15">
      <c r="A12" s="5">
        <v>6</v>
      </c>
      <c r="B12" s="27">
        <v>162</v>
      </c>
      <c r="C12" s="14">
        <v>148</v>
      </c>
      <c r="D12" s="18">
        <v>310</v>
      </c>
    </row>
    <row r="13" spans="1:4" ht="18" customHeight="1" x14ac:dyDescent="0.15">
      <c r="A13" s="5">
        <v>7</v>
      </c>
      <c r="B13" s="27">
        <v>178</v>
      </c>
      <c r="C13" s="14">
        <v>161</v>
      </c>
      <c r="D13" s="18">
        <v>339</v>
      </c>
    </row>
    <row r="14" spans="1:4" ht="18" customHeight="1" x14ac:dyDescent="0.15">
      <c r="A14" s="5">
        <v>8</v>
      </c>
      <c r="B14" s="27">
        <v>183</v>
      </c>
      <c r="C14" s="14">
        <v>170</v>
      </c>
      <c r="D14" s="18">
        <v>353</v>
      </c>
    </row>
    <row r="15" spans="1:4" ht="18" customHeight="1" x14ac:dyDescent="0.15">
      <c r="A15" s="5">
        <v>9</v>
      </c>
      <c r="B15" s="27">
        <v>202</v>
      </c>
      <c r="C15" s="14">
        <v>175</v>
      </c>
      <c r="D15" s="18">
        <v>377</v>
      </c>
    </row>
    <row r="16" spans="1:4" ht="18" customHeight="1" x14ac:dyDescent="0.15">
      <c r="A16" s="5" t="s">
        <v>11</v>
      </c>
      <c r="B16" s="22">
        <v>877</v>
      </c>
      <c r="C16" s="14">
        <v>818</v>
      </c>
      <c r="D16" s="18">
        <v>1695</v>
      </c>
    </row>
    <row r="17" spans="1:4" ht="18" customHeight="1" x14ac:dyDescent="0.15">
      <c r="A17" s="5">
        <v>10</v>
      </c>
      <c r="B17" s="22">
        <v>219</v>
      </c>
      <c r="C17" s="14">
        <v>162</v>
      </c>
      <c r="D17" s="18">
        <v>381</v>
      </c>
    </row>
    <row r="18" spans="1:4" ht="18" customHeight="1" x14ac:dyDescent="0.15">
      <c r="A18" s="5">
        <v>11</v>
      </c>
      <c r="B18" s="22">
        <v>179</v>
      </c>
      <c r="C18" s="14">
        <v>162</v>
      </c>
      <c r="D18" s="18">
        <v>341</v>
      </c>
    </row>
    <row r="19" spans="1:4" ht="18" customHeight="1" x14ac:dyDescent="0.15">
      <c r="A19" s="5">
        <v>12</v>
      </c>
      <c r="B19" s="22">
        <v>205</v>
      </c>
      <c r="C19" s="14">
        <v>212</v>
      </c>
      <c r="D19" s="18">
        <v>417</v>
      </c>
    </row>
    <row r="20" spans="1:4" ht="18" customHeight="1" x14ac:dyDescent="0.15">
      <c r="A20" s="5">
        <v>13</v>
      </c>
      <c r="B20" s="22">
        <v>196</v>
      </c>
      <c r="C20" s="14">
        <v>194</v>
      </c>
      <c r="D20" s="18">
        <v>390</v>
      </c>
    </row>
    <row r="21" spans="1:4" ht="18" customHeight="1" x14ac:dyDescent="0.15">
      <c r="A21" s="5">
        <v>14</v>
      </c>
      <c r="B21" s="22">
        <v>203</v>
      </c>
      <c r="C21" s="14">
        <v>210</v>
      </c>
      <c r="D21" s="18">
        <v>413</v>
      </c>
    </row>
    <row r="22" spans="1:4" ht="18" customHeight="1" x14ac:dyDescent="0.15">
      <c r="A22" s="5" t="s">
        <v>12</v>
      </c>
      <c r="B22" s="22">
        <v>1002</v>
      </c>
      <c r="C22" s="14">
        <v>940</v>
      </c>
      <c r="D22" s="18">
        <v>1942</v>
      </c>
    </row>
    <row r="23" spans="1:4" ht="18" customHeight="1" x14ac:dyDescent="0.15">
      <c r="A23" s="5" t="s">
        <v>6</v>
      </c>
      <c r="B23" s="22">
        <v>2526</v>
      </c>
      <c r="C23" s="14">
        <v>2384</v>
      </c>
      <c r="D23" s="18">
        <v>4910</v>
      </c>
    </row>
    <row r="24" spans="1:4" ht="18" customHeight="1" x14ac:dyDescent="0.15">
      <c r="A24" s="5">
        <v>15</v>
      </c>
      <c r="B24" s="22">
        <v>228</v>
      </c>
      <c r="C24" s="14">
        <v>199</v>
      </c>
      <c r="D24" s="18">
        <v>427</v>
      </c>
    </row>
    <row r="25" spans="1:4" ht="18" customHeight="1" x14ac:dyDescent="0.15">
      <c r="A25" s="5">
        <v>16</v>
      </c>
      <c r="B25" s="22">
        <v>215</v>
      </c>
      <c r="C25" s="14">
        <v>228</v>
      </c>
      <c r="D25" s="18">
        <v>443</v>
      </c>
    </row>
    <row r="26" spans="1:4" ht="18" customHeight="1" x14ac:dyDescent="0.15">
      <c r="A26" s="5">
        <v>17</v>
      </c>
      <c r="B26" s="22">
        <v>238</v>
      </c>
      <c r="C26" s="14">
        <v>207</v>
      </c>
      <c r="D26" s="18">
        <v>445</v>
      </c>
    </row>
    <row r="27" spans="1:4" ht="18" customHeight="1" x14ac:dyDescent="0.15">
      <c r="A27" s="5">
        <v>18</v>
      </c>
      <c r="B27" s="22">
        <v>219</v>
      </c>
      <c r="C27" s="14">
        <v>213</v>
      </c>
      <c r="D27" s="18">
        <v>432</v>
      </c>
    </row>
    <row r="28" spans="1:4" ht="18" customHeight="1" x14ac:dyDescent="0.15">
      <c r="A28" s="5">
        <v>19</v>
      </c>
      <c r="B28" s="22">
        <v>236</v>
      </c>
      <c r="C28" s="14">
        <v>222</v>
      </c>
      <c r="D28" s="18">
        <v>458</v>
      </c>
    </row>
    <row r="29" spans="1:4" ht="18" customHeight="1" x14ac:dyDescent="0.15">
      <c r="A29" s="5" t="s">
        <v>14</v>
      </c>
      <c r="B29" s="22">
        <v>1136</v>
      </c>
      <c r="C29" s="14">
        <v>1069</v>
      </c>
      <c r="D29" s="18">
        <v>2205</v>
      </c>
    </row>
    <row r="30" spans="1:4" ht="18" customHeight="1" x14ac:dyDescent="0.15">
      <c r="A30" s="5">
        <v>20</v>
      </c>
      <c r="B30" s="22">
        <v>219</v>
      </c>
      <c r="C30" s="14">
        <v>200</v>
      </c>
      <c r="D30" s="18">
        <v>419</v>
      </c>
    </row>
    <row r="31" spans="1:4" ht="18" customHeight="1" x14ac:dyDescent="0.15">
      <c r="A31" s="5">
        <v>21</v>
      </c>
      <c r="B31" s="22">
        <v>224</v>
      </c>
      <c r="C31" s="14">
        <v>207</v>
      </c>
      <c r="D31" s="18">
        <v>431</v>
      </c>
    </row>
    <row r="32" spans="1:4" ht="18" customHeight="1" x14ac:dyDescent="0.15">
      <c r="A32" s="5">
        <v>22</v>
      </c>
      <c r="B32" s="22">
        <v>251</v>
      </c>
      <c r="C32" s="14">
        <v>198</v>
      </c>
      <c r="D32" s="18">
        <v>449</v>
      </c>
    </row>
    <row r="33" spans="1:4" ht="18" customHeight="1" x14ac:dyDescent="0.15">
      <c r="A33" s="5">
        <v>23</v>
      </c>
      <c r="B33" s="22">
        <v>203</v>
      </c>
      <c r="C33" s="14">
        <v>206</v>
      </c>
      <c r="D33" s="18">
        <v>409</v>
      </c>
    </row>
    <row r="34" spans="1:4" ht="18" customHeight="1" x14ac:dyDescent="0.15">
      <c r="A34" s="5">
        <v>24</v>
      </c>
      <c r="B34" s="22">
        <v>206</v>
      </c>
      <c r="C34" s="14">
        <v>187</v>
      </c>
      <c r="D34" s="18">
        <v>393</v>
      </c>
    </row>
    <row r="35" spans="1:4" ht="18" customHeight="1" x14ac:dyDescent="0.15">
      <c r="A35" s="5" t="s">
        <v>9</v>
      </c>
      <c r="B35" s="22">
        <v>1103</v>
      </c>
      <c r="C35" s="14">
        <v>998</v>
      </c>
      <c r="D35" s="18">
        <v>2101</v>
      </c>
    </row>
    <row r="36" spans="1:4" ht="18" customHeight="1" x14ac:dyDescent="0.15">
      <c r="A36" s="5">
        <v>25</v>
      </c>
      <c r="B36" s="22">
        <v>259</v>
      </c>
      <c r="C36" s="14">
        <v>171</v>
      </c>
      <c r="D36" s="18">
        <v>430</v>
      </c>
    </row>
    <row r="37" spans="1:4" ht="18" customHeight="1" x14ac:dyDescent="0.15">
      <c r="A37" s="5">
        <v>26</v>
      </c>
      <c r="B37" s="22">
        <v>221</v>
      </c>
      <c r="C37" s="14">
        <v>217</v>
      </c>
      <c r="D37" s="18">
        <v>438</v>
      </c>
    </row>
    <row r="38" spans="1:4" ht="18" customHeight="1" x14ac:dyDescent="0.15">
      <c r="A38" s="5">
        <v>27</v>
      </c>
      <c r="B38" s="22">
        <v>196</v>
      </c>
      <c r="C38" s="14">
        <v>206</v>
      </c>
      <c r="D38" s="18">
        <v>402</v>
      </c>
    </row>
    <row r="39" spans="1:4" ht="18" customHeight="1" x14ac:dyDescent="0.15">
      <c r="A39" s="5">
        <v>28</v>
      </c>
      <c r="B39" s="22">
        <v>205</v>
      </c>
      <c r="C39" s="14">
        <v>171</v>
      </c>
      <c r="D39" s="18">
        <v>376</v>
      </c>
    </row>
    <row r="40" spans="1:4" ht="18" customHeight="1" x14ac:dyDescent="0.15">
      <c r="A40" s="5">
        <v>29</v>
      </c>
      <c r="B40" s="22">
        <v>231</v>
      </c>
      <c r="C40" s="14">
        <v>194</v>
      </c>
      <c r="D40" s="18">
        <v>425</v>
      </c>
    </row>
    <row r="41" spans="1:4" ht="18" customHeight="1" x14ac:dyDescent="0.15">
      <c r="A41" s="5" t="s">
        <v>2</v>
      </c>
      <c r="B41" s="22">
        <v>1112</v>
      </c>
      <c r="C41" s="14">
        <v>959</v>
      </c>
      <c r="D41" s="18">
        <v>2071</v>
      </c>
    </row>
    <row r="42" spans="1:4" ht="18" customHeight="1" x14ac:dyDescent="0.15">
      <c r="A42" s="5">
        <v>30</v>
      </c>
      <c r="B42" s="22">
        <v>234</v>
      </c>
      <c r="C42" s="14">
        <v>196</v>
      </c>
      <c r="D42" s="18">
        <v>430</v>
      </c>
    </row>
    <row r="43" spans="1:4" ht="18" customHeight="1" x14ac:dyDescent="0.15">
      <c r="A43" s="5">
        <v>31</v>
      </c>
      <c r="B43" s="22">
        <v>224</v>
      </c>
      <c r="C43" s="14">
        <v>208</v>
      </c>
      <c r="D43" s="18">
        <v>432</v>
      </c>
    </row>
    <row r="44" spans="1:4" ht="18" customHeight="1" x14ac:dyDescent="0.15">
      <c r="A44" s="5">
        <v>32</v>
      </c>
      <c r="B44" s="22">
        <v>200</v>
      </c>
      <c r="C44" s="14">
        <v>182</v>
      </c>
      <c r="D44" s="18">
        <v>382</v>
      </c>
    </row>
    <row r="45" spans="1:4" ht="18" customHeight="1" x14ac:dyDescent="0.15">
      <c r="A45" s="5">
        <v>33</v>
      </c>
      <c r="B45" s="22">
        <v>205</v>
      </c>
      <c r="C45" s="14">
        <v>176</v>
      </c>
      <c r="D45" s="18">
        <v>381</v>
      </c>
    </row>
    <row r="46" spans="1:4" ht="18" customHeight="1" x14ac:dyDescent="0.15">
      <c r="A46" s="5">
        <v>34</v>
      </c>
      <c r="B46" s="22">
        <v>222</v>
      </c>
      <c r="C46" s="14">
        <v>181</v>
      </c>
      <c r="D46" s="18">
        <v>403</v>
      </c>
    </row>
    <row r="47" spans="1:4" ht="18" customHeight="1" x14ac:dyDescent="0.15">
      <c r="A47" s="5" t="s">
        <v>15</v>
      </c>
      <c r="B47" s="22">
        <v>1085</v>
      </c>
      <c r="C47" s="14">
        <v>943</v>
      </c>
      <c r="D47" s="18">
        <v>2028</v>
      </c>
    </row>
    <row r="48" spans="1:4" ht="18" customHeight="1" x14ac:dyDescent="0.15">
      <c r="A48" s="5">
        <v>35</v>
      </c>
      <c r="B48" s="22">
        <v>234</v>
      </c>
      <c r="C48" s="14">
        <v>188</v>
      </c>
      <c r="D48" s="18">
        <v>422</v>
      </c>
    </row>
    <row r="49" spans="1:4" ht="18" customHeight="1" x14ac:dyDescent="0.15">
      <c r="A49" s="5">
        <v>36</v>
      </c>
      <c r="B49" s="22">
        <v>229</v>
      </c>
      <c r="C49" s="14">
        <v>202</v>
      </c>
      <c r="D49" s="18">
        <v>431</v>
      </c>
    </row>
    <row r="50" spans="1:4" ht="18" customHeight="1" x14ac:dyDescent="0.15">
      <c r="A50" s="5">
        <v>37</v>
      </c>
      <c r="B50" s="22">
        <v>217</v>
      </c>
      <c r="C50" s="14">
        <v>209</v>
      </c>
      <c r="D50" s="18">
        <v>426</v>
      </c>
    </row>
    <row r="51" spans="1:4" ht="18" customHeight="1" x14ac:dyDescent="0.15">
      <c r="A51" s="5">
        <v>38</v>
      </c>
      <c r="B51" s="22">
        <v>205</v>
      </c>
      <c r="C51" s="14">
        <v>214</v>
      </c>
      <c r="D51" s="18">
        <v>419</v>
      </c>
    </row>
    <row r="52" spans="1:4" ht="18" customHeight="1" x14ac:dyDescent="0.15">
      <c r="A52" s="5">
        <v>39</v>
      </c>
      <c r="B52" s="22">
        <v>250</v>
      </c>
      <c r="C52" s="14">
        <v>235</v>
      </c>
      <c r="D52" s="18">
        <v>485</v>
      </c>
    </row>
    <row r="53" spans="1:4" ht="18" customHeight="1" x14ac:dyDescent="0.15">
      <c r="A53" s="5" t="s">
        <v>18</v>
      </c>
      <c r="B53" s="22">
        <v>1135</v>
      </c>
      <c r="C53" s="14">
        <v>1048</v>
      </c>
      <c r="D53" s="18">
        <v>2183</v>
      </c>
    </row>
    <row r="54" spans="1:4" ht="18" customHeight="1" x14ac:dyDescent="0.15">
      <c r="A54" s="5">
        <v>40</v>
      </c>
      <c r="B54" s="22">
        <v>225</v>
      </c>
      <c r="C54" s="14">
        <v>236</v>
      </c>
      <c r="D54" s="18">
        <v>461</v>
      </c>
    </row>
    <row r="55" spans="1:4" ht="18" customHeight="1" x14ac:dyDescent="0.15">
      <c r="A55" s="5">
        <v>41</v>
      </c>
      <c r="B55" s="22">
        <v>251</v>
      </c>
      <c r="C55" s="14">
        <v>234</v>
      </c>
      <c r="D55" s="18">
        <v>485</v>
      </c>
    </row>
    <row r="56" spans="1:4" ht="18" customHeight="1" x14ac:dyDescent="0.15">
      <c r="A56" s="5">
        <v>42</v>
      </c>
      <c r="B56" s="22">
        <v>256</v>
      </c>
      <c r="C56" s="14">
        <v>265</v>
      </c>
      <c r="D56" s="18">
        <v>521</v>
      </c>
    </row>
    <row r="57" spans="1:4" ht="18" customHeight="1" x14ac:dyDescent="0.15">
      <c r="A57" s="5">
        <v>43</v>
      </c>
      <c r="B57" s="22">
        <v>254</v>
      </c>
      <c r="C57" s="14">
        <v>249</v>
      </c>
      <c r="D57" s="18">
        <v>503</v>
      </c>
    </row>
    <row r="58" spans="1:4" ht="18" customHeight="1" x14ac:dyDescent="0.15">
      <c r="A58" s="5">
        <v>44</v>
      </c>
      <c r="B58" s="22">
        <v>245</v>
      </c>
      <c r="C58" s="14">
        <v>267</v>
      </c>
      <c r="D58" s="18">
        <v>512</v>
      </c>
    </row>
    <row r="59" spans="1:4" ht="18" customHeight="1" x14ac:dyDescent="0.15">
      <c r="A59" s="5" t="s">
        <v>21</v>
      </c>
      <c r="B59" s="22">
        <v>1231</v>
      </c>
      <c r="C59" s="14">
        <v>1251</v>
      </c>
      <c r="D59" s="18">
        <v>2482</v>
      </c>
    </row>
    <row r="60" spans="1:4" ht="18" customHeight="1" x14ac:dyDescent="0.15">
      <c r="A60" s="5">
        <v>45</v>
      </c>
      <c r="B60" s="22">
        <v>281</v>
      </c>
      <c r="C60" s="14">
        <v>252</v>
      </c>
      <c r="D60" s="18">
        <v>533</v>
      </c>
    </row>
    <row r="61" spans="1:4" ht="18" customHeight="1" x14ac:dyDescent="0.15">
      <c r="A61" s="5">
        <v>46</v>
      </c>
      <c r="B61" s="22">
        <v>294</v>
      </c>
      <c r="C61" s="14">
        <v>266</v>
      </c>
      <c r="D61" s="18">
        <v>560</v>
      </c>
    </row>
    <row r="62" spans="1:4" ht="18" customHeight="1" x14ac:dyDescent="0.15">
      <c r="A62" s="5">
        <v>47</v>
      </c>
      <c r="B62" s="22">
        <v>300</v>
      </c>
      <c r="C62" s="14">
        <v>317</v>
      </c>
      <c r="D62" s="18">
        <v>617</v>
      </c>
    </row>
    <row r="63" spans="1:4" ht="18" customHeight="1" x14ac:dyDescent="0.15">
      <c r="A63" s="5">
        <v>48</v>
      </c>
      <c r="B63" s="22">
        <v>381</v>
      </c>
      <c r="C63" s="14">
        <v>320</v>
      </c>
      <c r="D63" s="18">
        <v>701</v>
      </c>
    </row>
    <row r="64" spans="1:4" ht="18" customHeight="1" x14ac:dyDescent="0.15">
      <c r="A64" s="5">
        <v>49</v>
      </c>
      <c r="B64" s="22">
        <v>317</v>
      </c>
      <c r="C64" s="14">
        <v>318</v>
      </c>
      <c r="D64" s="18">
        <v>635</v>
      </c>
    </row>
    <row r="65" spans="1:4" ht="18" customHeight="1" x14ac:dyDescent="0.15">
      <c r="A65" s="5" t="s">
        <v>17</v>
      </c>
      <c r="B65" s="22">
        <v>1573</v>
      </c>
      <c r="C65" s="14">
        <v>1473</v>
      </c>
      <c r="D65" s="18">
        <v>3046</v>
      </c>
    </row>
    <row r="66" spans="1:4" ht="18" customHeight="1" x14ac:dyDescent="0.15">
      <c r="A66" s="5">
        <v>50</v>
      </c>
      <c r="B66" s="22">
        <v>358</v>
      </c>
      <c r="C66" s="14">
        <v>327</v>
      </c>
      <c r="D66" s="18">
        <v>685</v>
      </c>
    </row>
    <row r="67" spans="1:4" ht="18" customHeight="1" x14ac:dyDescent="0.15">
      <c r="A67" s="5">
        <v>51</v>
      </c>
      <c r="B67" s="22">
        <v>345</v>
      </c>
      <c r="C67" s="14">
        <v>354</v>
      </c>
      <c r="D67" s="18">
        <v>699</v>
      </c>
    </row>
    <row r="68" spans="1:4" ht="18" customHeight="1" x14ac:dyDescent="0.15">
      <c r="A68" s="5">
        <v>52</v>
      </c>
      <c r="B68" s="22">
        <v>387</v>
      </c>
      <c r="C68" s="14">
        <v>372</v>
      </c>
      <c r="D68" s="18">
        <v>759</v>
      </c>
    </row>
    <row r="69" spans="1:4" ht="18" customHeight="1" x14ac:dyDescent="0.15">
      <c r="A69" s="5">
        <v>53</v>
      </c>
      <c r="B69" s="22">
        <v>356</v>
      </c>
      <c r="C69" s="14">
        <v>338</v>
      </c>
      <c r="D69" s="18">
        <v>694</v>
      </c>
    </row>
    <row r="70" spans="1:4" ht="18" customHeight="1" x14ac:dyDescent="0.15">
      <c r="A70" s="5">
        <v>54</v>
      </c>
      <c r="B70" s="22">
        <v>313</v>
      </c>
      <c r="C70" s="14">
        <v>335</v>
      </c>
      <c r="D70" s="18">
        <v>648</v>
      </c>
    </row>
    <row r="71" spans="1:4" ht="18" customHeight="1" x14ac:dyDescent="0.15">
      <c r="A71" s="5" t="s">
        <v>22</v>
      </c>
      <c r="B71" s="22">
        <v>1759</v>
      </c>
      <c r="C71" s="14">
        <v>1726</v>
      </c>
      <c r="D71" s="18">
        <v>3485</v>
      </c>
    </row>
    <row r="72" spans="1:4" ht="18" customHeight="1" x14ac:dyDescent="0.15">
      <c r="A72" s="5">
        <v>55</v>
      </c>
      <c r="B72" s="22">
        <v>303</v>
      </c>
      <c r="C72" s="14">
        <v>296</v>
      </c>
      <c r="D72" s="18">
        <v>599</v>
      </c>
    </row>
    <row r="73" spans="1:4" ht="18" customHeight="1" x14ac:dyDescent="0.15">
      <c r="A73" s="5">
        <v>56</v>
      </c>
      <c r="B73" s="22">
        <v>311</v>
      </c>
      <c r="C73" s="14">
        <v>288</v>
      </c>
      <c r="D73" s="18">
        <v>599</v>
      </c>
    </row>
    <row r="74" spans="1:4" ht="18" customHeight="1" x14ac:dyDescent="0.15">
      <c r="A74" s="5">
        <v>57</v>
      </c>
      <c r="B74" s="22">
        <v>307</v>
      </c>
      <c r="C74" s="14">
        <v>298</v>
      </c>
      <c r="D74" s="18">
        <v>605</v>
      </c>
    </row>
    <row r="75" spans="1:4" ht="18" customHeight="1" x14ac:dyDescent="0.15">
      <c r="A75" s="5">
        <v>58</v>
      </c>
      <c r="B75" s="22">
        <v>254</v>
      </c>
      <c r="C75" s="14">
        <v>273</v>
      </c>
      <c r="D75" s="18">
        <v>527</v>
      </c>
    </row>
    <row r="76" spans="1:4" ht="18" customHeight="1" x14ac:dyDescent="0.15">
      <c r="A76" s="5">
        <v>59</v>
      </c>
      <c r="B76" s="22">
        <v>234</v>
      </c>
      <c r="C76" s="14">
        <v>232</v>
      </c>
      <c r="D76" s="18">
        <v>466</v>
      </c>
    </row>
    <row r="77" spans="1:4" ht="18" customHeight="1" x14ac:dyDescent="0.15">
      <c r="A77" s="5" t="s">
        <v>27</v>
      </c>
      <c r="B77" s="22">
        <v>1409</v>
      </c>
      <c r="C77" s="14">
        <v>1387</v>
      </c>
      <c r="D77" s="18">
        <v>2796</v>
      </c>
    </row>
    <row r="78" spans="1:4" ht="18" customHeight="1" x14ac:dyDescent="0.15">
      <c r="A78" s="5">
        <v>60</v>
      </c>
      <c r="B78" s="22">
        <v>223</v>
      </c>
      <c r="C78" s="14">
        <v>262</v>
      </c>
      <c r="D78" s="18">
        <v>485</v>
      </c>
    </row>
    <row r="79" spans="1:4" ht="18" customHeight="1" x14ac:dyDescent="0.15">
      <c r="A79" s="5">
        <v>61</v>
      </c>
      <c r="B79" s="22">
        <v>238</v>
      </c>
      <c r="C79" s="14">
        <v>268</v>
      </c>
      <c r="D79" s="18">
        <v>506</v>
      </c>
    </row>
    <row r="80" spans="1:4" ht="18" customHeight="1" x14ac:dyDescent="0.15">
      <c r="A80" s="5">
        <v>62</v>
      </c>
      <c r="B80" s="22">
        <v>250</v>
      </c>
      <c r="C80" s="14">
        <v>252</v>
      </c>
      <c r="D80" s="18">
        <v>502</v>
      </c>
    </row>
    <row r="81" spans="1:4" ht="18" customHeight="1" x14ac:dyDescent="0.15">
      <c r="A81" s="5">
        <v>63</v>
      </c>
      <c r="B81" s="22">
        <v>214</v>
      </c>
      <c r="C81" s="14">
        <v>245</v>
      </c>
      <c r="D81" s="18">
        <v>459</v>
      </c>
    </row>
    <row r="82" spans="1:4" ht="18" customHeight="1" x14ac:dyDescent="0.15">
      <c r="A82" s="5">
        <v>64</v>
      </c>
      <c r="B82" s="22">
        <v>225</v>
      </c>
      <c r="C82" s="14">
        <v>219</v>
      </c>
      <c r="D82" s="18">
        <v>444</v>
      </c>
    </row>
    <row r="83" spans="1:4" ht="18" customHeight="1" x14ac:dyDescent="0.15">
      <c r="A83" s="5" t="s">
        <v>28</v>
      </c>
      <c r="B83" s="22">
        <v>1150</v>
      </c>
      <c r="C83" s="14">
        <v>1246</v>
      </c>
      <c r="D83" s="18">
        <v>2396</v>
      </c>
    </row>
    <row r="84" spans="1:4" ht="18" customHeight="1" x14ac:dyDescent="0.15">
      <c r="A84" s="5" t="s">
        <v>31</v>
      </c>
      <c r="B84" s="22">
        <v>12693</v>
      </c>
      <c r="C84" s="14">
        <v>12100</v>
      </c>
      <c r="D84" s="18">
        <v>24793</v>
      </c>
    </row>
    <row r="85" spans="1:4" ht="18" customHeight="1" x14ac:dyDescent="0.15">
      <c r="A85" s="5">
        <v>65</v>
      </c>
      <c r="B85" s="22">
        <v>214</v>
      </c>
      <c r="C85" s="14">
        <v>251</v>
      </c>
      <c r="D85" s="18">
        <v>465</v>
      </c>
    </row>
    <row r="86" spans="1:4" ht="18" customHeight="1" x14ac:dyDescent="0.15">
      <c r="A86" s="5">
        <v>66</v>
      </c>
      <c r="B86" s="22">
        <v>239</v>
      </c>
      <c r="C86" s="14">
        <v>205</v>
      </c>
      <c r="D86" s="18">
        <v>444</v>
      </c>
    </row>
    <row r="87" spans="1:4" ht="18" customHeight="1" x14ac:dyDescent="0.15">
      <c r="A87" s="5">
        <v>67</v>
      </c>
      <c r="B87" s="22">
        <v>200</v>
      </c>
      <c r="C87" s="14">
        <v>231</v>
      </c>
      <c r="D87" s="18">
        <v>431</v>
      </c>
    </row>
    <row r="88" spans="1:4" ht="18" customHeight="1" x14ac:dyDescent="0.15">
      <c r="A88" s="5">
        <v>68</v>
      </c>
      <c r="B88" s="22">
        <v>193</v>
      </c>
      <c r="C88" s="14">
        <v>232</v>
      </c>
      <c r="D88" s="18">
        <v>425</v>
      </c>
    </row>
    <row r="89" spans="1:4" ht="18" customHeight="1" x14ac:dyDescent="0.15">
      <c r="A89" s="5">
        <v>69</v>
      </c>
      <c r="B89" s="22">
        <v>198</v>
      </c>
      <c r="C89" s="14">
        <v>222</v>
      </c>
      <c r="D89" s="18">
        <v>420</v>
      </c>
    </row>
    <row r="90" spans="1:4" ht="18" customHeight="1" x14ac:dyDescent="0.15">
      <c r="A90" s="5" t="s">
        <v>20</v>
      </c>
      <c r="B90" s="22">
        <v>1044</v>
      </c>
      <c r="C90" s="14">
        <v>1141</v>
      </c>
      <c r="D90" s="18">
        <v>2185</v>
      </c>
    </row>
    <row r="91" spans="1:4" ht="18" customHeight="1" x14ac:dyDescent="0.15">
      <c r="A91" s="5">
        <v>70</v>
      </c>
      <c r="B91" s="22">
        <v>227</v>
      </c>
      <c r="C91" s="14">
        <v>236</v>
      </c>
      <c r="D91" s="18">
        <v>463</v>
      </c>
    </row>
    <row r="92" spans="1:4" ht="18" customHeight="1" x14ac:dyDescent="0.15">
      <c r="A92" s="5">
        <v>71</v>
      </c>
      <c r="B92" s="22">
        <v>222</v>
      </c>
      <c r="C92" s="14">
        <v>250</v>
      </c>
      <c r="D92" s="18">
        <v>472</v>
      </c>
    </row>
    <row r="93" spans="1:4" ht="18" customHeight="1" x14ac:dyDescent="0.15">
      <c r="A93" s="5">
        <v>72</v>
      </c>
      <c r="B93" s="22">
        <v>234</v>
      </c>
      <c r="C93" s="14">
        <v>266</v>
      </c>
      <c r="D93" s="18">
        <v>500</v>
      </c>
    </row>
    <row r="94" spans="1:4" ht="18" customHeight="1" x14ac:dyDescent="0.15">
      <c r="A94" s="5">
        <v>73</v>
      </c>
      <c r="B94" s="22">
        <v>236</v>
      </c>
      <c r="C94" s="14">
        <v>243</v>
      </c>
      <c r="D94" s="18">
        <v>479</v>
      </c>
    </row>
    <row r="95" spans="1:4" ht="18" customHeight="1" x14ac:dyDescent="0.15">
      <c r="A95" s="5">
        <v>74</v>
      </c>
      <c r="B95" s="22">
        <v>223</v>
      </c>
      <c r="C95" s="14">
        <v>271</v>
      </c>
      <c r="D95" s="18">
        <v>494</v>
      </c>
    </row>
    <row r="96" spans="1:4" ht="18" customHeight="1" x14ac:dyDescent="0.15">
      <c r="A96" s="5" t="s">
        <v>33</v>
      </c>
      <c r="B96" s="22">
        <v>1142</v>
      </c>
      <c r="C96" s="14">
        <v>1266</v>
      </c>
      <c r="D96" s="18">
        <v>2408</v>
      </c>
    </row>
    <row r="97" spans="1:4" ht="18" customHeight="1" x14ac:dyDescent="0.15">
      <c r="A97" s="5">
        <v>75</v>
      </c>
      <c r="B97" s="22">
        <v>240</v>
      </c>
      <c r="C97" s="14">
        <v>271</v>
      </c>
      <c r="D97" s="18">
        <v>511</v>
      </c>
    </row>
    <row r="98" spans="1:4" ht="18" customHeight="1" x14ac:dyDescent="0.15">
      <c r="A98" s="5">
        <v>76</v>
      </c>
      <c r="B98" s="22">
        <v>236</v>
      </c>
      <c r="C98" s="14">
        <v>292</v>
      </c>
      <c r="D98" s="18">
        <v>528</v>
      </c>
    </row>
    <row r="99" spans="1:4" ht="18" customHeight="1" x14ac:dyDescent="0.15">
      <c r="A99" s="5">
        <v>77</v>
      </c>
      <c r="B99" s="22">
        <v>295</v>
      </c>
      <c r="C99" s="14">
        <v>306</v>
      </c>
      <c r="D99" s="18">
        <v>601</v>
      </c>
    </row>
    <row r="100" spans="1:4" ht="18" customHeight="1" x14ac:dyDescent="0.15">
      <c r="A100" s="5">
        <v>78</v>
      </c>
      <c r="B100" s="22">
        <v>274</v>
      </c>
      <c r="C100" s="14">
        <v>321</v>
      </c>
      <c r="D100" s="18">
        <v>595</v>
      </c>
    </row>
    <row r="101" spans="1:4" ht="18" customHeight="1" x14ac:dyDescent="0.15">
      <c r="A101" s="5">
        <v>79</v>
      </c>
      <c r="B101" s="22">
        <v>181</v>
      </c>
      <c r="C101" s="14">
        <v>233</v>
      </c>
      <c r="D101" s="18">
        <v>414</v>
      </c>
    </row>
    <row r="102" spans="1:4" ht="18" customHeight="1" x14ac:dyDescent="0.15">
      <c r="A102" s="5" t="s">
        <v>0</v>
      </c>
      <c r="B102" s="22">
        <v>1226</v>
      </c>
      <c r="C102" s="14">
        <v>1423</v>
      </c>
      <c r="D102" s="18">
        <v>2649</v>
      </c>
    </row>
    <row r="103" spans="1:4" ht="18" customHeight="1" x14ac:dyDescent="0.15">
      <c r="A103" s="5">
        <v>80</v>
      </c>
      <c r="B103" s="22">
        <v>107</v>
      </c>
      <c r="C103" s="14">
        <v>119</v>
      </c>
      <c r="D103" s="18">
        <v>226</v>
      </c>
    </row>
    <row r="104" spans="1:4" ht="18" customHeight="1" x14ac:dyDescent="0.15">
      <c r="A104" s="5">
        <v>81</v>
      </c>
      <c r="B104" s="22">
        <v>142</v>
      </c>
      <c r="C104" s="14">
        <v>170</v>
      </c>
      <c r="D104" s="18">
        <v>312</v>
      </c>
    </row>
    <row r="105" spans="1:4" ht="18" customHeight="1" x14ac:dyDescent="0.15">
      <c r="A105" s="5">
        <v>82</v>
      </c>
      <c r="B105" s="22">
        <v>134</v>
      </c>
      <c r="C105" s="14">
        <v>195</v>
      </c>
      <c r="D105" s="18">
        <v>329</v>
      </c>
    </row>
    <row r="106" spans="1:4" ht="18" customHeight="1" x14ac:dyDescent="0.15">
      <c r="A106" s="5">
        <v>83</v>
      </c>
      <c r="B106" s="22">
        <v>138</v>
      </c>
      <c r="C106" s="14">
        <v>193</v>
      </c>
      <c r="D106" s="18">
        <v>331</v>
      </c>
    </row>
    <row r="107" spans="1:4" ht="18" customHeight="1" x14ac:dyDescent="0.15">
      <c r="A107" s="5">
        <v>84</v>
      </c>
      <c r="B107" s="22">
        <v>119</v>
      </c>
      <c r="C107" s="14">
        <v>181</v>
      </c>
      <c r="D107" s="18">
        <v>300</v>
      </c>
    </row>
    <row r="108" spans="1:4" ht="18" customHeight="1" x14ac:dyDescent="0.15">
      <c r="A108" s="5" t="s">
        <v>35</v>
      </c>
      <c r="B108" s="22">
        <v>640</v>
      </c>
      <c r="C108" s="14">
        <v>858</v>
      </c>
      <c r="D108" s="18">
        <v>1498</v>
      </c>
    </row>
    <row r="109" spans="1:4" ht="18" customHeight="1" x14ac:dyDescent="0.15">
      <c r="A109" s="5">
        <v>85</v>
      </c>
      <c r="B109" s="22">
        <v>111</v>
      </c>
      <c r="C109" s="14">
        <v>164</v>
      </c>
      <c r="D109" s="18">
        <v>275</v>
      </c>
    </row>
    <row r="110" spans="1:4" ht="18" customHeight="1" x14ac:dyDescent="0.15">
      <c r="A110" s="5">
        <v>86</v>
      </c>
      <c r="B110" s="22">
        <v>89</v>
      </c>
      <c r="C110" s="14">
        <v>133</v>
      </c>
      <c r="D110" s="18">
        <v>222</v>
      </c>
    </row>
    <row r="111" spans="1:4" ht="18" customHeight="1" x14ac:dyDescent="0.15">
      <c r="A111" s="5">
        <v>87</v>
      </c>
      <c r="B111" s="22">
        <v>58</v>
      </c>
      <c r="C111" s="14">
        <v>111</v>
      </c>
      <c r="D111" s="18">
        <v>169</v>
      </c>
    </row>
    <row r="112" spans="1:4" ht="18" customHeight="1" x14ac:dyDescent="0.15">
      <c r="A112" s="5">
        <v>88</v>
      </c>
      <c r="B112" s="22">
        <v>80</v>
      </c>
      <c r="C112" s="14">
        <v>108</v>
      </c>
      <c r="D112" s="18">
        <v>188</v>
      </c>
    </row>
    <row r="113" spans="1:4" ht="18" customHeight="1" x14ac:dyDescent="0.15">
      <c r="A113" s="5">
        <v>89</v>
      </c>
      <c r="B113" s="22">
        <v>55</v>
      </c>
      <c r="C113" s="14">
        <v>100</v>
      </c>
      <c r="D113" s="18">
        <v>155</v>
      </c>
    </row>
    <row r="114" spans="1:4" ht="18" customHeight="1" x14ac:dyDescent="0.15">
      <c r="A114" s="5" t="s">
        <v>37</v>
      </c>
      <c r="B114" s="22">
        <v>393</v>
      </c>
      <c r="C114" s="14">
        <v>616</v>
      </c>
      <c r="D114" s="18">
        <v>1009</v>
      </c>
    </row>
    <row r="115" spans="1:4" ht="18" customHeight="1" x14ac:dyDescent="0.15">
      <c r="A115" s="5">
        <v>90</v>
      </c>
      <c r="B115" s="22">
        <v>66</v>
      </c>
      <c r="C115" s="14">
        <v>118</v>
      </c>
      <c r="D115" s="18">
        <v>184</v>
      </c>
    </row>
    <row r="116" spans="1:4" ht="18" customHeight="1" x14ac:dyDescent="0.15">
      <c r="A116" s="5">
        <v>91</v>
      </c>
      <c r="B116" s="22">
        <v>30</v>
      </c>
      <c r="C116" s="14">
        <v>95</v>
      </c>
      <c r="D116" s="18">
        <v>125</v>
      </c>
    </row>
    <row r="117" spans="1:4" ht="18" customHeight="1" x14ac:dyDescent="0.15">
      <c r="A117" s="5">
        <v>92</v>
      </c>
      <c r="B117" s="22">
        <v>28</v>
      </c>
      <c r="C117" s="14">
        <v>106</v>
      </c>
      <c r="D117" s="18">
        <v>134</v>
      </c>
    </row>
    <row r="118" spans="1:4" ht="18" customHeight="1" x14ac:dyDescent="0.15">
      <c r="A118" s="5">
        <v>93</v>
      </c>
      <c r="B118" s="22">
        <v>18</v>
      </c>
      <c r="C118" s="14">
        <v>99</v>
      </c>
      <c r="D118" s="18">
        <v>117</v>
      </c>
    </row>
    <row r="119" spans="1:4" ht="18" customHeight="1" x14ac:dyDescent="0.15">
      <c r="A119" s="5">
        <v>94</v>
      </c>
      <c r="B119" s="22">
        <v>20</v>
      </c>
      <c r="C119" s="14">
        <v>68</v>
      </c>
      <c r="D119" s="18">
        <v>88</v>
      </c>
    </row>
    <row r="120" spans="1:4" ht="18" customHeight="1" x14ac:dyDescent="0.15">
      <c r="A120" s="5" t="s">
        <v>39</v>
      </c>
      <c r="B120" s="22">
        <v>162</v>
      </c>
      <c r="C120" s="14">
        <v>486</v>
      </c>
      <c r="D120" s="18">
        <v>648</v>
      </c>
    </row>
    <row r="121" spans="1:4" ht="18" customHeight="1" x14ac:dyDescent="0.15">
      <c r="A121" s="5">
        <v>95</v>
      </c>
      <c r="B121" s="22">
        <v>17</v>
      </c>
      <c r="C121" s="14">
        <v>63</v>
      </c>
      <c r="D121" s="18">
        <v>80</v>
      </c>
    </row>
    <row r="122" spans="1:4" ht="18" customHeight="1" x14ac:dyDescent="0.15">
      <c r="A122" s="5">
        <v>96</v>
      </c>
      <c r="B122" s="22">
        <v>10</v>
      </c>
      <c r="C122" s="14">
        <v>32</v>
      </c>
      <c r="D122" s="18">
        <v>42</v>
      </c>
    </row>
    <row r="123" spans="1:4" ht="18" customHeight="1" x14ac:dyDescent="0.15">
      <c r="A123" s="5">
        <v>97</v>
      </c>
      <c r="B123" s="22">
        <v>11</v>
      </c>
      <c r="C123" s="14">
        <v>32</v>
      </c>
      <c r="D123" s="18">
        <v>43</v>
      </c>
    </row>
    <row r="124" spans="1:4" ht="18" customHeight="1" x14ac:dyDescent="0.15">
      <c r="A124" s="5">
        <v>98</v>
      </c>
      <c r="B124" s="22">
        <v>5</v>
      </c>
      <c r="C124" s="14">
        <v>12</v>
      </c>
      <c r="D124" s="18">
        <v>17</v>
      </c>
    </row>
    <row r="125" spans="1:4" ht="18" customHeight="1" x14ac:dyDescent="0.15">
      <c r="A125" s="5">
        <v>99</v>
      </c>
      <c r="B125" s="22">
        <v>5</v>
      </c>
      <c r="C125" s="14">
        <v>15</v>
      </c>
      <c r="D125" s="18">
        <v>20</v>
      </c>
    </row>
    <row r="126" spans="1:4" ht="18" customHeight="1" x14ac:dyDescent="0.15">
      <c r="A126" s="5" t="s">
        <v>40</v>
      </c>
      <c r="B126" s="22">
        <v>48</v>
      </c>
      <c r="C126" s="14">
        <v>154</v>
      </c>
      <c r="D126" s="18">
        <v>202</v>
      </c>
    </row>
    <row r="127" spans="1:4" ht="18" customHeight="1" x14ac:dyDescent="0.15">
      <c r="A127" s="5">
        <v>100</v>
      </c>
      <c r="B127" s="22">
        <v>5</v>
      </c>
      <c r="C127" s="14">
        <v>8</v>
      </c>
      <c r="D127" s="18">
        <v>13</v>
      </c>
    </row>
    <row r="128" spans="1:4" ht="18" customHeight="1" x14ac:dyDescent="0.15">
      <c r="A128" s="6" t="s">
        <v>43</v>
      </c>
      <c r="B128" s="22">
        <v>1</v>
      </c>
      <c r="C128" s="14">
        <v>22</v>
      </c>
      <c r="D128" s="18">
        <v>23</v>
      </c>
    </row>
    <row r="129" spans="1:4" ht="18" customHeight="1" x14ac:dyDescent="0.15">
      <c r="A129" s="5" t="s">
        <v>44</v>
      </c>
      <c r="B129" s="22">
        <v>6</v>
      </c>
      <c r="C129" s="14">
        <v>30</v>
      </c>
      <c r="D129" s="18">
        <v>36</v>
      </c>
    </row>
    <row r="130" spans="1:4" ht="18" customHeight="1" x14ac:dyDescent="0.15">
      <c r="A130" s="5" t="s">
        <v>46</v>
      </c>
      <c r="B130" s="22">
        <v>4661</v>
      </c>
      <c r="C130" s="14">
        <v>5974</v>
      </c>
      <c r="D130" s="18">
        <v>10635</v>
      </c>
    </row>
    <row r="131" spans="1:4" ht="18" customHeight="1" x14ac:dyDescent="0.15">
      <c r="A131" s="7" t="s">
        <v>45</v>
      </c>
      <c r="B131" s="23">
        <v>19880</v>
      </c>
      <c r="C131" s="15">
        <v>20458</v>
      </c>
      <c r="D131" s="19">
        <v>4033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100-000000000000}">
  <sheetPr codeName="Sheet9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48" t="s">
        <v>220</v>
      </c>
      <c r="C5" s="49" t="s">
        <v>220</v>
      </c>
      <c r="D5" s="50" t="s">
        <v>220</v>
      </c>
    </row>
    <row r="6" spans="1:4" ht="18" customHeight="1" x14ac:dyDescent="0.15">
      <c r="A6" s="5">
        <v>1</v>
      </c>
      <c r="B6" s="51" t="s">
        <v>220</v>
      </c>
      <c r="C6" s="52" t="s">
        <v>220</v>
      </c>
      <c r="D6" s="53" t="s">
        <v>220</v>
      </c>
    </row>
    <row r="7" spans="1:4" ht="18" customHeight="1" x14ac:dyDescent="0.15">
      <c r="A7" s="5">
        <v>2</v>
      </c>
      <c r="B7" s="51" t="s">
        <v>220</v>
      </c>
      <c r="C7" s="52" t="s">
        <v>220</v>
      </c>
      <c r="D7" s="53" t="s">
        <v>220</v>
      </c>
    </row>
    <row r="8" spans="1:4" ht="18" customHeight="1" x14ac:dyDescent="0.15">
      <c r="A8" s="5">
        <v>3</v>
      </c>
      <c r="B8" s="51" t="s">
        <v>220</v>
      </c>
      <c r="C8" s="52" t="s">
        <v>220</v>
      </c>
      <c r="D8" s="53" t="s">
        <v>220</v>
      </c>
    </row>
    <row r="9" spans="1:4" ht="18" customHeight="1" x14ac:dyDescent="0.15">
      <c r="A9" s="5">
        <v>4</v>
      </c>
      <c r="B9" s="54" t="s">
        <v>220</v>
      </c>
      <c r="C9" s="55" t="s">
        <v>220</v>
      </c>
      <c r="D9" s="56" t="s">
        <v>220</v>
      </c>
    </row>
    <row r="10" spans="1:4" ht="18" customHeight="1" x14ac:dyDescent="0.15">
      <c r="A10" s="5" t="s">
        <v>7</v>
      </c>
      <c r="B10" s="57" t="s">
        <v>220</v>
      </c>
      <c r="C10" s="52" t="s">
        <v>220</v>
      </c>
      <c r="D10" s="53" t="s">
        <v>220</v>
      </c>
    </row>
    <row r="11" spans="1:4" ht="18" customHeight="1" x14ac:dyDescent="0.15">
      <c r="A11" s="5">
        <v>5</v>
      </c>
      <c r="B11" s="51" t="s">
        <v>220</v>
      </c>
      <c r="C11" s="52" t="s">
        <v>220</v>
      </c>
      <c r="D11" s="53" t="s">
        <v>220</v>
      </c>
    </row>
    <row r="12" spans="1:4" ht="18" customHeight="1" x14ac:dyDescent="0.15">
      <c r="A12" s="5">
        <v>6</v>
      </c>
      <c r="B12" s="51" t="s">
        <v>220</v>
      </c>
      <c r="C12" s="52" t="s">
        <v>220</v>
      </c>
      <c r="D12" s="53" t="s">
        <v>220</v>
      </c>
    </row>
    <row r="13" spans="1:4" ht="18" customHeight="1" x14ac:dyDescent="0.15">
      <c r="A13" s="5">
        <v>7</v>
      </c>
      <c r="B13" s="51" t="s">
        <v>220</v>
      </c>
      <c r="C13" s="52" t="s">
        <v>220</v>
      </c>
      <c r="D13" s="53" t="s">
        <v>220</v>
      </c>
    </row>
    <row r="14" spans="1:4" ht="18" customHeight="1" x14ac:dyDescent="0.15">
      <c r="A14" s="5">
        <v>8</v>
      </c>
      <c r="B14" s="51" t="s">
        <v>220</v>
      </c>
      <c r="C14" s="52" t="s">
        <v>220</v>
      </c>
      <c r="D14" s="53" t="s">
        <v>220</v>
      </c>
    </row>
    <row r="15" spans="1:4" ht="18" customHeight="1" x14ac:dyDescent="0.15">
      <c r="A15" s="5">
        <v>9</v>
      </c>
      <c r="B15" s="51" t="s">
        <v>220</v>
      </c>
      <c r="C15" s="52" t="s">
        <v>220</v>
      </c>
      <c r="D15" s="53" t="s">
        <v>220</v>
      </c>
    </row>
    <row r="16" spans="1:4" ht="18" customHeight="1" x14ac:dyDescent="0.15">
      <c r="A16" s="5" t="s">
        <v>11</v>
      </c>
      <c r="B16" s="57" t="s">
        <v>220</v>
      </c>
      <c r="C16" s="52" t="s">
        <v>220</v>
      </c>
      <c r="D16" s="53" t="s">
        <v>220</v>
      </c>
    </row>
    <row r="17" spans="1:4" ht="18" customHeight="1" x14ac:dyDescent="0.15">
      <c r="A17" s="5">
        <v>10</v>
      </c>
      <c r="B17" s="57" t="s">
        <v>220</v>
      </c>
      <c r="C17" s="52" t="s">
        <v>220</v>
      </c>
      <c r="D17" s="53" t="s">
        <v>220</v>
      </c>
    </row>
    <row r="18" spans="1:4" ht="18" customHeight="1" x14ac:dyDescent="0.15">
      <c r="A18" s="5">
        <v>11</v>
      </c>
      <c r="B18" s="57" t="s">
        <v>220</v>
      </c>
      <c r="C18" s="52" t="s">
        <v>220</v>
      </c>
      <c r="D18" s="53" t="s">
        <v>220</v>
      </c>
    </row>
    <row r="19" spans="1:4" ht="18" customHeight="1" x14ac:dyDescent="0.15">
      <c r="A19" s="5">
        <v>12</v>
      </c>
      <c r="B19" s="57" t="s">
        <v>220</v>
      </c>
      <c r="C19" s="52" t="s">
        <v>220</v>
      </c>
      <c r="D19" s="53" t="s">
        <v>220</v>
      </c>
    </row>
    <row r="20" spans="1:4" ht="18" customHeight="1" x14ac:dyDescent="0.15">
      <c r="A20" s="5">
        <v>13</v>
      </c>
      <c r="B20" s="57" t="s">
        <v>220</v>
      </c>
      <c r="C20" s="52" t="s">
        <v>220</v>
      </c>
      <c r="D20" s="53" t="s">
        <v>220</v>
      </c>
    </row>
    <row r="21" spans="1:4" ht="18" customHeight="1" x14ac:dyDescent="0.15">
      <c r="A21" s="5">
        <v>14</v>
      </c>
      <c r="B21" s="57" t="s">
        <v>220</v>
      </c>
      <c r="C21" s="52" t="s">
        <v>220</v>
      </c>
      <c r="D21" s="53" t="s">
        <v>220</v>
      </c>
    </row>
    <row r="22" spans="1:4" ht="18" customHeight="1" x14ac:dyDescent="0.15">
      <c r="A22" s="5" t="s">
        <v>12</v>
      </c>
      <c r="B22" s="57" t="s">
        <v>220</v>
      </c>
      <c r="C22" s="52" t="s">
        <v>220</v>
      </c>
      <c r="D22" s="53" t="s">
        <v>220</v>
      </c>
    </row>
    <row r="23" spans="1:4" ht="18" customHeight="1" x14ac:dyDescent="0.15">
      <c r="A23" s="5" t="s">
        <v>6</v>
      </c>
      <c r="B23" s="22">
        <v>0</v>
      </c>
      <c r="C23" s="14">
        <v>0</v>
      </c>
      <c r="D23" s="18">
        <v>0</v>
      </c>
    </row>
    <row r="24" spans="1:4" ht="18" customHeight="1" x14ac:dyDescent="0.15">
      <c r="A24" s="5">
        <v>15</v>
      </c>
      <c r="B24" s="57" t="s">
        <v>220</v>
      </c>
      <c r="C24" s="52" t="s">
        <v>220</v>
      </c>
      <c r="D24" s="53" t="s">
        <v>220</v>
      </c>
    </row>
    <row r="25" spans="1:4" ht="18" customHeight="1" x14ac:dyDescent="0.15">
      <c r="A25" s="5">
        <v>16</v>
      </c>
      <c r="B25" s="57" t="s">
        <v>220</v>
      </c>
      <c r="C25" s="52" t="s">
        <v>220</v>
      </c>
      <c r="D25" s="53" t="s">
        <v>220</v>
      </c>
    </row>
    <row r="26" spans="1:4" ht="18" customHeight="1" x14ac:dyDescent="0.15">
      <c r="A26" s="5">
        <v>17</v>
      </c>
      <c r="B26" s="57" t="s">
        <v>220</v>
      </c>
      <c r="C26" s="52" t="s">
        <v>220</v>
      </c>
      <c r="D26" s="53" t="s">
        <v>220</v>
      </c>
    </row>
    <row r="27" spans="1:4" ht="18" customHeight="1" x14ac:dyDescent="0.15">
      <c r="A27" s="5">
        <v>18</v>
      </c>
      <c r="B27" s="57" t="s">
        <v>220</v>
      </c>
      <c r="C27" s="52" t="s">
        <v>220</v>
      </c>
      <c r="D27" s="53" t="s">
        <v>220</v>
      </c>
    </row>
    <row r="28" spans="1:4" ht="18" customHeight="1" x14ac:dyDescent="0.15">
      <c r="A28" s="5">
        <v>19</v>
      </c>
      <c r="B28" s="57" t="s">
        <v>220</v>
      </c>
      <c r="C28" s="52" t="s">
        <v>220</v>
      </c>
      <c r="D28" s="53" t="s">
        <v>220</v>
      </c>
    </row>
    <row r="29" spans="1:4" ht="18" customHeight="1" x14ac:dyDescent="0.15">
      <c r="A29" s="5" t="s">
        <v>14</v>
      </c>
      <c r="B29" s="57" t="s">
        <v>220</v>
      </c>
      <c r="C29" s="52" t="s">
        <v>220</v>
      </c>
      <c r="D29" s="53" t="s">
        <v>220</v>
      </c>
    </row>
    <row r="30" spans="1:4" ht="18" customHeight="1" x14ac:dyDescent="0.15">
      <c r="A30" s="5">
        <v>20</v>
      </c>
      <c r="B30" s="57" t="s">
        <v>220</v>
      </c>
      <c r="C30" s="52" t="s">
        <v>220</v>
      </c>
      <c r="D30" s="53" t="s">
        <v>220</v>
      </c>
    </row>
    <row r="31" spans="1:4" ht="18" customHeight="1" x14ac:dyDescent="0.15">
      <c r="A31" s="5">
        <v>21</v>
      </c>
      <c r="B31" s="57" t="s">
        <v>220</v>
      </c>
      <c r="C31" s="52" t="s">
        <v>220</v>
      </c>
      <c r="D31" s="53" t="s">
        <v>220</v>
      </c>
    </row>
    <row r="32" spans="1:4" ht="18" customHeight="1" x14ac:dyDescent="0.15">
      <c r="A32" s="5">
        <v>22</v>
      </c>
      <c r="B32" s="57" t="s">
        <v>220</v>
      </c>
      <c r="C32" s="52" t="s">
        <v>220</v>
      </c>
      <c r="D32" s="53" t="s">
        <v>220</v>
      </c>
    </row>
    <row r="33" spans="1:4" ht="18" customHeight="1" x14ac:dyDescent="0.15">
      <c r="A33" s="5">
        <v>23</v>
      </c>
      <c r="B33" s="57" t="s">
        <v>220</v>
      </c>
      <c r="C33" s="52" t="s">
        <v>220</v>
      </c>
      <c r="D33" s="53" t="s">
        <v>220</v>
      </c>
    </row>
    <row r="34" spans="1:4" ht="18" customHeight="1" x14ac:dyDescent="0.15">
      <c r="A34" s="5">
        <v>24</v>
      </c>
      <c r="B34" s="57" t="s">
        <v>220</v>
      </c>
      <c r="C34" s="52" t="s">
        <v>220</v>
      </c>
      <c r="D34" s="53" t="s">
        <v>220</v>
      </c>
    </row>
    <row r="35" spans="1:4" ht="18" customHeight="1" x14ac:dyDescent="0.15">
      <c r="A35" s="5" t="s">
        <v>9</v>
      </c>
      <c r="B35" s="57" t="s">
        <v>220</v>
      </c>
      <c r="C35" s="52" t="s">
        <v>220</v>
      </c>
      <c r="D35" s="53" t="s">
        <v>220</v>
      </c>
    </row>
    <row r="36" spans="1:4" ht="18" customHeight="1" x14ac:dyDescent="0.15">
      <c r="A36" s="5">
        <v>25</v>
      </c>
      <c r="B36" s="57" t="s">
        <v>220</v>
      </c>
      <c r="C36" s="52" t="s">
        <v>220</v>
      </c>
      <c r="D36" s="53" t="s">
        <v>220</v>
      </c>
    </row>
    <row r="37" spans="1:4" ht="18" customHeight="1" x14ac:dyDescent="0.15">
      <c r="A37" s="5">
        <v>26</v>
      </c>
      <c r="B37" s="57" t="s">
        <v>220</v>
      </c>
      <c r="C37" s="52" t="s">
        <v>220</v>
      </c>
      <c r="D37" s="53" t="s">
        <v>220</v>
      </c>
    </row>
    <row r="38" spans="1:4" ht="18" customHeight="1" x14ac:dyDescent="0.15">
      <c r="A38" s="5">
        <v>27</v>
      </c>
      <c r="B38" s="57" t="s">
        <v>220</v>
      </c>
      <c r="C38" s="52" t="s">
        <v>220</v>
      </c>
      <c r="D38" s="53" t="s">
        <v>220</v>
      </c>
    </row>
    <row r="39" spans="1:4" ht="18" customHeight="1" x14ac:dyDescent="0.15">
      <c r="A39" s="5">
        <v>28</v>
      </c>
      <c r="B39" s="57" t="s">
        <v>220</v>
      </c>
      <c r="C39" s="52" t="s">
        <v>220</v>
      </c>
      <c r="D39" s="53" t="s">
        <v>220</v>
      </c>
    </row>
    <row r="40" spans="1:4" ht="18" customHeight="1" x14ac:dyDescent="0.15">
      <c r="A40" s="5">
        <v>29</v>
      </c>
      <c r="B40" s="57" t="s">
        <v>220</v>
      </c>
      <c r="C40" s="52" t="s">
        <v>220</v>
      </c>
      <c r="D40" s="53" t="s">
        <v>220</v>
      </c>
    </row>
    <row r="41" spans="1:4" ht="18" customHeight="1" x14ac:dyDescent="0.15">
      <c r="A41" s="5" t="s">
        <v>2</v>
      </c>
      <c r="B41" s="57" t="s">
        <v>220</v>
      </c>
      <c r="C41" s="52" t="s">
        <v>220</v>
      </c>
      <c r="D41" s="53" t="s">
        <v>220</v>
      </c>
    </row>
    <row r="42" spans="1:4" ht="18" customHeight="1" x14ac:dyDescent="0.15">
      <c r="A42" s="5">
        <v>30</v>
      </c>
      <c r="B42" s="57" t="s">
        <v>220</v>
      </c>
      <c r="C42" s="52" t="s">
        <v>220</v>
      </c>
      <c r="D42" s="53" t="s">
        <v>220</v>
      </c>
    </row>
    <row r="43" spans="1:4" ht="18" customHeight="1" x14ac:dyDescent="0.15">
      <c r="A43" s="5">
        <v>31</v>
      </c>
      <c r="B43" s="57" t="s">
        <v>220</v>
      </c>
      <c r="C43" s="52" t="s">
        <v>220</v>
      </c>
      <c r="D43" s="53" t="s">
        <v>220</v>
      </c>
    </row>
    <row r="44" spans="1:4" ht="18" customHeight="1" x14ac:dyDescent="0.15">
      <c r="A44" s="5">
        <v>32</v>
      </c>
      <c r="B44" s="57" t="s">
        <v>220</v>
      </c>
      <c r="C44" s="52" t="s">
        <v>220</v>
      </c>
      <c r="D44" s="53" t="s">
        <v>220</v>
      </c>
    </row>
    <row r="45" spans="1:4" ht="18" customHeight="1" x14ac:dyDescent="0.15">
      <c r="A45" s="5">
        <v>33</v>
      </c>
      <c r="B45" s="57" t="s">
        <v>220</v>
      </c>
      <c r="C45" s="52" t="s">
        <v>220</v>
      </c>
      <c r="D45" s="53" t="s">
        <v>220</v>
      </c>
    </row>
    <row r="46" spans="1:4" ht="18" customHeight="1" x14ac:dyDescent="0.15">
      <c r="A46" s="5">
        <v>34</v>
      </c>
      <c r="B46" s="57" t="s">
        <v>220</v>
      </c>
      <c r="C46" s="52" t="s">
        <v>220</v>
      </c>
      <c r="D46" s="53" t="s">
        <v>220</v>
      </c>
    </row>
    <row r="47" spans="1:4" ht="18" customHeight="1" x14ac:dyDescent="0.15">
      <c r="A47" s="5" t="s">
        <v>15</v>
      </c>
      <c r="B47" s="57" t="s">
        <v>220</v>
      </c>
      <c r="C47" s="52" t="s">
        <v>220</v>
      </c>
      <c r="D47" s="53" t="s">
        <v>220</v>
      </c>
    </row>
    <row r="48" spans="1:4" ht="18" customHeight="1" x14ac:dyDescent="0.15">
      <c r="A48" s="5">
        <v>35</v>
      </c>
      <c r="B48" s="57" t="s">
        <v>220</v>
      </c>
      <c r="C48" s="52" t="s">
        <v>220</v>
      </c>
      <c r="D48" s="53" t="s">
        <v>220</v>
      </c>
    </row>
    <row r="49" spans="1:4" ht="18" customHeight="1" x14ac:dyDescent="0.15">
      <c r="A49" s="5">
        <v>36</v>
      </c>
      <c r="B49" s="57" t="s">
        <v>220</v>
      </c>
      <c r="C49" s="52" t="s">
        <v>220</v>
      </c>
      <c r="D49" s="53" t="s">
        <v>220</v>
      </c>
    </row>
    <row r="50" spans="1:4" ht="18" customHeight="1" x14ac:dyDescent="0.15">
      <c r="A50" s="5">
        <v>37</v>
      </c>
      <c r="B50" s="57" t="s">
        <v>220</v>
      </c>
      <c r="C50" s="52" t="s">
        <v>220</v>
      </c>
      <c r="D50" s="53" t="s">
        <v>220</v>
      </c>
    </row>
    <row r="51" spans="1:4" ht="18" customHeight="1" x14ac:dyDescent="0.15">
      <c r="A51" s="5">
        <v>38</v>
      </c>
      <c r="B51" s="57" t="s">
        <v>220</v>
      </c>
      <c r="C51" s="52" t="s">
        <v>220</v>
      </c>
      <c r="D51" s="53" t="s">
        <v>220</v>
      </c>
    </row>
    <row r="52" spans="1:4" ht="18" customHeight="1" x14ac:dyDescent="0.15">
      <c r="A52" s="5">
        <v>39</v>
      </c>
      <c r="B52" s="57" t="s">
        <v>220</v>
      </c>
      <c r="C52" s="52" t="s">
        <v>220</v>
      </c>
      <c r="D52" s="53" t="s">
        <v>220</v>
      </c>
    </row>
    <row r="53" spans="1:4" ht="18" customHeight="1" x14ac:dyDescent="0.15">
      <c r="A53" s="5" t="s">
        <v>18</v>
      </c>
      <c r="B53" s="57" t="s">
        <v>220</v>
      </c>
      <c r="C53" s="52" t="s">
        <v>220</v>
      </c>
      <c r="D53" s="53" t="s">
        <v>220</v>
      </c>
    </row>
    <row r="54" spans="1:4" ht="18" customHeight="1" x14ac:dyDescent="0.15">
      <c r="A54" s="5">
        <v>40</v>
      </c>
      <c r="B54" s="57" t="s">
        <v>220</v>
      </c>
      <c r="C54" s="52" t="s">
        <v>220</v>
      </c>
      <c r="D54" s="53" t="s">
        <v>220</v>
      </c>
    </row>
    <row r="55" spans="1:4" ht="18" customHeight="1" x14ac:dyDescent="0.15">
      <c r="A55" s="5">
        <v>41</v>
      </c>
      <c r="B55" s="57" t="s">
        <v>220</v>
      </c>
      <c r="C55" s="52" t="s">
        <v>220</v>
      </c>
      <c r="D55" s="53" t="s">
        <v>220</v>
      </c>
    </row>
    <row r="56" spans="1:4" ht="18" customHeight="1" x14ac:dyDescent="0.15">
      <c r="A56" s="5">
        <v>42</v>
      </c>
      <c r="B56" s="57" t="s">
        <v>220</v>
      </c>
      <c r="C56" s="52" t="s">
        <v>220</v>
      </c>
      <c r="D56" s="53" t="s">
        <v>220</v>
      </c>
    </row>
    <row r="57" spans="1:4" ht="18" customHeight="1" x14ac:dyDescent="0.15">
      <c r="A57" s="5">
        <v>43</v>
      </c>
      <c r="B57" s="57" t="s">
        <v>220</v>
      </c>
      <c r="C57" s="52" t="s">
        <v>220</v>
      </c>
      <c r="D57" s="53" t="s">
        <v>220</v>
      </c>
    </row>
    <row r="58" spans="1:4" ht="18" customHeight="1" x14ac:dyDescent="0.15">
      <c r="A58" s="5">
        <v>44</v>
      </c>
      <c r="B58" s="57" t="s">
        <v>220</v>
      </c>
      <c r="C58" s="52" t="s">
        <v>220</v>
      </c>
      <c r="D58" s="53" t="s">
        <v>220</v>
      </c>
    </row>
    <row r="59" spans="1:4" ht="18" customHeight="1" x14ac:dyDescent="0.15">
      <c r="A59" s="5" t="s">
        <v>21</v>
      </c>
      <c r="B59" s="57" t="s">
        <v>220</v>
      </c>
      <c r="C59" s="52" t="s">
        <v>220</v>
      </c>
      <c r="D59" s="53" t="s">
        <v>220</v>
      </c>
    </row>
    <row r="60" spans="1:4" ht="18" customHeight="1" x14ac:dyDescent="0.15">
      <c r="A60" s="5">
        <v>45</v>
      </c>
      <c r="B60" s="57" t="s">
        <v>220</v>
      </c>
      <c r="C60" s="52" t="s">
        <v>220</v>
      </c>
      <c r="D60" s="53" t="s">
        <v>220</v>
      </c>
    </row>
    <row r="61" spans="1:4" ht="18" customHeight="1" x14ac:dyDescent="0.15">
      <c r="A61" s="5">
        <v>46</v>
      </c>
      <c r="B61" s="57" t="s">
        <v>220</v>
      </c>
      <c r="C61" s="52" t="s">
        <v>220</v>
      </c>
      <c r="D61" s="53" t="s">
        <v>220</v>
      </c>
    </row>
    <row r="62" spans="1:4" ht="18" customHeight="1" x14ac:dyDescent="0.15">
      <c r="A62" s="5">
        <v>47</v>
      </c>
      <c r="B62" s="57" t="s">
        <v>220</v>
      </c>
      <c r="C62" s="52" t="s">
        <v>220</v>
      </c>
      <c r="D62" s="53" t="s">
        <v>220</v>
      </c>
    </row>
    <row r="63" spans="1:4" ht="18" customHeight="1" x14ac:dyDescent="0.15">
      <c r="A63" s="5">
        <v>48</v>
      </c>
      <c r="B63" s="57" t="s">
        <v>220</v>
      </c>
      <c r="C63" s="52" t="s">
        <v>220</v>
      </c>
      <c r="D63" s="53" t="s">
        <v>220</v>
      </c>
    </row>
    <row r="64" spans="1:4" ht="18" customHeight="1" x14ac:dyDescent="0.15">
      <c r="A64" s="5">
        <v>49</v>
      </c>
      <c r="B64" s="57" t="s">
        <v>220</v>
      </c>
      <c r="C64" s="52" t="s">
        <v>220</v>
      </c>
      <c r="D64" s="53" t="s">
        <v>220</v>
      </c>
    </row>
    <row r="65" spans="1:4" ht="18" customHeight="1" x14ac:dyDescent="0.15">
      <c r="A65" s="5" t="s">
        <v>17</v>
      </c>
      <c r="B65" s="57" t="s">
        <v>220</v>
      </c>
      <c r="C65" s="52" t="s">
        <v>220</v>
      </c>
      <c r="D65" s="53" t="s">
        <v>220</v>
      </c>
    </row>
    <row r="66" spans="1:4" ht="18" customHeight="1" x14ac:dyDescent="0.15">
      <c r="A66" s="5">
        <v>50</v>
      </c>
      <c r="B66" s="57" t="s">
        <v>220</v>
      </c>
      <c r="C66" s="52" t="s">
        <v>220</v>
      </c>
      <c r="D66" s="53" t="s">
        <v>220</v>
      </c>
    </row>
    <row r="67" spans="1:4" ht="18" customHeight="1" x14ac:dyDescent="0.15">
      <c r="A67" s="5">
        <v>51</v>
      </c>
      <c r="B67" s="57" t="s">
        <v>220</v>
      </c>
      <c r="C67" s="52" t="s">
        <v>220</v>
      </c>
      <c r="D67" s="53" t="s">
        <v>220</v>
      </c>
    </row>
    <row r="68" spans="1:4" ht="18" customHeight="1" x14ac:dyDescent="0.15">
      <c r="A68" s="5">
        <v>52</v>
      </c>
      <c r="B68" s="57" t="s">
        <v>220</v>
      </c>
      <c r="C68" s="52" t="s">
        <v>220</v>
      </c>
      <c r="D68" s="53" t="s">
        <v>220</v>
      </c>
    </row>
    <row r="69" spans="1:4" ht="18" customHeight="1" x14ac:dyDescent="0.15">
      <c r="A69" s="5">
        <v>53</v>
      </c>
      <c r="B69" s="57" t="s">
        <v>220</v>
      </c>
      <c r="C69" s="52" t="s">
        <v>220</v>
      </c>
      <c r="D69" s="53" t="s">
        <v>220</v>
      </c>
    </row>
    <row r="70" spans="1:4" ht="18" customHeight="1" x14ac:dyDescent="0.15">
      <c r="A70" s="5">
        <v>54</v>
      </c>
      <c r="B70" s="57" t="s">
        <v>220</v>
      </c>
      <c r="C70" s="52" t="s">
        <v>220</v>
      </c>
      <c r="D70" s="53" t="s">
        <v>220</v>
      </c>
    </row>
    <row r="71" spans="1:4" ht="18" customHeight="1" x14ac:dyDescent="0.15">
      <c r="A71" s="5" t="s">
        <v>22</v>
      </c>
      <c r="B71" s="57" t="s">
        <v>220</v>
      </c>
      <c r="C71" s="52" t="s">
        <v>220</v>
      </c>
      <c r="D71" s="53" t="s">
        <v>220</v>
      </c>
    </row>
    <row r="72" spans="1:4" ht="18" customHeight="1" x14ac:dyDescent="0.15">
      <c r="A72" s="5">
        <v>55</v>
      </c>
      <c r="B72" s="57" t="s">
        <v>220</v>
      </c>
      <c r="C72" s="52" t="s">
        <v>220</v>
      </c>
      <c r="D72" s="53" t="s">
        <v>220</v>
      </c>
    </row>
    <row r="73" spans="1:4" ht="18" customHeight="1" x14ac:dyDescent="0.15">
      <c r="A73" s="5">
        <v>56</v>
      </c>
      <c r="B73" s="57" t="s">
        <v>220</v>
      </c>
      <c r="C73" s="52" t="s">
        <v>220</v>
      </c>
      <c r="D73" s="53" t="s">
        <v>220</v>
      </c>
    </row>
    <row r="74" spans="1:4" ht="18" customHeight="1" x14ac:dyDescent="0.15">
      <c r="A74" s="5">
        <v>57</v>
      </c>
      <c r="B74" s="57" t="s">
        <v>220</v>
      </c>
      <c r="C74" s="52" t="s">
        <v>220</v>
      </c>
      <c r="D74" s="53" t="s">
        <v>220</v>
      </c>
    </row>
    <row r="75" spans="1:4" ht="18" customHeight="1" x14ac:dyDescent="0.15">
      <c r="A75" s="5">
        <v>58</v>
      </c>
      <c r="B75" s="57" t="s">
        <v>220</v>
      </c>
      <c r="C75" s="52" t="s">
        <v>220</v>
      </c>
      <c r="D75" s="53" t="s">
        <v>220</v>
      </c>
    </row>
    <row r="76" spans="1:4" ht="18" customHeight="1" x14ac:dyDescent="0.15">
      <c r="A76" s="5">
        <v>59</v>
      </c>
      <c r="B76" s="57" t="s">
        <v>220</v>
      </c>
      <c r="C76" s="52" t="s">
        <v>220</v>
      </c>
      <c r="D76" s="53" t="s">
        <v>220</v>
      </c>
    </row>
    <row r="77" spans="1:4" ht="18" customHeight="1" x14ac:dyDescent="0.15">
      <c r="A77" s="5" t="s">
        <v>27</v>
      </c>
      <c r="B77" s="57" t="s">
        <v>220</v>
      </c>
      <c r="C77" s="52" t="s">
        <v>220</v>
      </c>
      <c r="D77" s="53" t="s">
        <v>220</v>
      </c>
    </row>
    <row r="78" spans="1:4" ht="18" customHeight="1" x14ac:dyDescent="0.15">
      <c r="A78" s="5">
        <v>60</v>
      </c>
      <c r="B78" s="57" t="s">
        <v>220</v>
      </c>
      <c r="C78" s="52" t="s">
        <v>220</v>
      </c>
      <c r="D78" s="53" t="s">
        <v>220</v>
      </c>
    </row>
    <row r="79" spans="1:4" ht="18" customHeight="1" x14ac:dyDescent="0.15">
      <c r="A79" s="5">
        <v>61</v>
      </c>
      <c r="B79" s="57" t="s">
        <v>220</v>
      </c>
      <c r="C79" s="52" t="s">
        <v>220</v>
      </c>
      <c r="D79" s="53" t="s">
        <v>220</v>
      </c>
    </row>
    <row r="80" spans="1:4" ht="18" customHeight="1" x14ac:dyDescent="0.15">
      <c r="A80" s="5">
        <v>62</v>
      </c>
      <c r="B80" s="57" t="s">
        <v>220</v>
      </c>
      <c r="C80" s="52" t="s">
        <v>220</v>
      </c>
      <c r="D80" s="53" t="s">
        <v>220</v>
      </c>
    </row>
    <row r="81" spans="1:4" ht="18" customHeight="1" x14ac:dyDescent="0.15">
      <c r="A81" s="5">
        <v>63</v>
      </c>
      <c r="B81" s="57" t="s">
        <v>220</v>
      </c>
      <c r="C81" s="52" t="s">
        <v>220</v>
      </c>
      <c r="D81" s="53" t="s">
        <v>220</v>
      </c>
    </row>
    <row r="82" spans="1:4" ht="18" customHeight="1" x14ac:dyDescent="0.15">
      <c r="A82" s="5">
        <v>64</v>
      </c>
      <c r="B82" s="57" t="s">
        <v>220</v>
      </c>
      <c r="C82" s="52" t="s">
        <v>220</v>
      </c>
      <c r="D82" s="53" t="s">
        <v>220</v>
      </c>
    </row>
    <row r="83" spans="1:4" ht="18" customHeight="1" x14ac:dyDescent="0.15">
      <c r="A83" s="5" t="s">
        <v>28</v>
      </c>
      <c r="B83" s="57" t="s">
        <v>220</v>
      </c>
      <c r="C83" s="52" t="s">
        <v>220</v>
      </c>
      <c r="D83" s="53" t="s">
        <v>220</v>
      </c>
    </row>
    <row r="84" spans="1:4" ht="18" customHeight="1" x14ac:dyDescent="0.15">
      <c r="A84" s="5" t="s">
        <v>31</v>
      </c>
      <c r="B84" s="22">
        <v>2</v>
      </c>
      <c r="C84" s="14">
        <v>2</v>
      </c>
      <c r="D84" s="18">
        <v>4</v>
      </c>
    </row>
    <row r="85" spans="1:4" ht="18" customHeight="1" x14ac:dyDescent="0.15">
      <c r="A85" s="5">
        <v>65</v>
      </c>
      <c r="B85" s="57" t="s">
        <v>220</v>
      </c>
      <c r="C85" s="52" t="s">
        <v>220</v>
      </c>
      <c r="D85" s="53" t="s">
        <v>220</v>
      </c>
    </row>
    <row r="86" spans="1:4" ht="18" customHeight="1" x14ac:dyDescent="0.15">
      <c r="A86" s="5">
        <v>66</v>
      </c>
      <c r="B86" s="57" t="s">
        <v>220</v>
      </c>
      <c r="C86" s="52" t="s">
        <v>220</v>
      </c>
      <c r="D86" s="53" t="s">
        <v>220</v>
      </c>
    </row>
    <row r="87" spans="1:4" ht="18" customHeight="1" x14ac:dyDescent="0.15">
      <c r="A87" s="5">
        <v>67</v>
      </c>
      <c r="B87" s="57" t="s">
        <v>220</v>
      </c>
      <c r="C87" s="52" t="s">
        <v>220</v>
      </c>
      <c r="D87" s="53" t="s">
        <v>220</v>
      </c>
    </row>
    <row r="88" spans="1:4" ht="18" customHeight="1" x14ac:dyDescent="0.15">
      <c r="A88" s="5">
        <v>68</v>
      </c>
      <c r="B88" s="57" t="s">
        <v>220</v>
      </c>
      <c r="C88" s="52" t="s">
        <v>220</v>
      </c>
      <c r="D88" s="53" t="s">
        <v>220</v>
      </c>
    </row>
    <row r="89" spans="1:4" ht="18" customHeight="1" x14ac:dyDescent="0.15">
      <c r="A89" s="5">
        <v>69</v>
      </c>
      <c r="B89" s="57" t="s">
        <v>220</v>
      </c>
      <c r="C89" s="52" t="s">
        <v>220</v>
      </c>
      <c r="D89" s="53" t="s">
        <v>220</v>
      </c>
    </row>
    <row r="90" spans="1:4" ht="18" customHeight="1" x14ac:dyDescent="0.15">
      <c r="A90" s="5" t="s">
        <v>20</v>
      </c>
      <c r="B90" s="57" t="s">
        <v>220</v>
      </c>
      <c r="C90" s="52" t="s">
        <v>220</v>
      </c>
      <c r="D90" s="53" t="s">
        <v>220</v>
      </c>
    </row>
    <row r="91" spans="1:4" ht="18" customHeight="1" x14ac:dyDescent="0.15">
      <c r="A91" s="5">
        <v>70</v>
      </c>
      <c r="B91" s="57" t="s">
        <v>220</v>
      </c>
      <c r="C91" s="52" t="s">
        <v>220</v>
      </c>
      <c r="D91" s="53" t="s">
        <v>220</v>
      </c>
    </row>
    <row r="92" spans="1:4" ht="18" customHeight="1" x14ac:dyDescent="0.15">
      <c r="A92" s="5">
        <v>71</v>
      </c>
      <c r="B92" s="57" t="s">
        <v>220</v>
      </c>
      <c r="C92" s="52" t="s">
        <v>220</v>
      </c>
      <c r="D92" s="53" t="s">
        <v>220</v>
      </c>
    </row>
    <row r="93" spans="1:4" ht="18" customHeight="1" x14ac:dyDescent="0.15">
      <c r="A93" s="5">
        <v>72</v>
      </c>
      <c r="B93" s="57" t="s">
        <v>220</v>
      </c>
      <c r="C93" s="52" t="s">
        <v>220</v>
      </c>
      <c r="D93" s="53" t="s">
        <v>220</v>
      </c>
    </row>
    <row r="94" spans="1:4" ht="18" customHeight="1" x14ac:dyDescent="0.15">
      <c r="A94" s="5">
        <v>73</v>
      </c>
      <c r="B94" s="57" t="s">
        <v>220</v>
      </c>
      <c r="C94" s="52" t="s">
        <v>220</v>
      </c>
      <c r="D94" s="53" t="s">
        <v>220</v>
      </c>
    </row>
    <row r="95" spans="1:4" ht="18" customHeight="1" x14ac:dyDescent="0.15">
      <c r="A95" s="5">
        <v>74</v>
      </c>
      <c r="B95" s="57" t="s">
        <v>220</v>
      </c>
      <c r="C95" s="52" t="s">
        <v>220</v>
      </c>
      <c r="D95" s="53" t="s">
        <v>220</v>
      </c>
    </row>
    <row r="96" spans="1:4" ht="18" customHeight="1" x14ac:dyDescent="0.15">
      <c r="A96" s="5" t="s">
        <v>33</v>
      </c>
      <c r="B96" s="57" t="s">
        <v>220</v>
      </c>
      <c r="C96" s="52" t="s">
        <v>220</v>
      </c>
      <c r="D96" s="53" t="s">
        <v>220</v>
      </c>
    </row>
    <row r="97" spans="1:4" ht="18" customHeight="1" x14ac:dyDescent="0.15">
      <c r="A97" s="5">
        <v>75</v>
      </c>
      <c r="B97" s="57" t="s">
        <v>220</v>
      </c>
      <c r="C97" s="52" t="s">
        <v>220</v>
      </c>
      <c r="D97" s="53" t="s">
        <v>220</v>
      </c>
    </row>
    <row r="98" spans="1:4" ht="18" customHeight="1" x14ac:dyDescent="0.15">
      <c r="A98" s="5">
        <v>76</v>
      </c>
      <c r="B98" s="57" t="s">
        <v>220</v>
      </c>
      <c r="C98" s="52" t="s">
        <v>220</v>
      </c>
      <c r="D98" s="53" t="s">
        <v>220</v>
      </c>
    </row>
    <row r="99" spans="1:4" ht="18" customHeight="1" x14ac:dyDescent="0.15">
      <c r="A99" s="5">
        <v>77</v>
      </c>
      <c r="B99" s="57" t="s">
        <v>220</v>
      </c>
      <c r="C99" s="52" t="s">
        <v>220</v>
      </c>
      <c r="D99" s="53" t="s">
        <v>220</v>
      </c>
    </row>
    <row r="100" spans="1:4" ht="18" customHeight="1" x14ac:dyDescent="0.15">
      <c r="A100" s="5">
        <v>78</v>
      </c>
      <c r="B100" s="57" t="s">
        <v>220</v>
      </c>
      <c r="C100" s="52" t="s">
        <v>220</v>
      </c>
      <c r="D100" s="53" t="s">
        <v>220</v>
      </c>
    </row>
    <row r="101" spans="1:4" ht="18" customHeight="1" x14ac:dyDescent="0.15">
      <c r="A101" s="5">
        <v>79</v>
      </c>
      <c r="B101" s="57" t="s">
        <v>220</v>
      </c>
      <c r="C101" s="52" t="s">
        <v>220</v>
      </c>
      <c r="D101" s="53" t="s">
        <v>220</v>
      </c>
    </row>
    <row r="102" spans="1:4" ht="18" customHeight="1" x14ac:dyDescent="0.15">
      <c r="A102" s="5" t="s">
        <v>0</v>
      </c>
      <c r="B102" s="57" t="s">
        <v>220</v>
      </c>
      <c r="C102" s="52" t="s">
        <v>220</v>
      </c>
      <c r="D102" s="53" t="s">
        <v>220</v>
      </c>
    </row>
    <row r="103" spans="1:4" ht="18" customHeight="1" x14ac:dyDescent="0.15">
      <c r="A103" s="5">
        <v>80</v>
      </c>
      <c r="B103" s="57" t="s">
        <v>220</v>
      </c>
      <c r="C103" s="52" t="s">
        <v>220</v>
      </c>
      <c r="D103" s="53" t="s">
        <v>220</v>
      </c>
    </row>
    <row r="104" spans="1:4" ht="18" customHeight="1" x14ac:dyDescent="0.15">
      <c r="A104" s="5">
        <v>81</v>
      </c>
      <c r="B104" s="57" t="s">
        <v>220</v>
      </c>
      <c r="C104" s="52" t="s">
        <v>220</v>
      </c>
      <c r="D104" s="53" t="s">
        <v>220</v>
      </c>
    </row>
    <row r="105" spans="1:4" ht="18" customHeight="1" x14ac:dyDescent="0.15">
      <c r="A105" s="5">
        <v>82</v>
      </c>
      <c r="B105" s="57" t="s">
        <v>220</v>
      </c>
      <c r="C105" s="52" t="s">
        <v>220</v>
      </c>
      <c r="D105" s="53" t="s">
        <v>220</v>
      </c>
    </row>
    <row r="106" spans="1:4" ht="18" customHeight="1" x14ac:dyDescent="0.15">
      <c r="A106" s="5">
        <v>83</v>
      </c>
      <c r="B106" s="57" t="s">
        <v>220</v>
      </c>
      <c r="C106" s="52" t="s">
        <v>220</v>
      </c>
      <c r="D106" s="53" t="s">
        <v>220</v>
      </c>
    </row>
    <row r="107" spans="1:4" ht="18" customHeight="1" x14ac:dyDescent="0.15">
      <c r="A107" s="5">
        <v>84</v>
      </c>
      <c r="B107" s="57" t="s">
        <v>220</v>
      </c>
      <c r="C107" s="52" t="s">
        <v>220</v>
      </c>
      <c r="D107" s="53" t="s">
        <v>220</v>
      </c>
    </row>
    <row r="108" spans="1:4" ht="18" customHeight="1" x14ac:dyDescent="0.15">
      <c r="A108" s="5" t="s">
        <v>35</v>
      </c>
      <c r="B108" s="57" t="s">
        <v>220</v>
      </c>
      <c r="C108" s="52" t="s">
        <v>220</v>
      </c>
      <c r="D108" s="53" t="s">
        <v>220</v>
      </c>
    </row>
    <row r="109" spans="1:4" ht="18" customHeight="1" x14ac:dyDescent="0.15">
      <c r="A109" s="5">
        <v>85</v>
      </c>
      <c r="B109" s="57" t="s">
        <v>220</v>
      </c>
      <c r="C109" s="52" t="s">
        <v>220</v>
      </c>
      <c r="D109" s="53" t="s">
        <v>220</v>
      </c>
    </row>
    <row r="110" spans="1:4" ht="18" customHeight="1" x14ac:dyDescent="0.15">
      <c r="A110" s="5">
        <v>86</v>
      </c>
      <c r="B110" s="57" t="s">
        <v>220</v>
      </c>
      <c r="C110" s="52" t="s">
        <v>220</v>
      </c>
      <c r="D110" s="53" t="s">
        <v>220</v>
      </c>
    </row>
    <row r="111" spans="1:4" ht="18" customHeight="1" x14ac:dyDescent="0.15">
      <c r="A111" s="5">
        <v>87</v>
      </c>
      <c r="B111" s="57" t="s">
        <v>220</v>
      </c>
      <c r="C111" s="52" t="s">
        <v>220</v>
      </c>
      <c r="D111" s="53" t="s">
        <v>220</v>
      </c>
    </row>
    <row r="112" spans="1:4" ht="18" customHeight="1" x14ac:dyDescent="0.15">
      <c r="A112" s="5">
        <v>88</v>
      </c>
      <c r="B112" s="57" t="s">
        <v>220</v>
      </c>
      <c r="C112" s="52" t="s">
        <v>220</v>
      </c>
      <c r="D112" s="53" t="s">
        <v>220</v>
      </c>
    </row>
    <row r="113" spans="1:4" ht="18" customHeight="1" x14ac:dyDescent="0.15">
      <c r="A113" s="5">
        <v>89</v>
      </c>
      <c r="B113" s="57" t="s">
        <v>220</v>
      </c>
      <c r="C113" s="52" t="s">
        <v>220</v>
      </c>
      <c r="D113" s="53" t="s">
        <v>220</v>
      </c>
    </row>
    <row r="114" spans="1:4" ht="18" customHeight="1" x14ac:dyDescent="0.15">
      <c r="A114" s="5" t="s">
        <v>37</v>
      </c>
      <c r="B114" s="57" t="s">
        <v>220</v>
      </c>
      <c r="C114" s="52" t="s">
        <v>220</v>
      </c>
      <c r="D114" s="53" t="s">
        <v>220</v>
      </c>
    </row>
    <row r="115" spans="1:4" ht="18" customHeight="1" x14ac:dyDescent="0.15">
      <c r="A115" s="5">
        <v>90</v>
      </c>
      <c r="B115" s="57" t="s">
        <v>220</v>
      </c>
      <c r="C115" s="52" t="s">
        <v>220</v>
      </c>
      <c r="D115" s="53" t="s">
        <v>220</v>
      </c>
    </row>
    <row r="116" spans="1:4" ht="18" customHeight="1" x14ac:dyDescent="0.15">
      <c r="A116" s="5">
        <v>91</v>
      </c>
      <c r="B116" s="57" t="s">
        <v>220</v>
      </c>
      <c r="C116" s="52" t="s">
        <v>220</v>
      </c>
      <c r="D116" s="53" t="s">
        <v>220</v>
      </c>
    </row>
    <row r="117" spans="1:4" ht="18" customHeight="1" x14ac:dyDescent="0.15">
      <c r="A117" s="5">
        <v>92</v>
      </c>
      <c r="B117" s="57" t="s">
        <v>220</v>
      </c>
      <c r="C117" s="52" t="s">
        <v>220</v>
      </c>
      <c r="D117" s="53" t="s">
        <v>220</v>
      </c>
    </row>
    <row r="118" spans="1:4" ht="18" customHeight="1" x14ac:dyDescent="0.15">
      <c r="A118" s="5">
        <v>93</v>
      </c>
      <c r="B118" s="57" t="s">
        <v>220</v>
      </c>
      <c r="C118" s="52" t="s">
        <v>220</v>
      </c>
      <c r="D118" s="53" t="s">
        <v>220</v>
      </c>
    </row>
    <row r="119" spans="1:4" ht="18" customHeight="1" x14ac:dyDescent="0.15">
      <c r="A119" s="5">
        <v>94</v>
      </c>
      <c r="B119" s="57" t="s">
        <v>220</v>
      </c>
      <c r="C119" s="52" t="s">
        <v>220</v>
      </c>
      <c r="D119" s="53" t="s">
        <v>220</v>
      </c>
    </row>
    <row r="120" spans="1:4" ht="18" customHeight="1" x14ac:dyDescent="0.15">
      <c r="A120" s="5" t="s">
        <v>39</v>
      </c>
      <c r="B120" s="57" t="s">
        <v>220</v>
      </c>
      <c r="C120" s="52" t="s">
        <v>220</v>
      </c>
      <c r="D120" s="53" t="s">
        <v>220</v>
      </c>
    </row>
    <row r="121" spans="1:4" ht="18" customHeight="1" x14ac:dyDescent="0.15">
      <c r="A121" s="5">
        <v>95</v>
      </c>
      <c r="B121" s="57" t="s">
        <v>220</v>
      </c>
      <c r="C121" s="52" t="s">
        <v>220</v>
      </c>
      <c r="D121" s="53" t="s">
        <v>220</v>
      </c>
    </row>
    <row r="122" spans="1:4" ht="18" customHeight="1" x14ac:dyDescent="0.15">
      <c r="A122" s="5">
        <v>96</v>
      </c>
      <c r="B122" s="57" t="s">
        <v>220</v>
      </c>
      <c r="C122" s="52" t="s">
        <v>220</v>
      </c>
      <c r="D122" s="53" t="s">
        <v>220</v>
      </c>
    </row>
    <row r="123" spans="1:4" ht="18" customHeight="1" x14ac:dyDescent="0.15">
      <c r="A123" s="5">
        <v>97</v>
      </c>
      <c r="B123" s="57" t="s">
        <v>220</v>
      </c>
      <c r="C123" s="52" t="s">
        <v>220</v>
      </c>
      <c r="D123" s="53" t="s">
        <v>220</v>
      </c>
    </row>
    <row r="124" spans="1:4" ht="18" customHeight="1" x14ac:dyDescent="0.15">
      <c r="A124" s="5">
        <v>98</v>
      </c>
      <c r="B124" s="57" t="s">
        <v>220</v>
      </c>
      <c r="C124" s="52" t="s">
        <v>220</v>
      </c>
      <c r="D124" s="53" t="s">
        <v>220</v>
      </c>
    </row>
    <row r="125" spans="1:4" ht="18" customHeight="1" x14ac:dyDescent="0.15">
      <c r="A125" s="5">
        <v>99</v>
      </c>
      <c r="B125" s="57" t="s">
        <v>220</v>
      </c>
      <c r="C125" s="52" t="s">
        <v>220</v>
      </c>
      <c r="D125" s="53" t="s">
        <v>220</v>
      </c>
    </row>
    <row r="126" spans="1:4" ht="18" customHeight="1" x14ac:dyDescent="0.15">
      <c r="A126" s="5" t="s">
        <v>40</v>
      </c>
      <c r="B126" s="57" t="s">
        <v>220</v>
      </c>
      <c r="C126" s="52" t="s">
        <v>220</v>
      </c>
      <c r="D126" s="53" t="s">
        <v>220</v>
      </c>
    </row>
    <row r="127" spans="1:4" ht="18" customHeight="1" x14ac:dyDescent="0.15">
      <c r="A127" s="5">
        <v>100</v>
      </c>
      <c r="B127" s="57" t="s">
        <v>220</v>
      </c>
      <c r="C127" s="52" t="s">
        <v>220</v>
      </c>
      <c r="D127" s="53" t="s">
        <v>220</v>
      </c>
    </row>
    <row r="128" spans="1:4" ht="18" customHeight="1" x14ac:dyDescent="0.15">
      <c r="A128" s="6" t="s">
        <v>43</v>
      </c>
      <c r="B128" s="57" t="s">
        <v>220</v>
      </c>
      <c r="C128" s="52" t="s">
        <v>220</v>
      </c>
      <c r="D128" s="53" t="s">
        <v>220</v>
      </c>
    </row>
    <row r="129" spans="1:4" ht="18" customHeight="1" x14ac:dyDescent="0.15">
      <c r="A129" s="5" t="s">
        <v>44</v>
      </c>
      <c r="B129" s="57" t="s">
        <v>220</v>
      </c>
      <c r="C129" s="52" t="s">
        <v>220</v>
      </c>
      <c r="D129" s="53" t="s">
        <v>220</v>
      </c>
    </row>
    <row r="130" spans="1:4" ht="18" customHeight="1" x14ac:dyDescent="0.15">
      <c r="A130" s="5" t="s">
        <v>46</v>
      </c>
      <c r="B130" s="22">
        <v>1</v>
      </c>
      <c r="C130" s="14">
        <v>3</v>
      </c>
      <c r="D130" s="18">
        <v>4</v>
      </c>
    </row>
    <row r="131" spans="1:4" ht="18" customHeight="1" x14ac:dyDescent="0.15">
      <c r="A131" s="7" t="s">
        <v>45</v>
      </c>
      <c r="B131" s="23">
        <v>3</v>
      </c>
      <c r="C131" s="15">
        <v>5</v>
      </c>
      <c r="D131" s="19">
        <v>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200-000000000000}">
  <sheetPr codeName="Sheet9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1</v>
      </c>
      <c r="D5" s="31">
        <v>1</v>
      </c>
    </row>
    <row r="6" spans="1:4" ht="18" customHeight="1" x14ac:dyDescent="0.15">
      <c r="A6" s="5">
        <v>1</v>
      </c>
      <c r="B6" s="27">
        <v>1</v>
      </c>
      <c r="C6" s="14">
        <v>0</v>
      </c>
      <c r="D6" s="18">
        <v>1</v>
      </c>
    </row>
    <row r="7" spans="1:4" ht="18" customHeight="1" x14ac:dyDescent="0.15">
      <c r="A7" s="5">
        <v>2</v>
      </c>
      <c r="B7" s="27">
        <v>0</v>
      </c>
      <c r="C7" s="14">
        <v>1</v>
      </c>
      <c r="D7" s="18">
        <v>1</v>
      </c>
    </row>
    <row r="8" spans="1:4" ht="18" customHeight="1" x14ac:dyDescent="0.15">
      <c r="A8" s="5">
        <v>3</v>
      </c>
      <c r="B8" s="27">
        <v>2</v>
      </c>
      <c r="C8" s="14">
        <v>0</v>
      </c>
      <c r="D8" s="18">
        <v>2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3</v>
      </c>
      <c r="C10" s="14">
        <v>2</v>
      </c>
      <c r="D10" s="18">
        <v>5</v>
      </c>
    </row>
    <row r="11" spans="1:4" ht="18" customHeight="1" x14ac:dyDescent="0.15">
      <c r="A11" s="5">
        <v>5</v>
      </c>
      <c r="B11" s="27">
        <v>1</v>
      </c>
      <c r="C11" s="14">
        <v>1</v>
      </c>
      <c r="D11" s="18">
        <v>2</v>
      </c>
    </row>
    <row r="12" spans="1:4" ht="18" customHeight="1" x14ac:dyDescent="0.15">
      <c r="A12" s="5">
        <v>6</v>
      </c>
      <c r="B12" s="27">
        <v>1</v>
      </c>
      <c r="C12" s="14">
        <v>2</v>
      </c>
      <c r="D12" s="18">
        <v>3</v>
      </c>
    </row>
    <row r="13" spans="1:4" ht="18" customHeight="1" x14ac:dyDescent="0.15">
      <c r="A13" s="5">
        <v>7</v>
      </c>
      <c r="B13" s="27">
        <v>1</v>
      </c>
      <c r="C13" s="14">
        <v>4</v>
      </c>
      <c r="D13" s="18">
        <v>5</v>
      </c>
    </row>
    <row r="14" spans="1:4" ht="18" customHeight="1" x14ac:dyDescent="0.15">
      <c r="A14" s="5">
        <v>8</v>
      </c>
      <c r="B14" s="27">
        <v>5</v>
      </c>
      <c r="C14" s="14">
        <v>1</v>
      </c>
      <c r="D14" s="18">
        <v>6</v>
      </c>
    </row>
    <row r="15" spans="1:4" ht="18" customHeight="1" x14ac:dyDescent="0.15">
      <c r="A15" s="5">
        <v>9</v>
      </c>
      <c r="B15" s="27">
        <v>2</v>
      </c>
      <c r="C15" s="14">
        <v>1</v>
      </c>
      <c r="D15" s="18">
        <v>3</v>
      </c>
    </row>
    <row r="16" spans="1:4" ht="18" customHeight="1" x14ac:dyDescent="0.15">
      <c r="A16" s="5" t="s">
        <v>11</v>
      </c>
      <c r="B16" s="22">
        <v>10</v>
      </c>
      <c r="C16" s="14">
        <v>9</v>
      </c>
      <c r="D16" s="18">
        <v>19</v>
      </c>
    </row>
    <row r="17" spans="1:4" ht="18" customHeight="1" x14ac:dyDescent="0.15">
      <c r="A17" s="5">
        <v>10</v>
      </c>
      <c r="B17" s="22">
        <v>4</v>
      </c>
      <c r="C17" s="14">
        <v>4</v>
      </c>
      <c r="D17" s="18">
        <v>8</v>
      </c>
    </row>
    <row r="18" spans="1:4" ht="18" customHeight="1" x14ac:dyDescent="0.15">
      <c r="A18" s="5">
        <v>11</v>
      </c>
      <c r="B18" s="22">
        <v>5</v>
      </c>
      <c r="C18" s="14">
        <v>3</v>
      </c>
      <c r="D18" s="18">
        <v>8</v>
      </c>
    </row>
    <row r="19" spans="1:4" ht="18" customHeight="1" x14ac:dyDescent="0.15">
      <c r="A19" s="5">
        <v>12</v>
      </c>
      <c r="B19" s="22">
        <v>2</v>
      </c>
      <c r="C19" s="14">
        <v>1</v>
      </c>
      <c r="D19" s="18">
        <v>3</v>
      </c>
    </row>
    <row r="20" spans="1:4" ht="18" customHeight="1" x14ac:dyDescent="0.15">
      <c r="A20" s="5">
        <v>13</v>
      </c>
      <c r="B20" s="22">
        <v>2</v>
      </c>
      <c r="C20" s="14">
        <v>3</v>
      </c>
      <c r="D20" s="18">
        <v>5</v>
      </c>
    </row>
    <row r="21" spans="1:4" ht="18" customHeight="1" x14ac:dyDescent="0.15">
      <c r="A21" s="5">
        <v>14</v>
      </c>
      <c r="B21" s="22">
        <v>6</v>
      </c>
      <c r="C21" s="14">
        <v>3</v>
      </c>
      <c r="D21" s="18">
        <v>9</v>
      </c>
    </row>
    <row r="22" spans="1:4" ht="18" customHeight="1" x14ac:dyDescent="0.15">
      <c r="A22" s="5" t="s">
        <v>12</v>
      </c>
      <c r="B22" s="22">
        <v>19</v>
      </c>
      <c r="C22" s="14">
        <v>14</v>
      </c>
      <c r="D22" s="18">
        <v>33</v>
      </c>
    </row>
    <row r="23" spans="1:4" ht="18" customHeight="1" x14ac:dyDescent="0.15">
      <c r="A23" s="5" t="s">
        <v>6</v>
      </c>
      <c r="B23" s="22">
        <v>32</v>
      </c>
      <c r="C23" s="14">
        <v>25</v>
      </c>
      <c r="D23" s="18">
        <v>57</v>
      </c>
    </row>
    <row r="24" spans="1:4" ht="18" customHeight="1" x14ac:dyDescent="0.15">
      <c r="A24" s="5">
        <v>15</v>
      </c>
      <c r="B24" s="22">
        <v>4</v>
      </c>
      <c r="C24" s="14">
        <v>1</v>
      </c>
      <c r="D24" s="18">
        <v>5</v>
      </c>
    </row>
    <row r="25" spans="1:4" ht="18" customHeight="1" x14ac:dyDescent="0.15">
      <c r="A25" s="5">
        <v>16</v>
      </c>
      <c r="B25" s="22">
        <v>3</v>
      </c>
      <c r="C25" s="14">
        <v>4</v>
      </c>
      <c r="D25" s="18">
        <v>7</v>
      </c>
    </row>
    <row r="26" spans="1:4" ht="18" customHeight="1" x14ac:dyDescent="0.15">
      <c r="A26" s="5">
        <v>17</v>
      </c>
      <c r="B26" s="22">
        <v>4</v>
      </c>
      <c r="C26" s="14">
        <v>4</v>
      </c>
      <c r="D26" s="18">
        <v>8</v>
      </c>
    </row>
    <row r="27" spans="1:4" ht="18" customHeight="1" x14ac:dyDescent="0.15">
      <c r="A27" s="5">
        <v>18</v>
      </c>
      <c r="B27" s="22">
        <v>2</v>
      </c>
      <c r="C27" s="14">
        <v>0</v>
      </c>
      <c r="D27" s="18">
        <v>2</v>
      </c>
    </row>
    <row r="28" spans="1:4" ht="18" customHeight="1" x14ac:dyDescent="0.15">
      <c r="A28" s="5">
        <v>19</v>
      </c>
      <c r="B28" s="22">
        <v>4</v>
      </c>
      <c r="C28" s="14">
        <v>4</v>
      </c>
      <c r="D28" s="18">
        <v>8</v>
      </c>
    </row>
    <row r="29" spans="1:4" ht="18" customHeight="1" x14ac:dyDescent="0.15">
      <c r="A29" s="5" t="s">
        <v>14</v>
      </c>
      <c r="B29" s="22">
        <v>17</v>
      </c>
      <c r="C29" s="14">
        <v>13</v>
      </c>
      <c r="D29" s="18">
        <v>30</v>
      </c>
    </row>
    <row r="30" spans="1:4" ht="18" customHeight="1" x14ac:dyDescent="0.15">
      <c r="A30" s="5">
        <v>20</v>
      </c>
      <c r="B30" s="22">
        <v>6</v>
      </c>
      <c r="C30" s="14">
        <v>4</v>
      </c>
      <c r="D30" s="18">
        <v>10</v>
      </c>
    </row>
    <row r="31" spans="1:4" ht="18" customHeight="1" x14ac:dyDescent="0.15">
      <c r="A31" s="5">
        <v>21</v>
      </c>
      <c r="B31" s="22">
        <v>3</v>
      </c>
      <c r="C31" s="14">
        <v>2</v>
      </c>
      <c r="D31" s="18">
        <v>5</v>
      </c>
    </row>
    <row r="32" spans="1:4" ht="18" customHeight="1" x14ac:dyDescent="0.15">
      <c r="A32" s="5">
        <v>22</v>
      </c>
      <c r="B32" s="22">
        <v>5</v>
      </c>
      <c r="C32" s="14">
        <v>2</v>
      </c>
      <c r="D32" s="18">
        <v>7</v>
      </c>
    </row>
    <row r="33" spans="1:4" ht="18" customHeight="1" x14ac:dyDescent="0.15">
      <c r="A33" s="5">
        <v>23</v>
      </c>
      <c r="B33" s="22">
        <v>3</v>
      </c>
      <c r="C33" s="14">
        <v>3</v>
      </c>
      <c r="D33" s="18">
        <v>6</v>
      </c>
    </row>
    <row r="34" spans="1:4" ht="18" customHeight="1" x14ac:dyDescent="0.15">
      <c r="A34" s="5">
        <v>24</v>
      </c>
      <c r="B34" s="22">
        <v>4</v>
      </c>
      <c r="C34" s="14">
        <v>3</v>
      </c>
      <c r="D34" s="18">
        <v>7</v>
      </c>
    </row>
    <row r="35" spans="1:4" ht="18" customHeight="1" x14ac:dyDescent="0.15">
      <c r="A35" s="5" t="s">
        <v>9</v>
      </c>
      <c r="B35" s="22">
        <v>21</v>
      </c>
      <c r="C35" s="14">
        <v>14</v>
      </c>
      <c r="D35" s="18">
        <v>35</v>
      </c>
    </row>
    <row r="36" spans="1:4" ht="18" customHeight="1" x14ac:dyDescent="0.15">
      <c r="A36" s="5">
        <v>25</v>
      </c>
      <c r="B36" s="22">
        <v>1</v>
      </c>
      <c r="C36" s="14">
        <v>2</v>
      </c>
      <c r="D36" s="18">
        <v>3</v>
      </c>
    </row>
    <row r="37" spans="1:4" ht="18" customHeight="1" x14ac:dyDescent="0.15">
      <c r="A37" s="5">
        <v>26</v>
      </c>
      <c r="B37" s="22">
        <v>1</v>
      </c>
      <c r="C37" s="14">
        <v>1</v>
      </c>
      <c r="D37" s="18">
        <v>2</v>
      </c>
    </row>
    <row r="38" spans="1:4" ht="18" customHeight="1" x14ac:dyDescent="0.15">
      <c r="A38" s="5">
        <v>27</v>
      </c>
      <c r="B38" s="22">
        <v>3</v>
      </c>
      <c r="C38" s="14">
        <v>2</v>
      </c>
      <c r="D38" s="18">
        <v>5</v>
      </c>
    </row>
    <row r="39" spans="1:4" ht="18" customHeight="1" x14ac:dyDescent="0.15">
      <c r="A39" s="5">
        <v>28</v>
      </c>
      <c r="B39" s="22">
        <v>4</v>
      </c>
      <c r="C39" s="14">
        <v>1</v>
      </c>
      <c r="D39" s="18">
        <v>5</v>
      </c>
    </row>
    <row r="40" spans="1:4" ht="18" customHeight="1" x14ac:dyDescent="0.15">
      <c r="A40" s="5">
        <v>29</v>
      </c>
      <c r="B40" s="22">
        <v>1</v>
      </c>
      <c r="C40" s="14">
        <v>1</v>
      </c>
      <c r="D40" s="18">
        <v>2</v>
      </c>
    </row>
    <row r="41" spans="1:4" ht="18" customHeight="1" x14ac:dyDescent="0.15">
      <c r="A41" s="5" t="s">
        <v>2</v>
      </c>
      <c r="B41" s="22">
        <v>10</v>
      </c>
      <c r="C41" s="14">
        <v>7</v>
      </c>
      <c r="D41" s="18">
        <v>17</v>
      </c>
    </row>
    <row r="42" spans="1:4" ht="18" customHeight="1" x14ac:dyDescent="0.15">
      <c r="A42" s="5">
        <v>30</v>
      </c>
      <c r="B42" s="22">
        <v>6</v>
      </c>
      <c r="C42" s="14">
        <v>1</v>
      </c>
      <c r="D42" s="18">
        <v>7</v>
      </c>
    </row>
    <row r="43" spans="1:4" ht="18" customHeight="1" x14ac:dyDescent="0.15">
      <c r="A43" s="5">
        <v>31</v>
      </c>
      <c r="B43" s="22">
        <v>1</v>
      </c>
      <c r="C43" s="14">
        <v>0</v>
      </c>
      <c r="D43" s="18">
        <v>1</v>
      </c>
    </row>
    <row r="44" spans="1:4" ht="18" customHeight="1" x14ac:dyDescent="0.15">
      <c r="A44" s="5">
        <v>32</v>
      </c>
      <c r="B44" s="22">
        <v>1</v>
      </c>
      <c r="C44" s="14">
        <v>1</v>
      </c>
      <c r="D44" s="18">
        <v>2</v>
      </c>
    </row>
    <row r="45" spans="1:4" ht="18" customHeight="1" x14ac:dyDescent="0.15">
      <c r="A45" s="5">
        <v>33</v>
      </c>
      <c r="B45" s="22">
        <v>2</v>
      </c>
      <c r="C45" s="14">
        <v>2</v>
      </c>
      <c r="D45" s="18">
        <v>4</v>
      </c>
    </row>
    <row r="46" spans="1:4" ht="18" customHeight="1" x14ac:dyDescent="0.15">
      <c r="A46" s="5">
        <v>34</v>
      </c>
      <c r="B46" s="22">
        <v>0</v>
      </c>
      <c r="C46" s="14">
        <v>1</v>
      </c>
      <c r="D46" s="18">
        <v>1</v>
      </c>
    </row>
    <row r="47" spans="1:4" ht="18" customHeight="1" x14ac:dyDescent="0.15">
      <c r="A47" s="5" t="s">
        <v>15</v>
      </c>
      <c r="B47" s="22">
        <v>10</v>
      </c>
      <c r="C47" s="14">
        <v>5</v>
      </c>
      <c r="D47" s="18">
        <v>15</v>
      </c>
    </row>
    <row r="48" spans="1:4" ht="18" customHeight="1" x14ac:dyDescent="0.15">
      <c r="A48" s="5">
        <v>35</v>
      </c>
      <c r="B48" s="22">
        <v>2</v>
      </c>
      <c r="C48" s="14">
        <v>3</v>
      </c>
      <c r="D48" s="18">
        <v>5</v>
      </c>
    </row>
    <row r="49" spans="1:4" ht="18" customHeight="1" x14ac:dyDescent="0.15">
      <c r="A49" s="5">
        <v>36</v>
      </c>
      <c r="B49" s="22">
        <v>2</v>
      </c>
      <c r="C49" s="14">
        <v>2</v>
      </c>
      <c r="D49" s="18">
        <v>4</v>
      </c>
    </row>
    <row r="50" spans="1:4" ht="18" customHeight="1" x14ac:dyDescent="0.15">
      <c r="A50" s="5">
        <v>37</v>
      </c>
      <c r="B50" s="22">
        <v>4</v>
      </c>
      <c r="C50" s="14">
        <v>5</v>
      </c>
      <c r="D50" s="18">
        <v>9</v>
      </c>
    </row>
    <row r="51" spans="1:4" ht="18" customHeight="1" x14ac:dyDescent="0.15">
      <c r="A51" s="5">
        <v>38</v>
      </c>
      <c r="B51" s="22">
        <v>3</v>
      </c>
      <c r="C51" s="14">
        <v>4</v>
      </c>
      <c r="D51" s="18">
        <v>7</v>
      </c>
    </row>
    <row r="52" spans="1:4" ht="18" customHeight="1" x14ac:dyDescent="0.15">
      <c r="A52" s="5">
        <v>39</v>
      </c>
      <c r="B52" s="22">
        <v>3</v>
      </c>
      <c r="C52" s="14">
        <v>6</v>
      </c>
      <c r="D52" s="18">
        <v>9</v>
      </c>
    </row>
    <row r="53" spans="1:4" ht="18" customHeight="1" x14ac:dyDescent="0.15">
      <c r="A53" s="5" t="s">
        <v>18</v>
      </c>
      <c r="B53" s="22">
        <v>14</v>
      </c>
      <c r="C53" s="14">
        <v>20</v>
      </c>
      <c r="D53" s="18">
        <v>34</v>
      </c>
    </row>
    <row r="54" spans="1:4" ht="18" customHeight="1" x14ac:dyDescent="0.15">
      <c r="A54" s="5">
        <v>40</v>
      </c>
      <c r="B54" s="22">
        <v>5</v>
      </c>
      <c r="C54" s="14">
        <v>3</v>
      </c>
      <c r="D54" s="18">
        <v>8</v>
      </c>
    </row>
    <row r="55" spans="1:4" ht="18" customHeight="1" x14ac:dyDescent="0.15">
      <c r="A55" s="5">
        <v>41</v>
      </c>
      <c r="B55" s="22">
        <v>4</v>
      </c>
      <c r="C55" s="14">
        <v>5</v>
      </c>
      <c r="D55" s="18">
        <v>9</v>
      </c>
    </row>
    <row r="56" spans="1:4" ht="18" customHeight="1" x14ac:dyDescent="0.15">
      <c r="A56" s="5">
        <v>42</v>
      </c>
      <c r="B56" s="22">
        <v>2</v>
      </c>
      <c r="C56" s="14">
        <v>4</v>
      </c>
      <c r="D56" s="18">
        <v>6</v>
      </c>
    </row>
    <row r="57" spans="1:4" ht="18" customHeight="1" x14ac:dyDescent="0.15">
      <c r="A57" s="5">
        <v>43</v>
      </c>
      <c r="B57" s="22">
        <v>5</v>
      </c>
      <c r="C57" s="14">
        <v>1</v>
      </c>
      <c r="D57" s="18">
        <v>6</v>
      </c>
    </row>
    <row r="58" spans="1:4" ht="18" customHeight="1" x14ac:dyDescent="0.15">
      <c r="A58" s="5">
        <v>44</v>
      </c>
      <c r="B58" s="22">
        <v>7</v>
      </c>
      <c r="C58" s="14">
        <v>7</v>
      </c>
      <c r="D58" s="18">
        <v>14</v>
      </c>
    </row>
    <row r="59" spans="1:4" ht="18" customHeight="1" x14ac:dyDescent="0.15">
      <c r="A59" s="5" t="s">
        <v>21</v>
      </c>
      <c r="B59" s="22">
        <v>23</v>
      </c>
      <c r="C59" s="14">
        <v>20</v>
      </c>
      <c r="D59" s="18">
        <v>43</v>
      </c>
    </row>
    <row r="60" spans="1:4" ht="18" customHeight="1" x14ac:dyDescent="0.15">
      <c r="A60" s="5">
        <v>45</v>
      </c>
      <c r="B60" s="22">
        <v>3</v>
      </c>
      <c r="C60" s="14">
        <v>5</v>
      </c>
      <c r="D60" s="18">
        <v>8</v>
      </c>
    </row>
    <row r="61" spans="1:4" ht="18" customHeight="1" x14ac:dyDescent="0.15">
      <c r="A61" s="5">
        <v>46</v>
      </c>
      <c r="B61" s="22">
        <v>5</v>
      </c>
      <c r="C61" s="14">
        <v>3</v>
      </c>
      <c r="D61" s="18">
        <v>8</v>
      </c>
    </row>
    <row r="62" spans="1:4" ht="18" customHeight="1" x14ac:dyDescent="0.15">
      <c r="A62" s="5">
        <v>47</v>
      </c>
      <c r="B62" s="22">
        <v>4</v>
      </c>
      <c r="C62" s="14">
        <v>5</v>
      </c>
      <c r="D62" s="18">
        <v>9</v>
      </c>
    </row>
    <row r="63" spans="1:4" ht="18" customHeight="1" x14ac:dyDescent="0.15">
      <c r="A63" s="5">
        <v>48</v>
      </c>
      <c r="B63" s="22">
        <v>2</v>
      </c>
      <c r="C63" s="14">
        <v>2</v>
      </c>
      <c r="D63" s="18">
        <v>4</v>
      </c>
    </row>
    <row r="64" spans="1:4" ht="18" customHeight="1" x14ac:dyDescent="0.15">
      <c r="A64" s="5">
        <v>49</v>
      </c>
      <c r="B64" s="22">
        <v>4</v>
      </c>
      <c r="C64" s="14">
        <v>4</v>
      </c>
      <c r="D64" s="18">
        <v>8</v>
      </c>
    </row>
    <row r="65" spans="1:4" ht="18" customHeight="1" x14ac:dyDescent="0.15">
      <c r="A65" s="5" t="s">
        <v>17</v>
      </c>
      <c r="B65" s="22">
        <v>18</v>
      </c>
      <c r="C65" s="14">
        <v>19</v>
      </c>
      <c r="D65" s="18">
        <v>37</v>
      </c>
    </row>
    <row r="66" spans="1:4" ht="18" customHeight="1" x14ac:dyDescent="0.15">
      <c r="A66" s="5">
        <v>50</v>
      </c>
      <c r="B66" s="22">
        <v>4</v>
      </c>
      <c r="C66" s="14">
        <v>3</v>
      </c>
      <c r="D66" s="18">
        <v>7</v>
      </c>
    </row>
    <row r="67" spans="1:4" ht="18" customHeight="1" x14ac:dyDescent="0.15">
      <c r="A67" s="5">
        <v>51</v>
      </c>
      <c r="B67" s="22">
        <v>6</v>
      </c>
      <c r="C67" s="14">
        <v>7</v>
      </c>
      <c r="D67" s="18">
        <v>13</v>
      </c>
    </row>
    <row r="68" spans="1:4" ht="18" customHeight="1" x14ac:dyDescent="0.15">
      <c r="A68" s="5">
        <v>52</v>
      </c>
      <c r="B68" s="22">
        <v>8</v>
      </c>
      <c r="C68" s="14">
        <v>8</v>
      </c>
      <c r="D68" s="18">
        <v>16</v>
      </c>
    </row>
    <row r="69" spans="1:4" ht="18" customHeight="1" x14ac:dyDescent="0.15">
      <c r="A69" s="5">
        <v>53</v>
      </c>
      <c r="B69" s="22">
        <v>5</v>
      </c>
      <c r="C69" s="14">
        <v>4</v>
      </c>
      <c r="D69" s="18">
        <v>9</v>
      </c>
    </row>
    <row r="70" spans="1:4" ht="18" customHeight="1" x14ac:dyDescent="0.15">
      <c r="A70" s="5">
        <v>54</v>
      </c>
      <c r="B70" s="22">
        <v>5</v>
      </c>
      <c r="C70" s="14">
        <v>2</v>
      </c>
      <c r="D70" s="18">
        <v>7</v>
      </c>
    </row>
    <row r="71" spans="1:4" ht="18" customHeight="1" x14ac:dyDescent="0.15">
      <c r="A71" s="5" t="s">
        <v>22</v>
      </c>
      <c r="B71" s="22">
        <v>28</v>
      </c>
      <c r="C71" s="14">
        <v>24</v>
      </c>
      <c r="D71" s="18">
        <v>52</v>
      </c>
    </row>
    <row r="72" spans="1:4" ht="18" customHeight="1" x14ac:dyDescent="0.15">
      <c r="A72" s="5">
        <v>55</v>
      </c>
      <c r="B72" s="22">
        <v>3</v>
      </c>
      <c r="C72" s="14">
        <v>7</v>
      </c>
      <c r="D72" s="18">
        <v>10</v>
      </c>
    </row>
    <row r="73" spans="1:4" ht="18" customHeight="1" x14ac:dyDescent="0.15">
      <c r="A73" s="5">
        <v>56</v>
      </c>
      <c r="B73" s="22">
        <v>4</v>
      </c>
      <c r="C73" s="14">
        <v>3</v>
      </c>
      <c r="D73" s="18">
        <v>7</v>
      </c>
    </row>
    <row r="74" spans="1:4" ht="18" customHeight="1" x14ac:dyDescent="0.15">
      <c r="A74" s="5">
        <v>57</v>
      </c>
      <c r="B74" s="22">
        <v>3</v>
      </c>
      <c r="C74" s="14">
        <v>6</v>
      </c>
      <c r="D74" s="18">
        <v>9</v>
      </c>
    </row>
    <row r="75" spans="1:4" ht="18" customHeight="1" x14ac:dyDescent="0.15">
      <c r="A75" s="5">
        <v>58</v>
      </c>
      <c r="B75" s="22">
        <v>0</v>
      </c>
      <c r="C75" s="14">
        <v>11</v>
      </c>
      <c r="D75" s="18">
        <v>11</v>
      </c>
    </row>
    <row r="76" spans="1:4" ht="18" customHeight="1" x14ac:dyDescent="0.15">
      <c r="A76" s="5">
        <v>59</v>
      </c>
      <c r="B76" s="22">
        <v>7</v>
      </c>
      <c r="C76" s="14">
        <v>5</v>
      </c>
      <c r="D76" s="18">
        <v>12</v>
      </c>
    </row>
    <row r="77" spans="1:4" ht="18" customHeight="1" x14ac:dyDescent="0.15">
      <c r="A77" s="5" t="s">
        <v>27</v>
      </c>
      <c r="B77" s="22">
        <v>17</v>
      </c>
      <c r="C77" s="14">
        <v>32</v>
      </c>
      <c r="D77" s="18">
        <v>49</v>
      </c>
    </row>
    <row r="78" spans="1:4" ht="18" customHeight="1" x14ac:dyDescent="0.15">
      <c r="A78" s="5">
        <v>60</v>
      </c>
      <c r="B78" s="22">
        <v>4</v>
      </c>
      <c r="C78" s="14">
        <v>3</v>
      </c>
      <c r="D78" s="18">
        <v>7</v>
      </c>
    </row>
    <row r="79" spans="1:4" ht="18" customHeight="1" x14ac:dyDescent="0.15">
      <c r="A79" s="5">
        <v>61</v>
      </c>
      <c r="B79" s="22">
        <v>6</v>
      </c>
      <c r="C79" s="14">
        <v>6</v>
      </c>
      <c r="D79" s="18">
        <v>12</v>
      </c>
    </row>
    <row r="80" spans="1:4" ht="18" customHeight="1" x14ac:dyDescent="0.15">
      <c r="A80" s="5">
        <v>62</v>
      </c>
      <c r="B80" s="22">
        <v>8</v>
      </c>
      <c r="C80" s="14">
        <v>5</v>
      </c>
      <c r="D80" s="18">
        <v>13</v>
      </c>
    </row>
    <row r="81" spans="1:4" ht="18" customHeight="1" x14ac:dyDescent="0.15">
      <c r="A81" s="5">
        <v>63</v>
      </c>
      <c r="B81" s="22">
        <v>3</v>
      </c>
      <c r="C81" s="14">
        <v>6</v>
      </c>
      <c r="D81" s="18">
        <v>9</v>
      </c>
    </row>
    <row r="82" spans="1:4" ht="18" customHeight="1" x14ac:dyDescent="0.15">
      <c r="A82" s="5">
        <v>64</v>
      </c>
      <c r="B82" s="22">
        <v>3</v>
      </c>
      <c r="C82" s="14">
        <v>5</v>
      </c>
      <c r="D82" s="18">
        <v>8</v>
      </c>
    </row>
    <row r="83" spans="1:4" ht="18" customHeight="1" x14ac:dyDescent="0.15">
      <c r="A83" s="5" t="s">
        <v>28</v>
      </c>
      <c r="B83" s="22">
        <v>24</v>
      </c>
      <c r="C83" s="14">
        <v>25</v>
      </c>
      <c r="D83" s="18">
        <v>49</v>
      </c>
    </row>
    <row r="84" spans="1:4" ht="18" customHeight="1" x14ac:dyDescent="0.15">
      <c r="A84" s="5" t="s">
        <v>31</v>
      </c>
      <c r="B84" s="22">
        <v>182</v>
      </c>
      <c r="C84" s="14">
        <v>179</v>
      </c>
      <c r="D84" s="18">
        <v>361</v>
      </c>
    </row>
    <row r="85" spans="1:4" ht="18" customHeight="1" x14ac:dyDescent="0.15">
      <c r="A85" s="5">
        <v>65</v>
      </c>
      <c r="B85" s="22">
        <v>2</v>
      </c>
      <c r="C85" s="14">
        <v>2</v>
      </c>
      <c r="D85" s="18">
        <v>4</v>
      </c>
    </row>
    <row r="86" spans="1:4" ht="18" customHeight="1" x14ac:dyDescent="0.15">
      <c r="A86" s="5">
        <v>66</v>
      </c>
      <c r="B86" s="22">
        <v>6</v>
      </c>
      <c r="C86" s="14">
        <v>8</v>
      </c>
      <c r="D86" s="18">
        <v>14</v>
      </c>
    </row>
    <row r="87" spans="1:4" ht="18" customHeight="1" x14ac:dyDescent="0.15">
      <c r="A87" s="5">
        <v>67</v>
      </c>
      <c r="B87" s="22">
        <v>1</v>
      </c>
      <c r="C87" s="14">
        <v>8</v>
      </c>
      <c r="D87" s="18">
        <v>9</v>
      </c>
    </row>
    <row r="88" spans="1:4" ht="18" customHeight="1" x14ac:dyDescent="0.15">
      <c r="A88" s="5">
        <v>68</v>
      </c>
      <c r="B88" s="22">
        <v>5</v>
      </c>
      <c r="C88" s="14">
        <v>9</v>
      </c>
      <c r="D88" s="18">
        <v>14</v>
      </c>
    </row>
    <row r="89" spans="1:4" ht="18" customHeight="1" x14ac:dyDescent="0.15">
      <c r="A89" s="5">
        <v>69</v>
      </c>
      <c r="B89" s="22">
        <v>10</v>
      </c>
      <c r="C89" s="14">
        <v>8</v>
      </c>
      <c r="D89" s="18">
        <v>18</v>
      </c>
    </row>
    <row r="90" spans="1:4" ht="18" customHeight="1" x14ac:dyDescent="0.15">
      <c r="A90" s="5" t="s">
        <v>20</v>
      </c>
      <c r="B90" s="22">
        <v>24</v>
      </c>
      <c r="C90" s="14">
        <v>35</v>
      </c>
      <c r="D90" s="18">
        <v>59</v>
      </c>
    </row>
    <row r="91" spans="1:4" ht="18" customHeight="1" x14ac:dyDescent="0.15">
      <c r="A91" s="5">
        <v>70</v>
      </c>
      <c r="B91" s="22">
        <v>8</v>
      </c>
      <c r="C91" s="14">
        <v>6</v>
      </c>
      <c r="D91" s="18">
        <v>14</v>
      </c>
    </row>
    <row r="92" spans="1:4" ht="18" customHeight="1" x14ac:dyDescent="0.15">
      <c r="A92" s="5">
        <v>71</v>
      </c>
      <c r="B92" s="22">
        <v>5</v>
      </c>
      <c r="C92" s="14">
        <v>8</v>
      </c>
      <c r="D92" s="18">
        <v>13</v>
      </c>
    </row>
    <row r="93" spans="1:4" ht="18" customHeight="1" x14ac:dyDescent="0.15">
      <c r="A93" s="5">
        <v>72</v>
      </c>
      <c r="B93" s="22">
        <v>14</v>
      </c>
      <c r="C93" s="14">
        <v>10</v>
      </c>
      <c r="D93" s="18">
        <v>24</v>
      </c>
    </row>
    <row r="94" spans="1:4" ht="18" customHeight="1" x14ac:dyDescent="0.15">
      <c r="A94" s="5">
        <v>73</v>
      </c>
      <c r="B94" s="22">
        <v>12</v>
      </c>
      <c r="C94" s="14">
        <v>14</v>
      </c>
      <c r="D94" s="18">
        <v>26</v>
      </c>
    </row>
    <row r="95" spans="1:4" ht="18" customHeight="1" x14ac:dyDescent="0.15">
      <c r="A95" s="5">
        <v>74</v>
      </c>
      <c r="B95" s="22">
        <v>11</v>
      </c>
      <c r="C95" s="14">
        <v>7</v>
      </c>
      <c r="D95" s="18">
        <v>18</v>
      </c>
    </row>
    <row r="96" spans="1:4" ht="18" customHeight="1" x14ac:dyDescent="0.15">
      <c r="A96" s="5" t="s">
        <v>33</v>
      </c>
      <c r="B96" s="22">
        <v>50</v>
      </c>
      <c r="C96" s="14">
        <v>45</v>
      </c>
      <c r="D96" s="18">
        <v>95</v>
      </c>
    </row>
    <row r="97" spans="1:4" ht="18" customHeight="1" x14ac:dyDescent="0.15">
      <c r="A97" s="5">
        <v>75</v>
      </c>
      <c r="B97" s="22">
        <v>3</v>
      </c>
      <c r="C97" s="14">
        <v>9</v>
      </c>
      <c r="D97" s="18">
        <v>12</v>
      </c>
    </row>
    <row r="98" spans="1:4" ht="18" customHeight="1" x14ac:dyDescent="0.15">
      <c r="A98" s="5">
        <v>76</v>
      </c>
      <c r="B98" s="22">
        <v>12</v>
      </c>
      <c r="C98" s="14">
        <v>7</v>
      </c>
      <c r="D98" s="18">
        <v>19</v>
      </c>
    </row>
    <row r="99" spans="1:4" ht="18" customHeight="1" x14ac:dyDescent="0.15">
      <c r="A99" s="5">
        <v>77</v>
      </c>
      <c r="B99" s="22">
        <v>10</v>
      </c>
      <c r="C99" s="14">
        <v>14</v>
      </c>
      <c r="D99" s="18">
        <v>24</v>
      </c>
    </row>
    <row r="100" spans="1:4" ht="18" customHeight="1" x14ac:dyDescent="0.15">
      <c r="A100" s="5">
        <v>78</v>
      </c>
      <c r="B100" s="22">
        <v>6</v>
      </c>
      <c r="C100" s="14">
        <v>4</v>
      </c>
      <c r="D100" s="18">
        <v>10</v>
      </c>
    </row>
    <row r="101" spans="1:4" ht="18" customHeight="1" x14ac:dyDescent="0.15">
      <c r="A101" s="5">
        <v>79</v>
      </c>
      <c r="B101" s="22">
        <v>9</v>
      </c>
      <c r="C101" s="14">
        <v>7</v>
      </c>
      <c r="D101" s="18">
        <v>16</v>
      </c>
    </row>
    <row r="102" spans="1:4" ht="18" customHeight="1" x14ac:dyDescent="0.15">
      <c r="A102" s="5" t="s">
        <v>0</v>
      </c>
      <c r="B102" s="22">
        <v>40</v>
      </c>
      <c r="C102" s="14">
        <v>41</v>
      </c>
      <c r="D102" s="18">
        <v>81</v>
      </c>
    </row>
    <row r="103" spans="1:4" ht="18" customHeight="1" x14ac:dyDescent="0.15">
      <c r="A103" s="5">
        <v>80</v>
      </c>
      <c r="B103" s="22">
        <v>3</v>
      </c>
      <c r="C103" s="14">
        <v>2</v>
      </c>
      <c r="D103" s="18">
        <v>5</v>
      </c>
    </row>
    <row r="104" spans="1:4" ht="18" customHeight="1" x14ac:dyDescent="0.15">
      <c r="A104" s="5">
        <v>81</v>
      </c>
      <c r="B104" s="22">
        <v>2</v>
      </c>
      <c r="C104" s="14">
        <v>6</v>
      </c>
      <c r="D104" s="18">
        <v>8</v>
      </c>
    </row>
    <row r="105" spans="1:4" ht="18" customHeight="1" x14ac:dyDescent="0.15">
      <c r="A105" s="5">
        <v>82</v>
      </c>
      <c r="B105" s="22">
        <v>4</v>
      </c>
      <c r="C105" s="14">
        <v>5</v>
      </c>
      <c r="D105" s="18">
        <v>9</v>
      </c>
    </row>
    <row r="106" spans="1:4" ht="18" customHeight="1" x14ac:dyDescent="0.15">
      <c r="A106" s="5">
        <v>83</v>
      </c>
      <c r="B106" s="22">
        <v>7</v>
      </c>
      <c r="C106" s="14">
        <v>4</v>
      </c>
      <c r="D106" s="18">
        <v>11</v>
      </c>
    </row>
    <row r="107" spans="1:4" ht="18" customHeight="1" x14ac:dyDescent="0.15">
      <c r="A107" s="5">
        <v>84</v>
      </c>
      <c r="B107" s="22">
        <v>2</v>
      </c>
      <c r="C107" s="14">
        <v>11</v>
      </c>
      <c r="D107" s="18">
        <v>13</v>
      </c>
    </row>
    <row r="108" spans="1:4" ht="18" customHeight="1" x14ac:dyDescent="0.15">
      <c r="A108" s="5" t="s">
        <v>35</v>
      </c>
      <c r="B108" s="22">
        <v>18</v>
      </c>
      <c r="C108" s="14">
        <v>28</v>
      </c>
      <c r="D108" s="18">
        <v>46</v>
      </c>
    </row>
    <row r="109" spans="1:4" ht="18" customHeight="1" x14ac:dyDescent="0.15">
      <c r="A109" s="5">
        <v>85</v>
      </c>
      <c r="B109" s="22">
        <v>2</v>
      </c>
      <c r="C109" s="14">
        <v>6</v>
      </c>
      <c r="D109" s="18">
        <v>8</v>
      </c>
    </row>
    <row r="110" spans="1:4" ht="18" customHeight="1" x14ac:dyDescent="0.15">
      <c r="A110" s="5">
        <v>86</v>
      </c>
      <c r="B110" s="22">
        <v>2</v>
      </c>
      <c r="C110" s="14">
        <v>2</v>
      </c>
      <c r="D110" s="18">
        <v>4</v>
      </c>
    </row>
    <row r="111" spans="1:4" ht="18" customHeight="1" x14ac:dyDescent="0.15">
      <c r="A111" s="5">
        <v>87</v>
      </c>
      <c r="B111" s="22">
        <v>3</v>
      </c>
      <c r="C111" s="14">
        <v>1</v>
      </c>
      <c r="D111" s="18">
        <v>4</v>
      </c>
    </row>
    <row r="112" spans="1:4" ht="18" customHeight="1" x14ac:dyDescent="0.15">
      <c r="A112" s="5">
        <v>88</v>
      </c>
      <c r="B112" s="22">
        <v>2</v>
      </c>
      <c r="C112" s="14">
        <v>3</v>
      </c>
      <c r="D112" s="18">
        <v>5</v>
      </c>
    </row>
    <row r="113" spans="1:4" ht="18" customHeight="1" x14ac:dyDescent="0.15">
      <c r="A113" s="5">
        <v>89</v>
      </c>
      <c r="B113" s="22">
        <v>4</v>
      </c>
      <c r="C113" s="14">
        <v>4</v>
      </c>
      <c r="D113" s="18">
        <v>8</v>
      </c>
    </row>
    <row r="114" spans="1:4" ht="18" customHeight="1" x14ac:dyDescent="0.15">
      <c r="A114" s="5" t="s">
        <v>37</v>
      </c>
      <c r="B114" s="22">
        <v>13</v>
      </c>
      <c r="C114" s="14">
        <v>16</v>
      </c>
      <c r="D114" s="18">
        <v>29</v>
      </c>
    </row>
    <row r="115" spans="1:4" ht="18" customHeight="1" x14ac:dyDescent="0.15">
      <c r="A115" s="5">
        <v>90</v>
      </c>
      <c r="B115" s="22">
        <v>0</v>
      </c>
      <c r="C115" s="14">
        <v>5</v>
      </c>
      <c r="D115" s="18">
        <v>5</v>
      </c>
    </row>
    <row r="116" spans="1:4" ht="18" customHeight="1" x14ac:dyDescent="0.15">
      <c r="A116" s="5">
        <v>91</v>
      </c>
      <c r="B116" s="22">
        <v>1</v>
      </c>
      <c r="C116" s="14">
        <v>5</v>
      </c>
      <c r="D116" s="18">
        <v>6</v>
      </c>
    </row>
    <row r="117" spans="1:4" ht="18" customHeight="1" x14ac:dyDescent="0.15">
      <c r="A117" s="5">
        <v>92</v>
      </c>
      <c r="B117" s="22">
        <v>3</v>
      </c>
      <c r="C117" s="14">
        <v>3</v>
      </c>
      <c r="D117" s="18">
        <v>6</v>
      </c>
    </row>
    <row r="118" spans="1:4" ht="18" customHeight="1" x14ac:dyDescent="0.15">
      <c r="A118" s="5">
        <v>93</v>
      </c>
      <c r="B118" s="22">
        <v>0</v>
      </c>
      <c r="C118" s="14">
        <v>2</v>
      </c>
      <c r="D118" s="18">
        <v>2</v>
      </c>
    </row>
    <row r="119" spans="1:4" ht="18" customHeight="1" x14ac:dyDescent="0.15">
      <c r="A119" s="5">
        <v>94</v>
      </c>
      <c r="B119" s="22">
        <v>1</v>
      </c>
      <c r="C119" s="14">
        <v>4</v>
      </c>
      <c r="D119" s="18">
        <v>5</v>
      </c>
    </row>
    <row r="120" spans="1:4" ht="18" customHeight="1" x14ac:dyDescent="0.15">
      <c r="A120" s="5" t="s">
        <v>39</v>
      </c>
      <c r="B120" s="22">
        <v>5</v>
      </c>
      <c r="C120" s="14">
        <v>19</v>
      </c>
      <c r="D120" s="18">
        <v>24</v>
      </c>
    </row>
    <row r="121" spans="1:4" ht="18" customHeight="1" x14ac:dyDescent="0.15">
      <c r="A121" s="5">
        <v>95</v>
      </c>
      <c r="B121" s="22">
        <v>0</v>
      </c>
      <c r="C121" s="14">
        <v>3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0</v>
      </c>
      <c r="C126" s="14">
        <v>7</v>
      </c>
      <c r="D126" s="18">
        <v>7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150</v>
      </c>
      <c r="C130" s="14">
        <v>191</v>
      </c>
      <c r="D130" s="18">
        <v>341</v>
      </c>
    </row>
    <row r="131" spans="1:4" ht="18" customHeight="1" x14ac:dyDescent="0.15">
      <c r="A131" s="7" t="s">
        <v>45</v>
      </c>
      <c r="B131" s="23">
        <v>364</v>
      </c>
      <c r="C131" s="15">
        <v>395</v>
      </c>
      <c r="D131" s="19">
        <v>75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300-000000000000}">
  <sheetPr codeName="Sheet9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48" t="s">
        <v>220</v>
      </c>
      <c r="C5" s="49" t="s">
        <v>220</v>
      </c>
      <c r="D5" s="50" t="s">
        <v>220</v>
      </c>
    </row>
    <row r="6" spans="1:4" ht="18" customHeight="1" x14ac:dyDescent="0.15">
      <c r="A6" s="5">
        <v>1</v>
      </c>
      <c r="B6" s="51" t="s">
        <v>220</v>
      </c>
      <c r="C6" s="52" t="s">
        <v>220</v>
      </c>
      <c r="D6" s="53" t="s">
        <v>220</v>
      </c>
    </row>
    <row r="7" spans="1:4" ht="18" customHeight="1" x14ac:dyDescent="0.15">
      <c r="A7" s="5">
        <v>2</v>
      </c>
      <c r="B7" s="51" t="s">
        <v>220</v>
      </c>
      <c r="C7" s="52" t="s">
        <v>220</v>
      </c>
      <c r="D7" s="53" t="s">
        <v>220</v>
      </c>
    </row>
    <row r="8" spans="1:4" ht="18" customHeight="1" x14ac:dyDescent="0.15">
      <c r="A8" s="5">
        <v>3</v>
      </c>
      <c r="B8" s="51" t="s">
        <v>220</v>
      </c>
      <c r="C8" s="52" t="s">
        <v>220</v>
      </c>
      <c r="D8" s="53" t="s">
        <v>220</v>
      </c>
    </row>
    <row r="9" spans="1:4" ht="18" customHeight="1" x14ac:dyDescent="0.15">
      <c r="A9" s="5">
        <v>4</v>
      </c>
      <c r="B9" s="54" t="s">
        <v>220</v>
      </c>
      <c r="C9" s="55" t="s">
        <v>220</v>
      </c>
      <c r="D9" s="56" t="s">
        <v>220</v>
      </c>
    </row>
    <row r="10" spans="1:4" ht="18" customHeight="1" x14ac:dyDescent="0.15">
      <c r="A10" s="5" t="s">
        <v>7</v>
      </c>
      <c r="B10" s="57" t="s">
        <v>220</v>
      </c>
      <c r="C10" s="52" t="s">
        <v>220</v>
      </c>
      <c r="D10" s="53" t="s">
        <v>220</v>
      </c>
    </row>
    <row r="11" spans="1:4" ht="18" customHeight="1" x14ac:dyDescent="0.15">
      <c r="A11" s="5">
        <v>5</v>
      </c>
      <c r="B11" s="51" t="s">
        <v>220</v>
      </c>
      <c r="C11" s="52" t="s">
        <v>220</v>
      </c>
      <c r="D11" s="53" t="s">
        <v>220</v>
      </c>
    </row>
    <row r="12" spans="1:4" ht="18" customHeight="1" x14ac:dyDescent="0.15">
      <c r="A12" s="5">
        <v>6</v>
      </c>
      <c r="B12" s="51" t="s">
        <v>220</v>
      </c>
      <c r="C12" s="52" t="s">
        <v>220</v>
      </c>
      <c r="D12" s="53" t="s">
        <v>220</v>
      </c>
    </row>
    <row r="13" spans="1:4" ht="18" customHeight="1" x14ac:dyDescent="0.15">
      <c r="A13" s="5">
        <v>7</v>
      </c>
      <c r="B13" s="51" t="s">
        <v>220</v>
      </c>
      <c r="C13" s="52" t="s">
        <v>220</v>
      </c>
      <c r="D13" s="53" t="s">
        <v>220</v>
      </c>
    </row>
    <row r="14" spans="1:4" ht="18" customHeight="1" x14ac:dyDescent="0.15">
      <c r="A14" s="5">
        <v>8</v>
      </c>
      <c r="B14" s="51" t="s">
        <v>220</v>
      </c>
      <c r="C14" s="52" t="s">
        <v>220</v>
      </c>
      <c r="D14" s="53" t="s">
        <v>220</v>
      </c>
    </row>
    <row r="15" spans="1:4" ht="18" customHeight="1" x14ac:dyDescent="0.15">
      <c r="A15" s="5">
        <v>9</v>
      </c>
      <c r="B15" s="51" t="s">
        <v>220</v>
      </c>
      <c r="C15" s="52" t="s">
        <v>220</v>
      </c>
      <c r="D15" s="53" t="s">
        <v>220</v>
      </c>
    </row>
    <row r="16" spans="1:4" ht="18" customHeight="1" x14ac:dyDescent="0.15">
      <c r="A16" s="5" t="s">
        <v>11</v>
      </c>
      <c r="B16" s="57" t="s">
        <v>220</v>
      </c>
      <c r="C16" s="52" t="s">
        <v>220</v>
      </c>
      <c r="D16" s="53" t="s">
        <v>220</v>
      </c>
    </row>
    <row r="17" spans="1:4" ht="18" customHeight="1" x14ac:dyDescent="0.15">
      <c r="A17" s="5">
        <v>10</v>
      </c>
      <c r="B17" s="57" t="s">
        <v>220</v>
      </c>
      <c r="C17" s="52" t="s">
        <v>220</v>
      </c>
      <c r="D17" s="53" t="s">
        <v>220</v>
      </c>
    </row>
    <row r="18" spans="1:4" ht="18" customHeight="1" x14ac:dyDescent="0.15">
      <c r="A18" s="5">
        <v>11</v>
      </c>
      <c r="B18" s="57" t="s">
        <v>220</v>
      </c>
      <c r="C18" s="52" t="s">
        <v>220</v>
      </c>
      <c r="D18" s="53" t="s">
        <v>220</v>
      </c>
    </row>
    <row r="19" spans="1:4" ht="18" customHeight="1" x14ac:dyDescent="0.15">
      <c r="A19" s="5">
        <v>12</v>
      </c>
      <c r="B19" s="57" t="s">
        <v>220</v>
      </c>
      <c r="C19" s="52" t="s">
        <v>220</v>
      </c>
      <c r="D19" s="53" t="s">
        <v>220</v>
      </c>
    </row>
    <row r="20" spans="1:4" ht="18" customHeight="1" x14ac:dyDescent="0.15">
      <c r="A20" s="5">
        <v>13</v>
      </c>
      <c r="B20" s="57" t="s">
        <v>220</v>
      </c>
      <c r="C20" s="52" t="s">
        <v>220</v>
      </c>
      <c r="D20" s="53" t="s">
        <v>220</v>
      </c>
    </row>
    <row r="21" spans="1:4" ht="18" customHeight="1" x14ac:dyDescent="0.15">
      <c r="A21" s="5">
        <v>14</v>
      </c>
      <c r="B21" s="57" t="s">
        <v>220</v>
      </c>
      <c r="C21" s="52" t="s">
        <v>220</v>
      </c>
      <c r="D21" s="53" t="s">
        <v>220</v>
      </c>
    </row>
    <row r="22" spans="1:4" ht="18" customHeight="1" x14ac:dyDescent="0.15">
      <c r="A22" s="5" t="s">
        <v>12</v>
      </c>
      <c r="B22" s="57" t="s">
        <v>220</v>
      </c>
      <c r="C22" s="52" t="s">
        <v>220</v>
      </c>
      <c r="D22" s="53" t="s">
        <v>220</v>
      </c>
    </row>
    <row r="23" spans="1:4" ht="18" customHeight="1" x14ac:dyDescent="0.15">
      <c r="A23" s="5" t="s">
        <v>6</v>
      </c>
      <c r="B23" s="22">
        <v>2</v>
      </c>
      <c r="C23" s="14">
        <v>5</v>
      </c>
      <c r="D23" s="18">
        <v>7</v>
      </c>
    </row>
    <row r="24" spans="1:4" ht="18" customHeight="1" x14ac:dyDescent="0.15">
      <c r="A24" s="5">
        <v>15</v>
      </c>
      <c r="B24" s="57" t="s">
        <v>220</v>
      </c>
      <c r="C24" s="52" t="s">
        <v>220</v>
      </c>
      <c r="D24" s="53" t="s">
        <v>220</v>
      </c>
    </row>
    <row r="25" spans="1:4" ht="18" customHeight="1" x14ac:dyDescent="0.15">
      <c r="A25" s="5">
        <v>16</v>
      </c>
      <c r="B25" s="57" t="s">
        <v>220</v>
      </c>
      <c r="C25" s="52" t="s">
        <v>220</v>
      </c>
      <c r="D25" s="53" t="s">
        <v>220</v>
      </c>
    </row>
    <row r="26" spans="1:4" ht="18" customHeight="1" x14ac:dyDescent="0.15">
      <c r="A26" s="5">
        <v>17</v>
      </c>
      <c r="B26" s="57" t="s">
        <v>220</v>
      </c>
      <c r="C26" s="52" t="s">
        <v>220</v>
      </c>
      <c r="D26" s="53" t="s">
        <v>220</v>
      </c>
    </row>
    <row r="27" spans="1:4" ht="18" customHeight="1" x14ac:dyDescent="0.15">
      <c r="A27" s="5">
        <v>18</v>
      </c>
      <c r="B27" s="57" t="s">
        <v>220</v>
      </c>
      <c r="C27" s="52" t="s">
        <v>220</v>
      </c>
      <c r="D27" s="53" t="s">
        <v>220</v>
      </c>
    </row>
    <row r="28" spans="1:4" ht="18" customHeight="1" x14ac:dyDescent="0.15">
      <c r="A28" s="5">
        <v>19</v>
      </c>
      <c r="B28" s="57" t="s">
        <v>220</v>
      </c>
      <c r="C28" s="52" t="s">
        <v>220</v>
      </c>
      <c r="D28" s="53" t="s">
        <v>220</v>
      </c>
    </row>
    <row r="29" spans="1:4" ht="18" customHeight="1" x14ac:dyDescent="0.15">
      <c r="A29" s="5" t="s">
        <v>14</v>
      </c>
      <c r="B29" s="57" t="s">
        <v>220</v>
      </c>
      <c r="C29" s="52" t="s">
        <v>220</v>
      </c>
      <c r="D29" s="53" t="s">
        <v>220</v>
      </c>
    </row>
    <row r="30" spans="1:4" ht="18" customHeight="1" x14ac:dyDescent="0.15">
      <c r="A30" s="5">
        <v>20</v>
      </c>
      <c r="B30" s="57" t="s">
        <v>220</v>
      </c>
      <c r="C30" s="52" t="s">
        <v>220</v>
      </c>
      <c r="D30" s="53" t="s">
        <v>220</v>
      </c>
    </row>
    <row r="31" spans="1:4" ht="18" customHeight="1" x14ac:dyDescent="0.15">
      <c r="A31" s="5">
        <v>21</v>
      </c>
      <c r="B31" s="57" t="s">
        <v>220</v>
      </c>
      <c r="C31" s="52" t="s">
        <v>220</v>
      </c>
      <c r="D31" s="53" t="s">
        <v>220</v>
      </c>
    </row>
    <row r="32" spans="1:4" ht="18" customHeight="1" x14ac:dyDescent="0.15">
      <c r="A32" s="5">
        <v>22</v>
      </c>
      <c r="B32" s="57" t="s">
        <v>220</v>
      </c>
      <c r="C32" s="52" t="s">
        <v>220</v>
      </c>
      <c r="D32" s="53" t="s">
        <v>220</v>
      </c>
    </row>
    <row r="33" spans="1:4" ht="18" customHeight="1" x14ac:dyDescent="0.15">
      <c r="A33" s="5">
        <v>23</v>
      </c>
      <c r="B33" s="57" t="s">
        <v>220</v>
      </c>
      <c r="C33" s="52" t="s">
        <v>220</v>
      </c>
      <c r="D33" s="53" t="s">
        <v>220</v>
      </c>
    </row>
    <row r="34" spans="1:4" ht="18" customHeight="1" x14ac:dyDescent="0.15">
      <c r="A34" s="5">
        <v>24</v>
      </c>
      <c r="B34" s="57" t="s">
        <v>220</v>
      </c>
      <c r="C34" s="52" t="s">
        <v>220</v>
      </c>
      <c r="D34" s="53" t="s">
        <v>220</v>
      </c>
    </row>
    <row r="35" spans="1:4" ht="18" customHeight="1" x14ac:dyDescent="0.15">
      <c r="A35" s="5" t="s">
        <v>9</v>
      </c>
      <c r="B35" s="57" t="s">
        <v>220</v>
      </c>
      <c r="C35" s="52" t="s">
        <v>220</v>
      </c>
      <c r="D35" s="53" t="s">
        <v>220</v>
      </c>
    </row>
    <row r="36" spans="1:4" ht="18" customHeight="1" x14ac:dyDescent="0.15">
      <c r="A36" s="5">
        <v>25</v>
      </c>
      <c r="B36" s="57" t="s">
        <v>220</v>
      </c>
      <c r="C36" s="52" t="s">
        <v>220</v>
      </c>
      <c r="D36" s="53" t="s">
        <v>220</v>
      </c>
    </row>
    <row r="37" spans="1:4" ht="18" customHeight="1" x14ac:dyDescent="0.15">
      <c r="A37" s="5">
        <v>26</v>
      </c>
      <c r="B37" s="57" t="s">
        <v>220</v>
      </c>
      <c r="C37" s="52" t="s">
        <v>220</v>
      </c>
      <c r="D37" s="53" t="s">
        <v>220</v>
      </c>
    </row>
    <row r="38" spans="1:4" ht="18" customHeight="1" x14ac:dyDescent="0.15">
      <c r="A38" s="5">
        <v>27</v>
      </c>
      <c r="B38" s="57" t="s">
        <v>220</v>
      </c>
      <c r="C38" s="52" t="s">
        <v>220</v>
      </c>
      <c r="D38" s="53" t="s">
        <v>220</v>
      </c>
    </row>
    <row r="39" spans="1:4" ht="18" customHeight="1" x14ac:dyDescent="0.15">
      <c r="A39" s="5">
        <v>28</v>
      </c>
      <c r="B39" s="57" t="s">
        <v>220</v>
      </c>
      <c r="C39" s="52" t="s">
        <v>220</v>
      </c>
      <c r="D39" s="53" t="s">
        <v>220</v>
      </c>
    </row>
    <row r="40" spans="1:4" ht="18" customHeight="1" x14ac:dyDescent="0.15">
      <c r="A40" s="5">
        <v>29</v>
      </c>
      <c r="B40" s="57" t="s">
        <v>220</v>
      </c>
      <c r="C40" s="52" t="s">
        <v>220</v>
      </c>
      <c r="D40" s="53" t="s">
        <v>220</v>
      </c>
    </row>
    <row r="41" spans="1:4" ht="18" customHeight="1" x14ac:dyDescent="0.15">
      <c r="A41" s="5" t="s">
        <v>2</v>
      </c>
      <c r="B41" s="57" t="s">
        <v>220</v>
      </c>
      <c r="C41" s="52" t="s">
        <v>220</v>
      </c>
      <c r="D41" s="53" t="s">
        <v>220</v>
      </c>
    </row>
    <row r="42" spans="1:4" ht="18" customHeight="1" x14ac:dyDescent="0.15">
      <c r="A42" s="5">
        <v>30</v>
      </c>
      <c r="B42" s="57" t="s">
        <v>220</v>
      </c>
      <c r="C42" s="52" t="s">
        <v>220</v>
      </c>
      <c r="D42" s="53" t="s">
        <v>220</v>
      </c>
    </row>
    <row r="43" spans="1:4" ht="18" customHeight="1" x14ac:dyDescent="0.15">
      <c r="A43" s="5">
        <v>31</v>
      </c>
      <c r="B43" s="57" t="s">
        <v>220</v>
      </c>
      <c r="C43" s="52" t="s">
        <v>220</v>
      </c>
      <c r="D43" s="53" t="s">
        <v>220</v>
      </c>
    </row>
    <row r="44" spans="1:4" ht="18" customHeight="1" x14ac:dyDescent="0.15">
      <c r="A44" s="5">
        <v>32</v>
      </c>
      <c r="B44" s="57" t="s">
        <v>220</v>
      </c>
      <c r="C44" s="52" t="s">
        <v>220</v>
      </c>
      <c r="D44" s="53" t="s">
        <v>220</v>
      </c>
    </row>
    <row r="45" spans="1:4" ht="18" customHeight="1" x14ac:dyDescent="0.15">
      <c r="A45" s="5">
        <v>33</v>
      </c>
      <c r="B45" s="57" t="s">
        <v>220</v>
      </c>
      <c r="C45" s="52" t="s">
        <v>220</v>
      </c>
      <c r="D45" s="53" t="s">
        <v>220</v>
      </c>
    </row>
    <row r="46" spans="1:4" ht="18" customHeight="1" x14ac:dyDescent="0.15">
      <c r="A46" s="5">
        <v>34</v>
      </c>
      <c r="B46" s="57" t="s">
        <v>220</v>
      </c>
      <c r="C46" s="52" t="s">
        <v>220</v>
      </c>
      <c r="D46" s="53" t="s">
        <v>220</v>
      </c>
    </row>
    <row r="47" spans="1:4" ht="18" customHeight="1" x14ac:dyDescent="0.15">
      <c r="A47" s="5" t="s">
        <v>15</v>
      </c>
      <c r="B47" s="57" t="s">
        <v>220</v>
      </c>
      <c r="C47" s="52" t="s">
        <v>220</v>
      </c>
      <c r="D47" s="53" t="s">
        <v>220</v>
      </c>
    </row>
    <row r="48" spans="1:4" ht="18" customHeight="1" x14ac:dyDescent="0.15">
      <c r="A48" s="5">
        <v>35</v>
      </c>
      <c r="B48" s="57" t="s">
        <v>220</v>
      </c>
      <c r="C48" s="52" t="s">
        <v>220</v>
      </c>
      <c r="D48" s="53" t="s">
        <v>220</v>
      </c>
    </row>
    <row r="49" spans="1:4" ht="18" customHeight="1" x14ac:dyDescent="0.15">
      <c r="A49" s="5">
        <v>36</v>
      </c>
      <c r="B49" s="57" t="s">
        <v>220</v>
      </c>
      <c r="C49" s="52" t="s">
        <v>220</v>
      </c>
      <c r="D49" s="53" t="s">
        <v>220</v>
      </c>
    </row>
    <row r="50" spans="1:4" ht="18" customHeight="1" x14ac:dyDescent="0.15">
      <c r="A50" s="5">
        <v>37</v>
      </c>
      <c r="B50" s="57" t="s">
        <v>220</v>
      </c>
      <c r="C50" s="52" t="s">
        <v>220</v>
      </c>
      <c r="D50" s="53" t="s">
        <v>220</v>
      </c>
    </row>
    <row r="51" spans="1:4" ht="18" customHeight="1" x14ac:dyDescent="0.15">
      <c r="A51" s="5">
        <v>38</v>
      </c>
      <c r="B51" s="57" t="s">
        <v>220</v>
      </c>
      <c r="C51" s="52" t="s">
        <v>220</v>
      </c>
      <c r="D51" s="53" t="s">
        <v>220</v>
      </c>
    </row>
    <row r="52" spans="1:4" ht="18" customHeight="1" x14ac:dyDescent="0.15">
      <c r="A52" s="5">
        <v>39</v>
      </c>
      <c r="B52" s="57" t="s">
        <v>220</v>
      </c>
      <c r="C52" s="52" t="s">
        <v>220</v>
      </c>
      <c r="D52" s="53" t="s">
        <v>220</v>
      </c>
    </row>
    <row r="53" spans="1:4" ht="18" customHeight="1" x14ac:dyDescent="0.15">
      <c r="A53" s="5" t="s">
        <v>18</v>
      </c>
      <c r="B53" s="57" t="s">
        <v>220</v>
      </c>
      <c r="C53" s="52" t="s">
        <v>220</v>
      </c>
      <c r="D53" s="53" t="s">
        <v>220</v>
      </c>
    </row>
    <row r="54" spans="1:4" ht="18" customHeight="1" x14ac:dyDescent="0.15">
      <c r="A54" s="5">
        <v>40</v>
      </c>
      <c r="B54" s="57" t="s">
        <v>220</v>
      </c>
      <c r="C54" s="52" t="s">
        <v>220</v>
      </c>
      <c r="D54" s="53" t="s">
        <v>220</v>
      </c>
    </row>
    <row r="55" spans="1:4" ht="18" customHeight="1" x14ac:dyDescent="0.15">
      <c r="A55" s="5">
        <v>41</v>
      </c>
      <c r="B55" s="57" t="s">
        <v>220</v>
      </c>
      <c r="C55" s="52" t="s">
        <v>220</v>
      </c>
      <c r="D55" s="53" t="s">
        <v>220</v>
      </c>
    </row>
    <row r="56" spans="1:4" ht="18" customHeight="1" x14ac:dyDescent="0.15">
      <c r="A56" s="5">
        <v>42</v>
      </c>
      <c r="B56" s="57" t="s">
        <v>220</v>
      </c>
      <c r="C56" s="52" t="s">
        <v>220</v>
      </c>
      <c r="D56" s="53" t="s">
        <v>220</v>
      </c>
    </row>
    <row r="57" spans="1:4" ht="18" customHeight="1" x14ac:dyDescent="0.15">
      <c r="A57" s="5">
        <v>43</v>
      </c>
      <c r="B57" s="57" t="s">
        <v>220</v>
      </c>
      <c r="C57" s="52" t="s">
        <v>220</v>
      </c>
      <c r="D57" s="53" t="s">
        <v>220</v>
      </c>
    </row>
    <row r="58" spans="1:4" ht="18" customHeight="1" x14ac:dyDescent="0.15">
      <c r="A58" s="5">
        <v>44</v>
      </c>
      <c r="B58" s="57" t="s">
        <v>220</v>
      </c>
      <c r="C58" s="52" t="s">
        <v>220</v>
      </c>
      <c r="D58" s="53" t="s">
        <v>220</v>
      </c>
    </row>
    <row r="59" spans="1:4" ht="18" customHeight="1" x14ac:dyDescent="0.15">
      <c r="A59" s="5" t="s">
        <v>21</v>
      </c>
      <c r="B59" s="57" t="s">
        <v>220</v>
      </c>
      <c r="C59" s="52" t="s">
        <v>220</v>
      </c>
      <c r="D59" s="53" t="s">
        <v>220</v>
      </c>
    </row>
    <row r="60" spans="1:4" ht="18" customHeight="1" x14ac:dyDescent="0.15">
      <c r="A60" s="5">
        <v>45</v>
      </c>
      <c r="B60" s="57" t="s">
        <v>220</v>
      </c>
      <c r="C60" s="52" t="s">
        <v>220</v>
      </c>
      <c r="D60" s="53" t="s">
        <v>220</v>
      </c>
    </row>
    <row r="61" spans="1:4" ht="18" customHeight="1" x14ac:dyDescent="0.15">
      <c r="A61" s="5">
        <v>46</v>
      </c>
      <c r="B61" s="57" t="s">
        <v>220</v>
      </c>
      <c r="C61" s="52" t="s">
        <v>220</v>
      </c>
      <c r="D61" s="53" t="s">
        <v>220</v>
      </c>
    </row>
    <row r="62" spans="1:4" ht="18" customHeight="1" x14ac:dyDescent="0.15">
      <c r="A62" s="5">
        <v>47</v>
      </c>
      <c r="B62" s="57" t="s">
        <v>220</v>
      </c>
      <c r="C62" s="52" t="s">
        <v>220</v>
      </c>
      <c r="D62" s="53" t="s">
        <v>220</v>
      </c>
    </row>
    <row r="63" spans="1:4" ht="18" customHeight="1" x14ac:dyDescent="0.15">
      <c r="A63" s="5">
        <v>48</v>
      </c>
      <c r="B63" s="57" t="s">
        <v>220</v>
      </c>
      <c r="C63" s="52" t="s">
        <v>220</v>
      </c>
      <c r="D63" s="53" t="s">
        <v>220</v>
      </c>
    </row>
    <row r="64" spans="1:4" ht="18" customHeight="1" x14ac:dyDescent="0.15">
      <c r="A64" s="5">
        <v>49</v>
      </c>
      <c r="B64" s="57" t="s">
        <v>220</v>
      </c>
      <c r="C64" s="52" t="s">
        <v>220</v>
      </c>
      <c r="D64" s="53" t="s">
        <v>220</v>
      </c>
    </row>
    <row r="65" spans="1:4" ht="18" customHeight="1" x14ac:dyDescent="0.15">
      <c r="A65" s="5" t="s">
        <v>17</v>
      </c>
      <c r="B65" s="57" t="s">
        <v>220</v>
      </c>
      <c r="C65" s="52" t="s">
        <v>220</v>
      </c>
      <c r="D65" s="53" t="s">
        <v>220</v>
      </c>
    </row>
    <row r="66" spans="1:4" ht="18" customHeight="1" x14ac:dyDescent="0.15">
      <c r="A66" s="5">
        <v>50</v>
      </c>
      <c r="B66" s="57" t="s">
        <v>220</v>
      </c>
      <c r="C66" s="52" t="s">
        <v>220</v>
      </c>
      <c r="D66" s="53" t="s">
        <v>220</v>
      </c>
    </row>
    <row r="67" spans="1:4" ht="18" customHeight="1" x14ac:dyDescent="0.15">
      <c r="A67" s="5">
        <v>51</v>
      </c>
      <c r="B67" s="57" t="s">
        <v>220</v>
      </c>
      <c r="C67" s="52" t="s">
        <v>220</v>
      </c>
      <c r="D67" s="53" t="s">
        <v>220</v>
      </c>
    </row>
    <row r="68" spans="1:4" ht="18" customHeight="1" x14ac:dyDescent="0.15">
      <c r="A68" s="5">
        <v>52</v>
      </c>
      <c r="B68" s="57" t="s">
        <v>220</v>
      </c>
      <c r="C68" s="52" t="s">
        <v>220</v>
      </c>
      <c r="D68" s="53" t="s">
        <v>220</v>
      </c>
    </row>
    <row r="69" spans="1:4" ht="18" customHeight="1" x14ac:dyDescent="0.15">
      <c r="A69" s="5">
        <v>53</v>
      </c>
      <c r="B69" s="57" t="s">
        <v>220</v>
      </c>
      <c r="C69" s="52" t="s">
        <v>220</v>
      </c>
      <c r="D69" s="53" t="s">
        <v>220</v>
      </c>
    </row>
    <row r="70" spans="1:4" ht="18" customHeight="1" x14ac:dyDescent="0.15">
      <c r="A70" s="5">
        <v>54</v>
      </c>
      <c r="B70" s="57" t="s">
        <v>220</v>
      </c>
      <c r="C70" s="52" t="s">
        <v>220</v>
      </c>
      <c r="D70" s="53" t="s">
        <v>220</v>
      </c>
    </row>
    <row r="71" spans="1:4" ht="18" customHeight="1" x14ac:dyDescent="0.15">
      <c r="A71" s="5" t="s">
        <v>22</v>
      </c>
      <c r="B71" s="57" t="s">
        <v>220</v>
      </c>
      <c r="C71" s="52" t="s">
        <v>220</v>
      </c>
      <c r="D71" s="53" t="s">
        <v>220</v>
      </c>
    </row>
    <row r="72" spans="1:4" ht="18" customHeight="1" x14ac:dyDescent="0.15">
      <c r="A72" s="5">
        <v>55</v>
      </c>
      <c r="B72" s="57" t="s">
        <v>220</v>
      </c>
      <c r="C72" s="52" t="s">
        <v>220</v>
      </c>
      <c r="D72" s="53" t="s">
        <v>220</v>
      </c>
    </row>
    <row r="73" spans="1:4" ht="18" customHeight="1" x14ac:dyDescent="0.15">
      <c r="A73" s="5">
        <v>56</v>
      </c>
      <c r="B73" s="57" t="s">
        <v>220</v>
      </c>
      <c r="C73" s="52" t="s">
        <v>220</v>
      </c>
      <c r="D73" s="53" t="s">
        <v>220</v>
      </c>
    </row>
    <row r="74" spans="1:4" ht="18" customHeight="1" x14ac:dyDescent="0.15">
      <c r="A74" s="5">
        <v>57</v>
      </c>
      <c r="B74" s="57" t="s">
        <v>220</v>
      </c>
      <c r="C74" s="52" t="s">
        <v>220</v>
      </c>
      <c r="D74" s="53" t="s">
        <v>220</v>
      </c>
    </row>
    <row r="75" spans="1:4" ht="18" customHeight="1" x14ac:dyDescent="0.15">
      <c r="A75" s="5">
        <v>58</v>
      </c>
      <c r="B75" s="57" t="s">
        <v>220</v>
      </c>
      <c r="C75" s="52" t="s">
        <v>220</v>
      </c>
      <c r="D75" s="53" t="s">
        <v>220</v>
      </c>
    </row>
    <row r="76" spans="1:4" ht="18" customHeight="1" x14ac:dyDescent="0.15">
      <c r="A76" s="5">
        <v>59</v>
      </c>
      <c r="B76" s="57" t="s">
        <v>220</v>
      </c>
      <c r="C76" s="52" t="s">
        <v>220</v>
      </c>
      <c r="D76" s="53" t="s">
        <v>220</v>
      </c>
    </row>
    <row r="77" spans="1:4" ht="18" customHeight="1" x14ac:dyDescent="0.15">
      <c r="A77" s="5" t="s">
        <v>27</v>
      </c>
      <c r="B77" s="57" t="s">
        <v>220</v>
      </c>
      <c r="C77" s="52" t="s">
        <v>220</v>
      </c>
      <c r="D77" s="53" t="s">
        <v>220</v>
      </c>
    </row>
    <row r="78" spans="1:4" ht="18" customHeight="1" x14ac:dyDescent="0.15">
      <c r="A78" s="5">
        <v>60</v>
      </c>
      <c r="B78" s="57" t="s">
        <v>220</v>
      </c>
      <c r="C78" s="52" t="s">
        <v>220</v>
      </c>
      <c r="D78" s="53" t="s">
        <v>220</v>
      </c>
    </row>
    <row r="79" spans="1:4" ht="18" customHeight="1" x14ac:dyDescent="0.15">
      <c r="A79" s="5">
        <v>61</v>
      </c>
      <c r="B79" s="57" t="s">
        <v>220</v>
      </c>
      <c r="C79" s="52" t="s">
        <v>220</v>
      </c>
      <c r="D79" s="53" t="s">
        <v>220</v>
      </c>
    </row>
    <row r="80" spans="1:4" ht="18" customHeight="1" x14ac:dyDescent="0.15">
      <c r="A80" s="5">
        <v>62</v>
      </c>
      <c r="B80" s="57" t="s">
        <v>220</v>
      </c>
      <c r="C80" s="52" t="s">
        <v>220</v>
      </c>
      <c r="D80" s="53" t="s">
        <v>220</v>
      </c>
    </row>
    <row r="81" spans="1:4" ht="18" customHeight="1" x14ac:dyDescent="0.15">
      <c r="A81" s="5">
        <v>63</v>
      </c>
      <c r="B81" s="57" t="s">
        <v>220</v>
      </c>
      <c r="C81" s="52" t="s">
        <v>220</v>
      </c>
      <c r="D81" s="53" t="s">
        <v>220</v>
      </c>
    </row>
    <row r="82" spans="1:4" ht="18" customHeight="1" x14ac:dyDescent="0.15">
      <c r="A82" s="5">
        <v>64</v>
      </c>
      <c r="B82" s="57" t="s">
        <v>220</v>
      </c>
      <c r="C82" s="52" t="s">
        <v>220</v>
      </c>
      <c r="D82" s="53" t="s">
        <v>220</v>
      </c>
    </row>
    <row r="83" spans="1:4" ht="18" customHeight="1" x14ac:dyDescent="0.15">
      <c r="A83" s="5" t="s">
        <v>28</v>
      </c>
      <c r="B83" s="57" t="s">
        <v>220</v>
      </c>
      <c r="C83" s="52" t="s">
        <v>220</v>
      </c>
      <c r="D83" s="53" t="s">
        <v>220</v>
      </c>
    </row>
    <row r="84" spans="1:4" ht="18" customHeight="1" x14ac:dyDescent="0.15">
      <c r="A84" s="5" t="s">
        <v>31</v>
      </c>
      <c r="B84" s="22">
        <v>35</v>
      </c>
      <c r="C84" s="14">
        <v>30</v>
      </c>
      <c r="D84" s="18">
        <v>65</v>
      </c>
    </row>
    <row r="85" spans="1:4" ht="18" customHeight="1" x14ac:dyDescent="0.15">
      <c r="A85" s="5">
        <v>65</v>
      </c>
      <c r="B85" s="57" t="s">
        <v>220</v>
      </c>
      <c r="C85" s="52" t="s">
        <v>220</v>
      </c>
      <c r="D85" s="53" t="s">
        <v>220</v>
      </c>
    </row>
    <row r="86" spans="1:4" ht="18" customHeight="1" x14ac:dyDescent="0.15">
      <c r="A86" s="5">
        <v>66</v>
      </c>
      <c r="B86" s="57" t="s">
        <v>220</v>
      </c>
      <c r="C86" s="52" t="s">
        <v>220</v>
      </c>
      <c r="D86" s="53" t="s">
        <v>220</v>
      </c>
    </row>
    <row r="87" spans="1:4" ht="18" customHeight="1" x14ac:dyDescent="0.15">
      <c r="A87" s="5">
        <v>67</v>
      </c>
      <c r="B87" s="57" t="s">
        <v>220</v>
      </c>
      <c r="C87" s="52" t="s">
        <v>220</v>
      </c>
      <c r="D87" s="53" t="s">
        <v>220</v>
      </c>
    </row>
    <row r="88" spans="1:4" ht="18" customHeight="1" x14ac:dyDescent="0.15">
      <c r="A88" s="5">
        <v>68</v>
      </c>
      <c r="B88" s="57" t="s">
        <v>220</v>
      </c>
      <c r="C88" s="52" t="s">
        <v>220</v>
      </c>
      <c r="D88" s="53" t="s">
        <v>220</v>
      </c>
    </row>
    <row r="89" spans="1:4" ht="18" customHeight="1" x14ac:dyDescent="0.15">
      <c r="A89" s="5">
        <v>69</v>
      </c>
      <c r="B89" s="57" t="s">
        <v>220</v>
      </c>
      <c r="C89" s="52" t="s">
        <v>220</v>
      </c>
      <c r="D89" s="53" t="s">
        <v>220</v>
      </c>
    </row>
    <row r="90" spans="1:4" ht="18" customHeight="1" x14ac:dyDescent="0.15">
      <c r="A90" s="5" t="s">
        <v>20</v>
      </c>
      <c r="B90" s="57" t="s">
        <v>220</v>
      </c>
      <c r="C90" s="52" t="s">
        <v>220</v>
      </c>
      <c r="D90" s="53" t="s">
        <v>220</v>
      </c>
    </row>
    <row r="91" spans="1:4" ht="18" customHeight="1" x14ac:dyDescent="0.15">
      <c r="A91" s="5">
        <v>70</v>
      </c>
      <c r="B91" s="57" t="s">
        <v>220</v>
      </c>
      <c r="C91" s="52" t="s">
        <v>220</v>
      </c>
      <c r="D91" s="53" t="s">
        <v>220</v>
      </c>
    </row>
    <row r="92" spans="1:4" ht="18" customHeight="1" x14ac:dyDescent="0.15">
      <c r="A92" s="5">
        <v>71</v>
      </c>
      <c r="B92" s="57" t="s">
        <v>220</v>
      </c>
      <c r="C92" s="52" t="s">
        <v>220</v>
      </c>
      <c r="D92" s="53" t="s">
        <v>220</v>
      </c>
    </row>
    <row r="93" spans="1:4" ht="18" customHeight="1" x14ac:dyDescent="0.15">
      <c r="A93" s="5">
        <v>72</v>
      </c>
      <c r="B93" s="57" t="s">
        <v>220</v>
      </c>
      <c r="C93" s="52" t="s">
        <v>220</v>
      </c>
      <c r="D93" s="53" t="s">
        <v>220</v>
      </c>
    </row>
    <row r="94" spans="1:4" ht="18" customHeight="1" x14ac:dyDescent="0.15">
      <c r="A94" s="5">
        <v>73</v>
      </c>
      <c r="B94" s="57" t="s">
        <v>220</v>
      </c>
      <c r="C94" s="52" t="s">
        <v>220</v>
      </c>
      <c r="D94" s="53" t="s">
        <v>220</v>
      </c>
    </row>
    <row r="95" spans="1:4" ht="18" customHeight="1" x14ac:dyDescent="0.15">
      <c r="A95" s="5">
        <v>74</v>
      </c>
      <c r="B95" s="57" t="s">
        <v>220</v>
      </c>
      <c r="C95" s="52" t="s">
        <v>220</v>
      </c>
      <c r="D95" s="53" t="s">
        <v>220</v>
      </c>
    </row>
    <row r="96" spans="1:4" ht="18" customHeight="1" x14ac:dyDescent="0.15">
      <c r="A96" s="5" t="s">
        <v>33</v>
      </c>
      <c r="B96" s="57" t="s">
        <v>220</v>
      </c>
      <c r="C96" s="52" t="s">
        <v>220</v>
      </c>
      <c r="D96" s="53" t="s">
        <v>220</v>
      </c>
    </row>
    <row r="97" spans="1:4" ht="18" customHeight="1" x14ac:dyDescent="0.15">
      <c r="A97" s="5">
        <v>75</v>
      </c>
      <c r="B97" s="57" t="s">
        <v>220</v>
      </c>
      <c r="C97" s="52" t="s">
        <v>220</v>
      </c>
      <c r="D97" s="53" t="s">
        <v>220</v>
      </c>
    </row>
    <row r="98" spans="1:4" ht="18" customHeight="1" x14ac:dyDescent="0.15">
      <c r="A98" s="5">
        <v>76</v>
      </c>
      <c r="B98" s="57" t="s">
        <v>220</v>
      </c>
      <c r="C98" s="52" t="s">
        <v>220</v>
      </c>
      <c r="D98" s="53" t="s">
        <v>220</v>
      </c>
    </row>
    <row r="99" spans="1:4" ht="18" customHeight="1" x14ac:dyDescent="0.15">
      <c r="A99" s="5">
        <v>77</v>
      </c>
      <c r="B99" s="57" t="s">
        <v>220</v>
      </c>
      <c r="C99" s="52" t="s">
        <v>220</v>
      </c>
      <c r="D99" s="53" t="s">
        <v>220</v>
      </c>
    </row>
    <row r="100" spans="1:4" ht="18" customHeight="1" x14ac:dyDescent="0.15">
      <c r="A100" s="5">
        <v>78</v>
      </c>
      <c r="B100" s="57" t="s">
        <v>220</v>
      </c>
      <c r="C100" s="52" t="s">
        <v>220</v>
      </c>
      <c r="D100" s="53" t="s">
        <v>220</v>
      </c>
    </row>
    <row r="101" spans="1:4" ht="18" customHeight="1" x14ac:dyDescent="0.15">
      <c r="A101" s="5">
        <v>79</v>
      </c>
      <c r="B101" s="57" t="s">
        <v>220</v>
      </c>
      <c r="C101" s="52" t="s">
        <v>220</v>
      </c>
      <c r="D101" s="53" t="s">
        <v>220</v>
      </c>
    </row>
    <row r="102" spans="1:4" ht="18" customHeight="1" x14ac:dyDescent="0.15">
      <c r="A102" s="5" t="s">
        <v>0</v>
      </c>
      <c r="B102" s="57" t="s">
        <v>220</v>
      </c>
      <c r="C102" s="52" t="s">
        <v>220</v>
      </c>
      <c r="D102" s="53" t="s">
        <v>220</v>
      </c>
    </row>
    <row r="103" spans="1:4" ht="18" customHeight="1" x14ac:dyDescent="0.15">
      <c r="A103" s="5">
        <v>80</v>
      </c>
      <c r="B103" s="57" t="s">
        <v>220</v>
      </c>
      <c r="C103" s="52" t="s">
        <v>220</v>
      </c>
      <c r="D103" s="53" t="s">
        <v>220</v>
      </c>
    </row>
    <row r="104" spans="1:4" ht="18" customHeight="1" x14ac:dyDescent="0.15">
      <c r="A104" s="5">
        <v>81</v>
      </c>
      <c r="B104" s="57" t="s">
        <v>220</v>
      </c>
      <c r="C104" s="52" t="s">
        <v>220</v>
      </c>
      <c r="D104" s="53" t="s">
        <v>220</v>
      </c>
    </row>
    <row r="105" spans="1:4" ht="18" customHeight="1" x14ac:dyDescent="0.15">
      <c r="A105" s="5">
        <v>82</v>
      </c>
      <c r="B105" s="57" t="s">
        <v>220</v>
      </c>
      <c r="C105" s="52" t="s">
        <v>220</v>
      </c>
      <c r="D105" s="53" t="s">
        <v>220</v>
      </c>
    </row>
    <row r="106" spans="1:4" ht="18" customHeight="1" x14ac:dyDescent="0.15">
      <c r="A106" s="5">
        <v>83</v>
      </c>
      <c r="B106" s="57" t="s">
        <v>220</v>
      </c>
      <c r="C106" s="52" t="s">
        <v>220</v>
      </c>
      <c r="D106" s="53" t="s">
        <v>220</v>
      </c>
    </row>
    <row r="107" spans="1:4" ht="18" customHeight="1" x14ac:dyDescent="0.15">
      <c r="A107" s="5">
        <v>84</v>
      </c>
      <c r="B107" s="57" t="s">
        <v>220</v>
      </c>
      <c r="C107" s="52" t="s">
        <v>220</v>
      </c>
      <c r="D107" s="53" t="s">
        <v>220</v>
      </c>
    </row>
    <row r="108" spans="1:4" ht="18" customHeight="1" x14ac:dyDescent="0.15">
      <c r="A108" s="5" t="s">
        <v>35</v>
      </c>
      <c r="B108" s="57" t="s">
        <v>220</v>
      </c>
      <c r="C108" s="52" t="s">
        <v>220</v>
      </c>
      <c r="D108" s="53" t="s">
        <v>220</v>
      </c>
    </row>
    <row r="109" spans="1:4" ht="18" customHeight="1" x14ac:dyDescent="0.15">
      <c r="A109" s="5">
        <v>85</v>
      </c>
      <c r="B109" s="57" t="s">
        <v>220</v>
      </c>
      <c r="C109" s="52" t="s">
        <v>220</v>
      </c>
      <c r="D109" s="53" t="s">
        <v>220</v>
      </c>
    </row>
    <row r="110" spans="1:4" ht="18" customHeight="1" x14ac:dyDescent="0.15">
      <c r="A110" s="5">
        <v>86</v>
      </c>
      <c r="B110" s="57" t="s">
        <v>220</v>
      </c>
      <c r="C110" s="52" t="s">
        <v>220</v>
      </c>
      <c r="D110" s="53" t="s">
        <v>220</v>
      </c>
    </row>
    <row r="111" spans="1:4" ht="18" customHeight="1" x14ac:dyDescent="0.15">
      <c r="A111" s="5">
        <v>87</v>
      </c>
      <c r="B111" s="57" t="s">
        <v>220</v>
      </c>
      <c r="C111" s="52" t="s">
        <v>220</v>
      </c>
      <c r="D111" s="53" t="s">
        <v>220</v>
      </c>
    </row>
    <row r="112" spans="1:4" ht="18" customHeight="1" x14ac:dyDescent="0.15">
      <c r="A112" s="5">
        <v>88</v>
      </c>
      <c r="B112" s="57" t="s">
        <v>220</v>
      </c>
      <c r="C112" s="52" t="s">
        <v>220</v>
      </c>
      <c r="D112" s="53" t="s">
        <v>220</v>
      </c>
    </row>
    <row r="113" spans="1:4" ht="18" customHeight="1" x14ac:dyDescent="0.15">
      <c r="A113" s="5">
        <v>89</v>
      </c>
      <c r="B113" s="57" t="s">
        <v>220</v>
      </c>
      <c r="C113" s="52" t="s">
        <v>220</v>
      </c>
      <c r="D113" s="53" t="s">
        <v>220</v>
      </c>
    </row>
    <row r="114" spans="1:4" ht="18" customHeight="1" x14ac:dyDescent="0.15">
      <c r="A114" s="5" t="s">
        <v>37</v>
      </c>
      <c r="B114" s="57" t="s">
        <v>220</v>
      </c>
      <c r="C114" s="52" t="s">
        <v>220</v>
      </c>
      <c r="D114" s="53" t="s">
        <v>220</v>
      </c>
    </row>
    <row r="115" spans="1:4" ht="18" customHeight="1" x14ac:dyDescent="0.15">
      <c r="A115" s="5">
        <v>90</v>
      </c>
      <c r="B115" s="57" t="s">
        <v>220</v>
      </c>
      <c r="C115" s="52" t="s">
        <v>220</v>
      </c>
      <c r="D115" s="53" t="s">
        <v>220</v>
      </c>
    </row>
    <row r="116" spans="1:4" ht="18" customHeight="1" x14ac:dyDescent="0.15">
      <c r="A116" s="5">
        <v>91</v>
      </c>
      <c r="B116" s="57" t="s">
        <v>220</v>
      </c>
      <c r="C116" s="52" t="s">
        <v>220</v>
      </c>
      <c r="D116" s="53" t="s">
        <v>220</v>
      </c>
    </row>
    <row r="117" spans="1:4" ht="18" customHeight="1" x14ac:dyDescent="0.15">
      <c r="A117" s="5">
        <v>92</v>
      </c>
      <c r="B117" s="57" t="s">
        <v>220</v>
      </c>
      <c r="C117" s="52" t="s">
        <v>220</v>
      </c>
      <c r="D117" s="53" t="s">
        <v>220</v>
      </c>
    </row>
    <row r="118" spans="1:4" ht="18" customHeight="1" x14ac:dyDescent="0.15">
      <c r="A118" s="5">
        <v>93</v>
      </c>
      <c r="B118" s="57" t="s">
        <v>220</v>
      </c>
      <c r="C118" s="52" t="s">
        <v>220</v>
      </c>
      <c r="D118" s="53" t="s">
        <v>220</v>
      </c>
    </row>
    <row r="119" spans="1:4" ht="18" customHeight="1" x14ac:dyDescent="0.15">
      <c r="A119" s="5">
        <v>94</v>
      </c>
      <c r="B119" s="57" t="s">
        <v>220</v>
      </c>
      <c r="C119" s="52" t="s">
        <v>220</v>
      </c>
      <c r="D119" s="53" t="s">
        <v>220</v>
      </c>
    </row>
    <row r="120" spans="1:4" ht="18" customHeight="1" x14ac:dyDescent="0.15">
      <c r="A120" s="5" t="s">
        <v>39</v>
      </c>
      <c r="B120" s="57" t="s">
        <v>220</v>
      </c>
      <c r="C120" s="52" t="s">
        <v>220</v>
      </c>
      <c r="D120" s="53" t="s">
        <v>220</v>
      </c>
    </row>
    <row r="121" spans="1:4" ht="18" customHeight="1" x14ac:dyDescent="0.15">
      <c r="A121" s="5">
        <v>95</v>
      </c>
      <c r="B121" s="57" t="s">
        <v>220</v>
      </c>
      <c r="C121" s="52" t="s">
        <v>220</v>
      </c>
      <c r="D121" s="53" t="s">
        <v>220</v>
      </c>
    </row>
    <row r="122" spans="1:4" ht="18" customHeight="1" x14ac:dyDescent="0.15">
      <c r="A122" s="5">
        <v>96</v>
      </c>
      <c r="B122" s="57" t="s">
        <v>220</v>
      </c>
      <c r="C122" s="52" t="s">
        <v>220</v>
      </c>
      <c r="D122" s="53" t="s">
        <v>220</v>
      </c>
    </row>
    <row r="123" spans="1:4" ht="18" customHeight="1" x14ac:dyDescent="0.15">
      <c r="A123" s="5">
        <v>97</v>
      </c>
      <c r="B123" s="57" t="s">
        <v>220</v>
      </c>
      <c r="C123" s="52" t="s">
        <v>220</v>
      </c>
      <c r="D123" s="53" t="s">
        <v>220</v>
      </c>
    </row>
    <row r="124" spans="1:4" ht="18" customHeight="1" x14ac:dyDescent="0.15">
      <c r="A124" s="5">
        <v>98</v>
      </c>
      <c r="B124" s="57" t="s">
        <v>220</v>
      </c>
      <c r="C124" s="52" t="s">
        <v>220</v>
      </c>
      <c r="D124" s="53" t="s">
        <v>220</v>
      </c>
    </row>
    <row r="125" spans="1:4" ht="18" customHeight="1" x14ac:dyDescent="0.15">
      <c r="A125" s="5">
        <v>99</v>
      </c>
      <c r="B125" s="57" t="s">
        <v>220</v>
      </c>
      <c r="C125" s="52" t="s">
        <v>220</v>
      </c>
      <c r="D125" s="53" t="s">
        <v>220</v>
      </c>
    </row>
    <row r="126" spans="1:4" ht="18" customHeight="1" x14ac:dyDescent="0.15">
      <c r="A126" s="5" t="s">
        <v>40</v>
      </c>
      <c r="B126" s="57" t="s">
        <v>220</v>
      </c>
      <c r="C126" s="52" t="s">
        <v>220</v>
      </c>
      <c r="D126" s="53" t="s">
        <v>220</v>
      </c>
    </row>
    <row r="127" spans="1:4" ht="18" customHeight="1" x14ac:dyDescent="0.15">
      <c r="A127" s="5">
        <v>100</v>
      </c>
      <c r="B127" s="57" t="s">
        <v>220</v>
      </c>
      <c r="C127" s="52" t="s">
        <v>220</v>
      </c>
      <c r="D127" s="53" t="s">
        <v>220</v>
      </c>
    </row>
    <row r="128" spans="1:4" ht="18" customHeight="1" x14ac:dyDescent="0.15">
      <c r="A128" s="6" t="s">
        <v>43</v>
      </c>
      <c r="B128" s="57" t="s">
        <v>220</v>
      </c>
      <c r="C128" s="52" t="s">
        <v>220</v>
      </c>
      <c r="D128" s="53" t="s">
        <v>220</v>
      </c>
    </row>
    <row r="129" spans="1:4" ht="18" customHeight="1" x14ac:dyDescent="0.15">
      <c r="A129" s="5" t="s">
        <v>44</v>
      </c>
      <c r="B129" s="57" t="s">
        <v>220</v>
      </c>
      <c r="C129" s="52" t="s">
        <v>220</v>
      </c>
      <c r="D129" s="53" t="s">
        <v>220</v>
      </c>
    </row>
    <row r="130" spans="1:4" ht="18" customHeight="1" x14ac:dyDescent="0.15">
      <c r="A130" s="5" t="s">
        <v>46</v>
      </c>
      <c r="B130" s="22">
        <v>38</v>
      </c>
      <c r="C130" s="14">
        <v>34</v>
      </c>
      <c r="D130" s="18">
        <v>72</v>
      </c>
    </row>
    <row r="131" spans="1:4" ht="18" customHeight="1" x14ac:dyDescent="0.15">
      <c r="A131" s="7" t="s">
        <v>45</v>
      </c>
      <c r="B131" s="23">
        <v>75</v>
      </c>
      <c r="C131" s="15">
        <v>69</v>
      </c>
      <c r="D131" s="19">
        <v>14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400-000000000000}">
  <sheetPr codeName="Sheet9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1</v>
      </c>
      <c r="D8" s="18">
        <v>1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0</v>
      </c>
      <c r="C10" s="14">
        <v>1</v>
      </c>
      <c r="D10" s="18">
        <v>1</v>
      </c>
    </row>
    <row r="11" spans="1:4" ht="18" customHeight="1" x14ac:dyDescent="0.15">
      <c r="A11" s="5">
        <v>5</v>
      </c>
      <c r="B11" s="27">
        <v>1</v>
      </c>
      <c r="C11" s="14">
        <v>0</v>
      </c>
      <c r="D11" s="18">
        <v>1</v>
      </c>
    </row>
    <row r="12" spans="1:4" ht="18" customHeight="1" x14ac:dyDescent="0.15">
      <c r="A12" s="5">
        <v>6</v>
      </c>
      <c r="B12" s="27">
        <v>0</v>
      </c>
      <c r="C12" s="14">
        <v>1</v>
      </c>
      <c r="D12" s="18">
        <v>1</v>
      </c>
    </row>
    <row r="13" spans="1:4" ht="18" customHeight="1" x14ac:dyDescent="0.15">
      <c r="A13" s="5">
        <v>7</v>
      </c>
      <c r="B13" s="27">
        <v>0</v>
      </c>
      <c r="C13" s="14">
        <v>0</v>
      </c>
      <c r="D13" s="18">
        <v>0</v>
      </c>
    </row>
    <row r="14" spans="1:4" ht="18" customHeight="1" x14ac:dyDescent="0.15">
      <c r="A14" s="5">
        <v>8</v>
      </c>
      <c r="B14" s="27">
        <v>1</v>
      </c>
      <c r="C14" s="14">
        <v>1</v>
      </c>
      <c r="D14" s="18">
        <v>2</v>
      </c>
    </row>
    <row r="15" spans="1:4" ht="18" customHeight="1" x14ac:dyDescent="0.15">
      <c r="A15" s="5">
        <v>9</v>
      </c>
      <c r="B15" s="27">
        <v>1</v>
      </c>
      <c r="C15" s="14">
        <v>0</v>
      </c>
      <c r="D15" s="18">
        <v>1</v>
      </c>
    </row>
    <row r="16" spans="1:4" ht="18" customHeight="1" x14ac:dyDescent="0.15">
      <c r="A16" s="5" t="s">
        <v>11</v>
      </c>
      <c r="B16" s="22">
        <v>3</v>
      </c>
      <c r="C16" s="14">
        <v>2</v>
      </c>
      <c r="D16" s="18">
        <v>5</v>
      </c>
    </row>
    <row r="17" spans="1:4" ht="18" customHeight="1" x14ac:dyDescent="0.15">
      <c r="A17" s="5">
        <v>10</v>
      </c>
      <c r="B17" s="22">
        <v>0</v>
      </c>
      <c r="C17" s="14">
        <v>0</v>
      </c>
      <c r="D17" s="18">
        <v>0</v>
      </c>
    </row>
    <row r="18" spans="1:4" ht="18" customHeight="1" x14ac:dyDescent="0.15">
      <c r="A18" s="5">
        <v>11</v>
      </c>
      <c r="B18" s="22">
        <v>2</v>
      </c>
      <c r="C18" s="14">
        <v>1</v>
      </c>
      <c r="D18" s="18">
        <v>3</v>
      </c>
    </row>
    <row r="19" spans="1:4" ht="18" customHeight="1" x14ac:dyDescent="0.15">
      <c r="A19" s="5">
        <v>12</v>
      </c>
      <c r="B19" s="22">
        <v>0</v>
      </c>
      <c r="C19" s="14">
        <v>0</v>
      </c>
      <c r="D19" s="18">
        <v>0</v>
      </c>
    </row>
    <row r="20" spans="1:4" ht="18" customHeight="1" x14ac:dyDescent="0.15">
      <c r="A20" s="5">
        <v>13</v>
      </c>
      <c r="B20" s="22">
        <v>2</v>
      </c>
      <c r="C20" s="14">
        <v>0</v>
      </c>
      <c r="D20" s="18">
        <v>2</v>
      </c>
    </row>
    <row r="21" spans="1:4" ht="18" customHeight="1" x14ac:dyDescent="0.15">
      <c r="A21" s="5">
        <v>14</v>
      </c>
      <c r="B21" s="22">
        <v>1</v>
      </c>
      <c r="C21" s="14">
        <v>1</v>
      </c>
      <c r="D21" s="18">
        <v>2</v>
      </c>
    </row>
    <row r="22" spans="1:4" ht="18" customHeight="1" x14ac:dyDescent="0.15">
      <c r="A22" s="5" t="s">
        <v>12</v>
      </c>
      <c r="B22" s="22">
        <v>5</v>
      </c>
      <c r="C22" s="14">
        <v>2</v>
      </c>
      <c r="D22" s="18">
        <v>7</v>
      </c>
    </row>
    <row r="23" spans="1:4" ht="18" customHeight="1" x14ac:dyDescent="0.15">
      <c r="A23" s="5" t="s">
        <v>6</v>
      </c>
      <c r="B23" s="22">
        <v>8</v>
      </c>
      <c r="C23" s="14">
        <v>5</v>
      </c>
      <c r="D23" s="18">
        <v>13</v>
      </c>
    </row>
    <row r="24" spans="1:4" ht="18" customHeight="1" x14ac:dyDescent="0.15">
      <c r="A24" s="5">
        <v>15</v>
      </c>
      <c r="B24" s="22">
        <v>2</v>
      </c>
      <c r="C24" s="14">
        <v>0</v>
      </c>
      <c r="D24" s="18">
        <v>2</v>
      </c>
    </row>
    <row r="25" spans="1:4" ht="18" customHeight="1" x14ac:dyDescent="0.15">
      <c r="A25" s="5">
        <v>16</v>
      </c>
      <c r="B25" s="22">
        <v>0</v>
      </c>
      <c r="C25" s="14">
        <v>1</v>
      </c>
      <c r="D25" s="18">
        <v>1</v>
      </c>
    </row>
    <row r="26" spans="1:4" ht="18" customHeight="1" x14ac:dyDescent="0.15">
      <c r="A26" s="5">
        <v>17</v>
      </c>
      <c r="B26" s="22">
        <v>1</v>
      </c>
      <c r="C26" s="14">
        <v>1</v>
      </c>
      <c r="D26" s="18">
        <v>2</v>
      </c>
    </row>
    <row r="27" spans="1:4" ht="18" customHeight="1" x14ac:dyDescent="0.15">
      <c r="A27" s="5">
        <v>18</v>
      </c>
      <c r="B27" s="22">
        <v>2</v>
      </c>
      <c r="C27" s="14">
        <v>0</v>
      </c>
      <c r="D27" s="18">
        <v>2</v>
      </c>
    </row>
    <row r="28" spans="1:4" ht="18" customHeight="1" x14ac:dyDescent="0.15">
      <c r="A28" s="5">
        <v>19</v>
      </c>
      <c r="B28" s="22">
        <v>1</v>
      </c>
      <c r="C28" s="14">
        <v>2</v>
      </c>
      <c r="D28" s="18">
        <v>3</v>
      </c>
    </row>
    <row r="29" spans="1:4" ht="18" customHeight="1" x14ac:dyDescent="0.15">
      <c r="A29" s="5" t="s">
        <v>14</v>
      </c>
      <c r="B29" s="22">
        <v>6</v>
      </c>
      <c r="C29" s="14">
        <v>4</v>
      </c>
      <c r="D29" s="18">
        <v>10</v>
      </c>
    </row>
    <row r="30" spans="1:4" ht="18" customHeight="1" x14ac:dyDescent="0.15">
      <c r="A30" s="5">
        <v>20</v>
      </c>
      <c r="B30" s="22">
        <v>1</v>
      </c>
      <c r="C30" s="14">
        <v>1</v>
      </c>
      <c r="D30" s="18">
        <v>2</v>
      </c>
    </row>
    <row r="31" spans="1:4" ht="18" customHeight="1" x14ac:dyDescent="0.15">
      <c r="A31" s="5">
        <v>21</v>
      </c>
      <c r="B31" s="22">
        <v>0</v>
      </c>
      <c r="C31" s="14">
        <v>1</v>
      </c>
      <c r="D31" s="18">
        <v>1</v>
      </c>
    </row>
    <row r="32" spans="1:4" ht="18" customHeight="1" x14ac:dyDescent="0.15">
      <c r="A32" s="5">
        <v>22</v>
      </c>
      <c r="B32" s="22">
        <v>1</v>
      </c>
      <c r="C32" s="14">
        <v>1</v>
      </c>
      <c r="D32" s="18">
        <v>2</v>
      </c>
    </row>
    <row r="33" spans="1:4" ht="18" customHeight="1" x14ac:dyDescent="0.15">
      <c r="A33" s="5">
        <v>23</v>
      </c>
      <c r="B33" s="22">
        <v>1</v>
      </c>
      <c r="C33" s="14">
        <v>1</v>
      </c>
      <c r="D33" s="18">
        <v>2</v>
      </c>
    </row>
    <row r="34" spans="1:4" ht="18" customHeight="1" x14ac:dyDescent="0.15">
      <c r="A34" s="5">
        <v>24</v>
      </c>
      <c r="B34" s="22">
        <v>3</v>
      </c>
      <c r="C34" s="14">
        <v>0</v>
      </c>
      <c r="D34" s="18">
        <v>3</v>
      </c>
    </row>
    <row r="35" spans="1:4" ht="18" customHeight="1" x14ac:dyDescent="0.15">
      <c r="A35" s="5" t="s">
        <v>9</v>
      </c>
      <c r="B35" s="22">
        <v>6</v>
      </c>
      <c r="C35" s="14">
        <v>4</v>
      </c>
      <c r="D35" s="18">
        <v>10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1</v>
      </c>
      <c r="C37" s="14">
        <v>1</v>
      </c>
      <c r="D37" s="18">
        <v>2</v>
      </c>
    </row>
    <row r="38" spans="1:4" ht="18" customHeight="1" x14ac:dyDescent="0.15">
      <c r="A38" s="5">
        <v>27</v>
      </c>
      <c r="B38" s="22">
        <v>1</v>
      </c>
      <c r="C38" s="14">
        <v>0</v>
      </c>
      <c r="D38" s="18">
        <v>1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0</v>
      </c>
      <c r="C40" s="14">
        <v>0</v>
      </c>
      <c r="D40" s="18">
        <v>0</v>
      </c>
    </row>
    <row r="41" spans="1:4" ht="18" customHeight="1" x14ac:dyDescent="0.15">
      <c r="A41" s="5" t="s">
        <v>2</v>
      </c>
      <c r="B41" s="22">
        <v>2</v>
      </c>
      <c r="C41" s="14">
        <v>1</v>
      </c>
      <c r="D41" s="18">
        <v>3</v>
      </c>
    </row>
    <row r="42" spans="1:4" ht="18" customHeight="1" x14ac:dyDescent="0.15">
      <c r="A42" s="5">
        <v>30</v>
      </c>
      <c r="B42" s="22">
        <v>0</v>
      </c>
      <c r="C42" s="14">
        <v>1</v>
      </c>
      <c r="D42" s="18">
        <v>1</v>
      </c>
    </row>
    <row r="43" spans="1:4" ht="18" customHeight="1" x14ac:dyDescent="0.15">
      <c r="A43" s="5">
        <v>31</v>
      </c>
      <c r="B43" s="22">
        <v>0</v>
      </c>
      <c r="C43" s="14">
        <v>0</v>
      </c>
      <c r="D43" s="18">
        <v>0</v>
      </c>
    </row>
    <row r="44" spans="1:4" ht="18" customHeight="1" x14ac:dyDescent="0.15">
      <c r="A44" s="5">
        <v>32</v>
      </c>
      <c r="B44" s="22">
        <v>1</v>
      </c>
      <c r="C44" s="14">
        <v>1</v>
      </c>
      <c r="D44" s="18">
        <v>2</v>
      </c>
    </row>
    <row r="45" spans="1:4" ht="18" customHeight="1" x14ac:dyDescent="0.15">
      <c r="A45" s="5">
        <v>33</v>
      </c>
      <c r="B45" s="22">
        <v>1</v>
      </c>
      <c r="C45" s="14">
        <v>0</v>
      </c>
      <c r="D45" s="18">
        <v>1</v>
      </c>
    </row>
    <row r="46" spans="1:4" ht="18" customHeight="1" x14ac:dyDescent="0.15">
      <c r="A46" s="5">
        <v>34</v>
      </c>
      <c r="B46" s="22">
        <v>2</v>
      </c>
      <c r="C46" s="14">
        <v>0</v>
      </c>
      <c r="D46" s="18">
        <v>2</v>
      </c>
    </row>
    <row r="47" spans="1:4" ht="18" customHeight="1" x14ac:dyDescent="0.15">
      <c r="A47" s="5" t="s">
        <v>15</v>
      </c>
      <c r="B47" s="22">
        <v>4</v>
      </c>
      <c r="C47" s="14">
        <v>2</v>
      </c>
      <c r="D47" s="18">
        <v>6</v>
      </c>
    </row>
    <row r="48" spans="1:4" ht="18" customHeight="1" x14ac:dyDescent="0.15">
      <c r="A48" s="5">
        <v>35</v>
      </c>
      <c r="B48" s="22">
        <v>4</v>
      </c>
      <c r="C48" s="14">
        <v>1</v>
      </c>
      <c r="D48" s="18">
        <v>5</v>
      </c>
    </row>
    <row r="49" spans="1:4" ht="18" customHeight="1" x14ac:dyDescent="0.15">
      <c r="A49" s="5">
        <v>36</v>
      </c>
      <c r="B49" s="22">
        <v>0</v>
      </c>
      <c r="C49" s="14">
        <v>1</v>
      </c>
      <c r="D49" s="18">
        <v>1</v>
      </c>
    </row>
    <row r="50" spans="1:4" ht="18" customHeight="1" x14ac:dyDescent="0.15">
      <c r="A50" s="5">
        <v>37</v>
      </c>
      <c r="B50" s="22">
        <v>0</v>
      </c>
      <c r="C50" s="14">
        <v>0</v>
      </c>
      <c r="D50" s="18">
        <v>0</v>
      </c>
    </row>
    <row r="51" spans="1:4" ht="18" customHeight="1" x14ac:dyDescent="0.15">
      <c r="A51" s="5">
        <v>38</v>
      </c>
      <c r="B51" s="22">
        <v>2</v>
      </c>
      <c r="C51" s="14">
        <v>0</v>
      </c>
      <c r="D51" s="18">
        <v>2</v>
      </c>
    </row>
    <row r="52" spans="1:4" ht="18" customHeight="1" x14ac:dyDescent="0.15">
      <c r="A52" s="5">
        <v>39</v>
      </c>
      <c r="B52" s="22">
        <v>1</v>
      </c>
      <c r="C52" s="14">
        <v>0</v>
      </c>
      <c r="D52" s="18">
        <v>1</v>
      </c>
    </row>
    <row r="53" spans="1:4" ht="18" customHeight="1" x14ac:dyDescent="0.15">
      <c r="A53" s="5" t="s">
        <v>18</v>
      </c>
      <c r="B53" s="22">
        <v>7</v>
      </c>
      <c r="C53" s="14">
        <v>2</v>
      </c>
      <c r="D53" s="18">
        <v>9</v>
      </c>
    </row>
    <row r="54" spans="1:4" ht="18" customHeight="1" x14ac:dyDescent="0.15">
      <c r="A54" s="5">
        <v>40</v>
      </c>
      <c r="B54" s="22">
        <v>1</v>
      </c>
      <c r="C54" s="14">
        <v>1</v>
      </c>
      <c r="D54" s="18">
        <v>2</v>
      </c>
    </row>
    <row r="55" spans="1:4" ht="18" customHeight="1" x14ac:dyDescent="0.15">
      <c r="A55" s="5">
        <v>41</v>
      </c>
      <c r="B55" s="22">
        <v>1</v>
      </c>
      <c r="C55" s="14">
        <v>1</v>
      </c>
      <c r="D55" s="18">
        <v>2</v>
      </c>
    </row>
    <row r="56" spans="1:4" ht="18" customHeight="1" x14ac:dyDescent="0.15">
      <c r="A56" s="5">
        <v>42</v>
      </c>
      <c r="B56" s="22">
        <v>1</v>
      </c>
      <c r="C56" s="14">
        <v>1</v>
      </c>
      <c r="D56" s="18">
        <v>2</v>
      </c>
    </row>
    <row r="57" spans="1:4" ht="18" customHeight="1" x14ac:dyDescent="0.15">
      <c r="A57" s="5">
        <v>43</v>
      </c>
      <c r="B57" s="22">
        <v>1</v>
      </c>
      <c r="C57" s="14">
        <v>0</v>
      </c>
      <c r="D57" s="18">
        <v>1</v>
      </c>
    </row>
    <row r="58" spans="1:4" ht="18" customHeight="1" x14ac:dyDescent="0.15">
      <c r="A58" s="5">
        <v>44</v>
      </c>
      <c r="B58" s="22">
        <v>2</v>
      </c>
      <c r="C58" s="14">
        <v>1</v>
      </c>
      <c r="D58" s="18">
        <v>3</v>
      </c>
    </row>
    <row r="59" spans="1:4" ht="18" customHeight="1" x14ac:dyDescent="0.15">
      <c r="A59" s="5" t="s">
        <v>21</v>
      </c>
      <c r="B59" s="22">
        <v>6</v>
      </c>
      <c r="C59" s="14">
        <v>4</v>
      </c>
      <c r="D59" s="18">
        <v>10</v>
      </c>
    </row>
    <row r="60" spans="1:4" ht="18" customHeight="1" x14ac:dyDescent="0.15">
      <c r="A60" s="5">
        <v>45</v>
      </c>
      <c r="B60" s="22">
        <v>4</v>
      </c>
      <c r="C60" s="14">
        <v>3</v>
      </c>
      <c r="D60" s="18">
        <v>7</v>
      </c>
    </row>
    <row r="61" spans="1:4" ht="18" customHeight="1" x14ac:dyDescent="0.15">
      <c r="A61" s="5">
        <v>46</v>
      </c>
      <c r="B61" s="22">
        <v>1</v>
      </c>
      <c r="C61" s="14">
        <v>2</v>
      </c>
      <c r="D61" s="18">
        <v>3</v>
      </c>
    </row>
    <row r="62" spans="1:4" ht="18" customHeight="1" x14ac:dyDescent="0.15">
      <c r="A62" s="5">
        <v>47</v>
      </c>
      <c r="B62" s="22">
        <v>1</v>
      </c>
      <c r="C62" s="14">
        <v>1</v>
      </c>
      <c r="D62" s="18">
        <v>2</v>
      </c>
    </row>
    <row r="63" spans="1:4" ht="18" customHeight="1" x14ac:dyDescent="0.15">
      <c r="A63" s="5">
        <v>48</v>
      </c>
      <c r="B63" s="22">
        <v>3</v>
      </c>
      <c r="C63" s="14">
        <v>1</v>
      </c>
      <c r="D63" s="18">
        <v>4</v>
      </c>
    </row>
    <row r="64" spans="1:4" ht="18" customHeight="1" x14ac:dyDescent="0.15">
      <c r="A64" s="5">
        <v>49</v>
      </c>
      <c r="B64" s="22">
        <v>4</v>
      </c>
      <c r="C64" s="14">
        <v>3</v>
      </c>
      <c r="D64" s="18">
        <v>7</v>
      </c>
    </row>
    <row r="65" spans="1:4" ht="18" customHeight="1" x14ac:dyDescent="0.15">
      <c r="A65" s="5" t="s">
        <v>17</v>
      </c>
      <c r="B65" s="22">
        <v>13</v>
      </c>
      <c r="C65" s="14">
        <v>10</v>
      </c>
      <c r="D65" s="18">
        <v>23</v>
      </c>
    </row>
    <row r="66" spans="1:4" ht="18" customHeight="1" x14ac:dyDescent="0.15">
      <c r="A66" s="5">
        <v>50</v>
      </c>
      <c r="B66" s="22">
        <v>1</v>
      </c>
      <c r="C66" s="14">
        <v>3</v>
      </c>
      <c r="D66" s="18">
        <v>4</v>
      </c>
    </row>
    <row r="67" spans="1:4" ht="18" customHeight="1" x14ac:dyDescent="0.15">
      <c r="A67" s="5">
        <v>51</v>
      </c>
      <c r="B67" s="22">
        <v>3</v>
      </c>
      <c r="C67" s="14">
        <v>2</v>
      </c>
      <c r="D67" s="18">
        <v>5</v>
      </c>
    </row>
    <row r="68" spans="1:4" ht="18" customHeight="1" x14ac:dyDescent="0.15">
      <c r="A68" s="5">
        <v>52</v>
      </c>
      <c r="B68" s="22">
        <v>3</v>
      </c>
      <c r="C68" s="14">
        <v>3</v>
      </c>
      <c r="D68" s="18">
        <v>6</v>
      </c>
    </row>
    <row r="69" spans="1:4" ht="18" customHeight="1" x14ac:dyDescent="0.15">
      <c r="A69" s="5">
        <v>53</v>
      </c>
      <c r="B69" s="22">
        <v>2</v>
      </c>
      <c r="C69" s="14">
        <v>2</v>
      </c>
      <c r="D69" s="18">
        <v>4</v>
      </c>
    </row>
    <row r="70" spans="1:4" ht="18" customHeight="1" x14ac:dyDescent="0.15">
      <c r="A70" s="5">
        <v>54</v>
      </c>
      <c r="B70" s="22">
        <v>5</v>
      </c>
      <c r="C70" s="14">
        <v>3</v>
      </c>
      <c r="D70" s="18">
        <v>8</v>
      </c>
    </row>
    <row r="71" spans="1:4" ht="18" customHeight="1" x14ac:dyDescent="0.15">
      <c r="A71" s="5" t="s">
        <v>22</v>
      </c>
      <c r="B71" s="22">
        <v>14</v>
      </c>
      <c r="C71" s="14">
        <v>13</v>
      </c>
      <c r="D71" s="18">
        <v>27</v>
      </c>
    </row>
    <row r="72" spans="1:4" ht="18" customHeight="1" x14ac:dyDescent="0.15">
      <c r="A72" s="5">
        <v>55</v>
      </c>
      <c r="B72" s="22">
        <v>4</v>
      </c>
      <c r="C72" s="14">
        <v>1</v>
      </c>
      <c r="D72" s="18">
        <v>5</v>
      </c>
    </row>
    <row r="73" spans="1:4" ht="18" customHeight="1" x14ac:dyDescent="0.15">
      <c r="A73" s="5">
        <v>56</v>
      </c>
      <c r="B73" s="22">
        <v>4</v>
      </c>
      <c r="C73" s="14">
        <v>1</v>
      </c>
      <c r="D73" s="18">
        <v>5</v>
      </c>
    </row>
    <row r="74" spans="1:4" ht="18" customHeight="1" x14ac:dyDescent="0.15">
      <c r="A74" s="5">
        <v>57</v>
      </c>
      <c r="B74" s="22">
        <v>0</v>
      </c>
      <c r="C74" s="14">
        <v>5</v>
      </c>
      <c r="D74" s="18">
        <v>5</v>
      </c>
    </row>
    <row r="75" spans="1:4" ht="18" customHeight="1" x14ac:dyDescent="0.15">
      <c r="A75" s="5">
        <v>58</v>
      </c>
      <c r="B75" s="22">
        <v>3</v>
      </c>
      <c r="C75" s="14">
        <v>1</v>
      </c>
      <c r="D75" s="18">
        <v>4</v>
      </c>
    </row>
    <row r="76" spans="1:4" ht="18" customHeight="1" x14ac:dyDescent="0.15">
      <c r="A76" s="5">
        <v>59</v>
      </c>
      <c r="B76" s="22">
        <v>2</v>
      </c>
      <c r="C76" s="14">
        <v>0</v>
      </c>
      <c r="D76" s="18">
        <v>2</v>
      </c>
    </row>
    <row r="77" spans="1:4" ht="18" customHeight="1" x14ac:dyDescent="0.15">
      <c r="A77" s="5" t="s">
        <v>27</v>
      </c>
      <c r="B77" s="22">
        <v>13</v>
      </c>
      <c r="C77" s="14">
        <v>8</v>
      </c>
      <c r="D77" s="18">
        <v>21</v>
      </c>
    </row>
    <row r="78" spans="1:4" ht="18" customHeight="1" x14ac:dyDescent="0.15">
      <c r="A78" s="5">
        <v>60</v>
      </c>
      <c r="B78" s="22">
        <v>2</v>
      </c>
      <c r="C78" s="14">
        <v>2</v>
      </c>
      <c r="D78" s="18">
        <v>4</v>
      </c>
    </row>
    <row r="79" spans="1:4" ht="18" customHeight="1" x14ac:dyDescent="0.15">
      <c r="A79" s="5">
        <v>61</v>
      </c>
      <c r="B79" s="22">
        <v>1</v>
      </c>
      <c r="C79" s="14">
        <v>1</v>
      </c>
      <c r="D79" s="18">
        <v>2</v>
      </c>
    </row>
    <row r="80" spans="1:4" ht="18" customHeight="1" x14ac:dyDescent="0.15">
      <c r="A80" s="5">
        <v>62</v>
      </c>
      <c r="B80" s="22">
        <v>1</v>
      </c>
      <c r="C80" s="14">
        <v>2</v>
      </c>
      <c r="D80" s="18">
        <v>3</v>
      </c>
    </row>
    <row r="81" spans="1:4" ht="18" customHeight="1" x14ac:dyDescent="0.15">
      <c r="A81" s="5">
        <v>63</v>
      </c>
      <c r="B81" s="22">
        <v>0</v>
      </c>
      <c r="C81" s="14">
        <v>1</v>
      </c>
      <c r="D81" s="18">
        <v>1</v>
      </c>
    </row>
    <row r="82" spans="1:4" ht="18" customHeight="1" x14ac:dyDescent="0.15">
      <c r="A82" s="5">
        <v>64</v>
      </c>
      <c r="B82" s="22">
        <v>0</v>
      </c>
      <c r="C82" s="14">
        <v>5</v>
      </c>
      <c r="D82" s="18">
        <v>5</v>
      </c>
    </row>
    <row r="83" spans="1:4" ht="18" customHeight="1" x14ac:dyDescent="0.15">
      <c r="A83" s="5" t="s">
        <v>28</v>
      </c>
      <c r="B83" s="22">
        <v>4</v>
      </c>
      <c r="C83" s="14">
        <v>11</v>
      </c>
      <c r="D83" s="18">
        <v>15</v>
      </c>
    </row>
    <row r="84" spans="1:4" ht="18" customHeight="1" x14ac:dyDescent="0.15">
      <c r="A84" s="5" t="s">
        <v>31</v>
      </c>
      <c r="B84" s="22">
        <v>75</v>
      </c>
      <c r="C84" s="14">
        <v>59</v>
      </c>
      <c r="D84" s="18">
        <v>134</v>
      </c>
    </row>
    <row r="85" spans="1:4" ht="18" customHeight="1" x14ac:dyDescent="0.15">
      <c r="A85" s="5">
        <v>65</v>
      </c>
      <c r="B85" s="22">
        <v>0</v>
      </c>
      <c r="C85" s="14">
        <v>1</v>
      </c>
      <c r="D85" s="18">
        <v>1</v>
      </c>
    </row>
    <row r="86" spans="1:4" ht="18" customHeight="1" x14ac:dyDescent="0.15">
      <c r="A86" s="5">
        <v>66</v>
      </c>
      <c r="B86" s="22">
        <v>0</v>
      </c>
      <c r="C86" s="14">
        <v>1</v>
      </c>
      <c r="D86" s="18">
        <v>1</v>
      </c>
    </row>
    <row r="87" spans="1:4" ht="18" customHeight="1" x14ac:dyDescent="0.15">
      <c r="A87" s="5">
        <v>67</v>
      </c>
      <c r="B87" s="22">
        <v>3</v>
      </c>
      <c r="C87" s="14">
        <v>2</v>
      </c>
      <c r="D87" s="18">
        <v>5</v>
      </c>
    </row>
    <row r="88" spans="1:4" ht="18" customHeight="1" x14ac:dyDescent="0.15">
      <c r="A88" s="5">
        <v>68</v>
      </c>
      <c r="B88" s="22">
        <v>3</v>
      </c>
      <c r="C88" s="14">
        <v>0</v>
      </c>
      <c r="D88" s="18">
        <v>3</v>
      </c>
    </row>
    <row r="89" spans="1:4" ht="18" customHeight="1" x14ac:dyDescent="0.15">
      <c r="A89" s="5">
        <v>69</v>
      </c>
      <c r="B89" s="22">
        <v>3</v>
      </c>
      <c r="C89" s="14">
        <v>3</v>
      </c>
      <c r="D89" s="18">
        <v>6</v>
      </c>
    </row>
    <row r="90" spans="1:4" ht="18" customHeight="1" x14ac:dyDescent="0.15">
      <c r="A90" s="5" t="s">
        <v>20</v>
      </c>
      <c r="B90" s="22">
        <v>9</v>
      </c>
      <c r="C90" s="14">
        <v>7</v>
      </c>
      <c r="D90" s="18">
        <v>16</v>
      </c>
    </row>
    <row r="91" spans="1:4" ht="18" customHeight="1" x14ac:dyDescent="0.15">
      <c r="A91" s="5">
        <v>70</v>
      </c>
      <c r="B91" s="22">
        <v>1</v>
      </c>
      <c r="C91" s="14">
        <v>2</v>
      </c>
      <c r="D91" s="18">
        <v>3</v>
      </c>
    </row>
    <row r="92" spans="1:4" ht="18" customHeight="1" x14ac:dyDescent="0.15">
      <c r="A92" s="5">
        <v>71</v>
      </c>
      <c r="B92" s="22">
        <v>5</v>
      </c>
      <c r="C92" s="14">
        <v>3</v>
      </c>
      <c r="D92" s="18">
        <v>8</v>
      </c>
    </row>
    <row r="93" spans="1:4" ht="18" customHeight="1" x14ac:dyDescent="0.15">
      <c r="A93" s="5">
        <v>72</v>
      </c>
      <c r="B93" s="22">
        <v>1</v>
      </c>
      <c r="C93" s="14">
        <v>3</v>
      </c>
      <c r="D93" s="18">
        <v>4</v>
      </c>
    </row>
    <row r="94" spans="1:4" ht="18" customHeight="1" x14ac:dyDescent="0.15">
      <c r="A94" s="5">
        <v>73</v>
      </c>
      <c r="B94" s="22">
        <v>2</v>
      </c>
      <c r="C94" s="14">
        <v>1</v>
      </c>
      <c r="D94" s="18">
        <v>3</v>
      </c>
    </row>
    <row r="95" spans="1:4" ht="18" customHeight="1" x14ac:dyDescent="0.15">
      <c r="A95" s="5">
        <v>74</v>
      </c>
      <c r="B95" s="22">
        <v>1</v>
      </c>
      <c r="C95" s="14">
        <v>3</v>
      </c>
      <c r="D95" s="18">
        <v>4</v>
      </c>
    </row>
    <row r="96" spans="1:4" ht="18" customHeight="1" x14ac:dyDescent="0.15">
      <c r="A96" s="5" t="s">
        <v>33</v>
      </c>
      <c r="B96" s="22">
        <v>10</v>
      </c>
      <c r="C96" s="14">
        <v>12</v>
      </c>
      <c r="D96" s="18">
        <v>22</v>
      </c>
    </row>
    <row r="97" spans="1:4" ht="18" customHeight="1" x14ac:dyDescent="0.15">
      <c r="A97" s="5">
        <v>75</v>
      </c>
      <c r="B97" s="22">
        <v>2</v>
      </c>
      <c r="C97" s="14">
        <v>2</v>
      </c>
      <c r="D97" s="18">
        <v>4</v>
      </c>
    </row>
    <row r="98" spans="1:4" ht="18" customHeight="1" x14ac:dyDescent="0.15">
      <c r="A98" s="5">
        <v>76</v>
      </c>
      <c r="B98" s="22">
        <v>4</v>
      </c>
      <c r="C98" s="14">
        <v>5</v>
      </c>
      <c r="D98" s="18">
        <v>9</v>
      </c>
    </row>
    <row r="99" spans="1:4" ht="18" customHeight="1" x14ac:dyDescent="0.15">
      <c r="A99" s="5">
        <v>77</v>
      </c>
      <c r="B99" s="22">
        <v>2</v>
      </c>
      <c r="C99" s="14">
        <v>2</v>
      </c>
      <c r="D99" s="18">
        <v>4</v>
      </c>
    </row>
    <row r="100" spans="1:4" ht="18" customHeight="1" x14ac:dyDescent="0.15">
      <c r="A100" s="5">
        <v>78</v>
      </c>
      <c r="B100" s="22">
        <v>2</v>
      </c>
      <c r="C100" s="14">
        <v>4</v>
      </c>
      <c r="D100" s="18">
        <v>6</v>
      </c>
    </row>
    <row r="101" spans="1:4" ht="18" customHeight="1" x14ac:dyDescent="0.15">
      <c r="A101" s="5">
        <v>79</v>
      </c>
      <c r="B101" s="22">
        <v>2</v>
      </c>
      <c r="C101" s="14">
        <v>2</v>
      </c>
      <c r="D101" s="18">
        <v>4</v>
      </c>
    </row>
    <row r="102" spans="1:4" ht="18" customHeight="1" x14ac:dyDescent="0.15">
      <c r="A102" s="5" t="s">
        <v>0</v>
      </c>
      <c r="B102" s="22">
        <v>12</v>
      </c>
      <c r="C102" s="14">
        <v>15</v>
      </c>
      <c r="D102" s="18">
        <v>27</v>
      </c>
    </row>
    <row r="103" spans="1:4" ht="18" customHeight="1" x14ac:dyDescent="0.15">
      <c r="A103" s="5">
        <v>80</v>
      </c>
      <c r="B103" s="22">
        <v>1</v>
      </c>
      <c r="C103" s="14">
        <v>0</v>
      </c>
      <c r="D103" s="18">
        <v>1</v>
      </c>
    </row>
    <row r="104" spans="1:4" ht="18" customHeight="1" x14ac:dyDescent="0.15">
      <c r="A104" s="5">
        <v>81</v>
      </c>
      <c r="B104" s="22">
        <v>1</v>
      </c>
      <c r="C104" s="14">
        <v>1</v>
      </c>
      <c r="D104" s="18">
        <v>2</v>
      </c>
    </row>
    <row r="105" spans="1:4" ht="18" customHeight="1" x14ac:dyDescent="0.15">
      <c r="A105" s="5">
        <v>82</v>
      </c>
      <c r="B105" s="22">
        <v>1</v>
      </c>
      <c r="C105" s="14">
        <v>1</v>
      </c>
      <c r="D105" s="18">
        <v>2</v>
      </c>
    </row>
    <row r="106" spans="1:4" ht="18" customHeight="1" x14ac:dyDescent="0.15">
      <c r="A106" s="5">
        <v>83</v>
      </c>
      <c r="B106" s="22">
        <v>0</v>
      </c>
      <c r="C106" s="14">
        <v>1</v>
      </c>
      <c r="D106" s="18">
        <v>1</v>
      </c>
    </row>
    <row r="107" spans="1:4" ht="18" customHeight="1" x14ac:dyDescent="0.15">
      <c r="A107" s="5">
        <v>84</v>
      </c>
      <c r="B107" s="22">
        <v>2</v>
      </c>
      <c r="C107" s="14">
        <v>2</v>
      </c>
      <c r="D107" s="18">
        <v>4</v>
      </c>
    </row>
    <row r="108" spans="1:4" ht="18" customHeight="1" x14ac:dyDescent="0.15">
      <c r="A108" s="5" t="s">
        <v>35</v>
      </c>
      <c r="B108" s="22">
        <v>5</v>
      </c>
      <c r="C108" s="14">
        <v>5</v>
      </c>
      <c r="D108" s="18">
        <v>10</v>
      </c>
    </row>
    <row r="109" spans="1:4" ht="18" customHeight="1" x14ac:dyDescent="0.15">
      <c r="A109" s="5">
        <v>85</v>
      </c>
      <c r="B109" s="22">
        <v>0</v>
      </c>
      <c r="C109" s="14">
        <v>3</v>
      </c>
      <c r="D109" s="18">
        <v>3</v>
      </c>
    </row>
    <row r="110" spans="1:4" ht="18" customHeight="1" x14ac:dyDescent="0.15">
      <c r="A110" s="5">
        <v>86</v>
      </c>
      <c r="B110" s="22">
        <v>0</v>
      </c>
      <c r="C110" s="14">
        <v>0</v>
      </c>
      <c r="D110" s="18">
        <v>0</v>
      </c>
    </row>
    <row r="111" spans="1:4" ht="18" customHeight="1" x14ac:dyDescent="0.15">
      <c r="A111" s="5">
        <v>87</v>
      </c>
      <c r="B111" s="22">
        <v>0</v>
      </c>
      <c r="C111" s="14">
        <v>1</v>
      </c>
      <c r="D111" s="18">
        <v>1</v>
      </c>
    </row>
    <row r="112" spans="1:4" ht="18" customHeight="1" x14ac:dyDescent="0.15">
      <c r="A112" s="5">
        <v>88</v>
      </c>
      <c r="B112" s="22">
        <v>1</v>
      </c>
      <c r="C112" s="14">
        <v>1</v>
      </c>
      <c r="D112" s="18">
        <v>2</v>
      </c>
    </row>
    <row r="113" spans="1:4" ht="18" customHeight="1" x14ac:dyDescent="0.15">
      <c r="A113" s="5">
        <v>89</v>
      </c>
      <c r="B113" s="22">
        <v>0</v>
      </c>
      <c r="C113" s="14">
        <v>1</v>
      </c>
      <c r="D113" s="18">
        <v>1</v>
      </c>
    </row>
    <row r="114" spans="1:4" ht="18" customHeight="1" x14ac:dyDescent="0.15">
      <c r="A114" s="5" t="s">
        <v>37</v>
      </c>
      <c r="B114" s="22">
        <v>1</v>
      </c>
      <c r="C114" s="14">
        <v>6</v>
      </c>
      <c r="D114" s="18">
        <v>7</v>
      </c>
    </row>
    <row r="115" spans="1:4" ht="18" customHeight="1" x14ac:dyDescent="0.15">
      <c r="A115" s="5">
        <v>90</v>
      </c>
      <c r="B115" s="22">
        <v>1</v>
      </c>
      <c r="C115" s="14">
        <v>2</v>
      </c>
      <c r="D115" s="18">
        <v>3</v>
      </c>
    </row>
    <row r="116" spans="1:4" ht="18" customHeight="1" x14ac:dyDescent="0.15">
      <c r="A116" s="5">
        <v>91</v>
      </c>
      <c r="B116" s="22">
        <v>0</v>
      </c>
      <c r="C116" s="14">
        <v>1</v>
      </c>
      <c r="D116" s="18">
        <v>1</v>
      </c>
    </row>
    <row r="117" spans="1:4" ht="18" customHeight="1" x14ac:dyDescent="0.15">
      <c r="A117" s="5">
        <v>92</v>
      </c>
      <c r="B117" s="22">
        <v>0</v>
      </c>
      <c r="C117" s="14">
        <v>1</v>
      </c>
      <c r="D117" s="18">
        <v>1</v>
      </c>
    </row>
    <row r="118" spans="1:4" ht="18" customHeight="1" x14ac:dyDescent="0.15">
      <c r="A118" s="5">
        <v>93</v>
      </c>
      <c r="B118" s="22">
        <v>0</v>
      </c>
      <c r="C118" s="14">
        <v>0</v>
      </c>
      <c r="D118" s="18">
        <v>0</v>
      </c>
    </row>
    <row r="119" spans="1:4" ht="18" customHeight="1" x14ac:dyDescent="0.15">
      <c r="A119" s="5">
        <v>94</v>
      </c>
      <c r="B119" s="22">
        <v>0</v>
      </c>
      <c r="C119" s="14">
        <v>0</v>
      </c>
      <c r="D119" s="18">
        <v>0</v>
      </c>
    </row>
    <row r="120" spans="1:4" ht="18" customHeight="1" x14ac:dyDescent="0.15">
      <c r="A120" s="5" t="s">
        <v>39</v>
      </c>
      <c r="B120" s="22">
        <v>1</v>
      </c>
      <c r="C120" s="14">
        <v>4</v>
      </c>
      <c r="D120" s="18">
        <v>5</v>
      </c>
    </row>
    <row r="121" spans="1:4" ht="18" customHeight="1" x14ac:dyDescent="0.15">
      <c r="A121" s="5">
        <v>95</v>
      </c>
      <c r="B121" s="22">
        <v>0</v>
      </c>
      <c r="C121" s="14">
        <v>0</v>
      </c>
      <c r="D121" s="18">
        <v>0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1</v>
      </c>
      <c r="C126" s="14">
        <v>3</v>
      </c>
      <c r="D126" s="18">
        <v>4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39</v>
      </c>
      <c r="C130" s="14">
        <v>54</v>
      </c>
      <c r="D130" s="18">
        <v>93</v>
      </c>
    </row>
    <row r="131" spans="1:4" ht="18" customHeight="1" x14ac:dyDescent="0.15">
      <c r="A131" s="7" t="s">
        <v>45</v>
      </c>
      <c r="B131" s="23">
        <v>122</v>
      </c>
      <c r="C131" s="15">
        <v>118</v>
      </c>
      <c r="D131" s="19">
        <v>24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500-000000000000}">
  <sheetPr codeName="Sheet9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1</v>
      </c>
      <c r="D5" s="31">
        <v>1</v>
      </c>
    </row>
    <row r="6" spans="1:4" ht="18" customHeight="1" x14ac:dyDescent="0.15">
      <c r="A6" s="5">
        <v>1</v>
      </c>
      <c r="B6" s="27">
        <v>1</v>
      </c>
      <c r="C6" s="14">
        <v>0</v>
      </c>
      <c r="D6" s="18">
        <v>1</v>
      </c>
    </row>
    <row r="7" spans="1:4" ht="18" customHeight="1" x14ac:dyDescent="0.15">
      <c r="A7" s="5">
        <v>2</v>
      </c>
      <c r="B7" s="27">
        <v>0</v>
      </c>
      <c r="C7" s="14">
        <v>1</v>
      </c>
      <c r="D7" s="18">
        <v>1</v>
      </c>
    </row>
    <row r="8" spans="1:4" ht="18" customHeight="1" x14ac:dyDescent="0.15">
      <c r="A8" s="5">
        <v>3</v>
      </c>
      <c r="B8" s="27">
        <v>2</v>
      </c>
      <c r="C8" s="14">
        <v>1</v>
      </c>
      <c r="D8" s="18">
        <v>3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3</v>
      </c>
      <c r="C10" s="14">
        <v>3</v>
      </c>
      <c r="D10" s="18">
        <v>6</v>
      </c>
    </row>
    <row r="11" spans="1:4" ht="18" customHeight="1" x14ac:dyDescent="0.15">
      <c r="A11" s="5">
        <v>5</v>
      </c>
      <c r="B11" s="27">
        <v>2</v>
      </c>
      <c r="C11" s="14">
        <v>1</v>
      </c>
      <c r="D11" s="18">
        <v>3</v>
      </c>
    </row>
    <row r="12" spans="1:4" ht="18" customHeight="1" x14ac:dyDescent="0.15">
      <c r="A12" s="5">
        <v>6</v>
      </c>
      <c r="B12" s="27">
        <v>1</v>
      </c>
      <c r="C12" s="14">
        <v>4</v>
      </c>
      <c r="D12" s="18">
        <v>5</v>
      </c>
    </row>
    <row r="13" spans="1:4" ht="18" customHeight="1" x14ac:dyDescent="0.15">
      <c r="A13" s="5">
        <v>7</v>
      </c>
      <c r="B13" s="27">
        <v>1</v>
      </c>
      <c r="C13" s="14">
        <v>4</v>
      </c>
      <c r="D13" s="18">
        <v>5</v>
      </c>
    </row>
    <row r="14" spans="1:4" ht="18" customHeight="1" x14ac:dyDescent="0.15">
      <c r="A14" s="5">
        <v>8</v>
      </c>
      <c r="B14" s="27">
        <v>6</v>
      </c>
      <c r="C14" s="14">
        <v>2</v>
      </c>
      <c r="D14" s="18">
        <v>8</v>
      </c>
    </row>
    <row r="15" spans="1:4" ht="18" customHeight="1" x14ac:dyDescent="0.15">
      <c r="A15" s="5">
        <v>9</v>
      </c>
      <c r="B15" s="27">
        <v>4</v>
      </c>
      <c r="C15" s="14">
        <v>1</v>
      </c>
      <c r="D15" s="18">
        <v>5</v>
      </c>
    </row>
    <row r="16" spans="1:4" ht="18" customHeight="1" x14ac:dyDescent="0.15">
      <c r="A16" s="5" t="s">
        <v>11</v>
      </c>
      <c r="B16" s="22">
        <v>14</v>
      </c>
      <c r="C16" s="14">
        <v>12</v>
      </c>
      <c r="D16" s="18">
        <v>26</v>
      </c>
    </row>
    <row r="17" spans="1:4" ht="18" customHeight="1" x14ac:dyDescent="0.15">
      <c r="A17" s="5">
        <v>10</v>
      </c>
      <c r="B17" s="22">
        <v>4</v>
      </c>
      <c r="C17" s="14">
        <v>4</v>
      </c>
      <c r="D17" s="18">
        <v>8</v>
      </c>
    </row>
    <row r="18" spans="1:4" ht="18" customHeight="1" x14ac:dyDescent="0.15">
      <c r="A18" s="5">
        <v>11</v>
      </c>
      <c r="B18" s="22">
        <v>8</v>
      </c>
      <c r="C18" s="14">
        <v>4</v>
      </c>
      <c r="D18" s="18">
        <v>12</v>
      </c>
    </row>
    <row r="19" spans="1:4" ht="18" customHeight="1" x14ac:dyDescent="0.15">
      <c r="A19" s="5">
        <v>12</v>
      </c>
      <c r="B19" s="22">
        <v>2</v>
      </c>
      <c r="C19" s="14">
        <v>3</v>
      </c>
      <c r="D19" s="18">
        <v>5</v>
      </c>
    </row>
    <row r="20" spans="1:4" ht="18" customHeight="1" x14ac:dyDescent="0.15">
      <c r="A20" s="5">
        <v>13</v>
      </c>
      <c r="B20" s="22">
        <v>4</v>
      </c>
      <c r="C20" s="14">
        <v>5</v>
      </c>
      <c r="D20" s="18">
        <v>9</v>
      </c>
    </row>
    <row r="21" spans="1:4" ht="18" customHeight="1" x14ac:dyDescent="0.15">
      <c r="A21" s="5">
        <v>14</v>
      </c>
      <c r="B21" s="22">
        <v>7</v>
      </c>
      <c r="C21" s="14">
        <v>4</v>
      </c>
      <c r="D21" s="18">
        <v>11</v>
      </c>
    </row>
    <row r="22" spans="1:4" ht="18" customHeight="1" x14ac:dyDescent="0.15">
      <c r="A22" s="5" t="s">
        <v>12</v>
      </c>
      <c r="B22" s="22">
        <v>25</v>
      </c>
      <c r="C22" s="14">
        <v>20</v>
      </c>
      <c r="D22" s="18">
        <v>45</v>
      </c>
    </row>
    <row r="23" spans="1:4" ht="18" customHeight="1" x14ac:dyDescent="0.15">
      <c r="A23" s="5" t="s">
        <v>6</v>
      </c>
      <c r="B23" s="22">
        <v>42</v>
      </c>
      <c r="C23" s="14">
        <v>35</v>
      </c>
      <c r="D23" s="18">
        <v>77</v>
      </c>
    </row>
    <row r="24" spans="1:4" ht="18" customHeight="1" x14ac:dyDescent="0.15">
      <c r="A24" s="5">
        <v>15</v>
      </c>
      <c r="B24" s="22">
        <v>10</v>
      </c>
      <c r="C24" s="14">
        <v>1</v>
      </c>
      <c r="D24" s="18">
        <v>11</v>
      </c>
    </row>
    <row r="25" spans="1:4" ht="18" customHeight="1" x14ac:dyDescent="0.15">
      <c r="A25" s="5">
        <v>16</v>
      </c>
      <c r="B25" s="22">
        <v>3</v>
      </c>
      <c r="C25" s="14">
        <v>5</v>
      </c>
      <c r="D25" s="18">
        <v>8</v>
      </c>
    </row>
    <row r="26" spans="1:4" ht="18" customHeight="1" x14ac:dyDescent="0.15">
      <c r="A26" s="5">
        <v>17</v>
      </c>
      <c r="B26" s="22">
        <v>5</v>
      </c>
      <c r="C26" s="14">
        <v>7</v>
      </c>
      <c r="D26" s="18">
        <v>12</v>
      </c>
    </row>
    <row r="27" spans="1:4" ht="18" customHeight="1" x14ac:dyDescent="0.15">
      <c r="A27" s="5">
        <v>18</v>
      </c>
      <c r="B27" s="22">
        <v>5</v>
      </c>
      <c r="C27" s="14">
        <v>1</v>
      </c>
      <c r="D27" s="18">
        <v>6</v>
      </c>
    </row>
    <row r="28" spans="1:4" ht="18" customHeight="1" x14ac:dyDescent="0.15">
      <c r="A28" s="5">
        <v>19</v>
      </c>
      <c r="B28" s="22">
        <v>5</v>
      </c>
      <c r="C28" s="14">
        <v>7</v>
      </c>
      <c r="D28" s="18">
        <v>12</v>
      </c>
    </row>
    <row r="29" spans="1:4" ht="18" customHeight="1" x14ac:dyDescent="0.15">
      <c r="A29" s="5" t="s">
        <v>14</v>
      </c>
      <c r="B29" s="22">
        <v>28</v>
      </c>
      <c r="C29" s="14">
        <v>21</v>
      </c>
      <c r="D29" s="18">
        <v>49</v>
      </c>
    </row>
    <row r="30" spans="1:4" ht="18" customHeight="1" x14ac:dyDescent="0.15">
      <c r="A30" s="5">
        <v>20</v>
      </c>
      <c r="B30" s="22">
        <v>7</v>
      </c>
      <c r="C30" s="14">
        <v>5</v>
      </c>
      <c r="D30" s="18">
        <v>12</v>
      </c>
    </row>
    <row r="31" spans="1:4" ht="18" customHeight="1" x14ac:dyDescent="0.15">
      <c r="A31" s="5">
        <v>21</v>
      </c>
      <c r="B31" s="22">
        <v>3</v>
      </c>
      <c r="C31" s="14">
        <v>4</v>
      </c>
      <c r="D31" s="18">
        <v>7</v>
      </c>
    </row>
    <row r="32" spans="1:4" ht="18" customHeight="1" x14ac:dyDescent="0.15">
      <c r="A32" s="5">
        <v>22</v>
      </c>
      <c r="B32" s="22">
        <v>7</v>
      </c>
      <c r="C32" s="14">
        <v>4</v>
      </c>
      <c r="D32" s="18">
        <v>11</v>
      </c>
    </row>
    <row r="33" spans="1:4" ht="18" customHeight="1" x14ac:dyDescent="0.15">
      <c r="A33" s="5">
        <v>23</v>
      </c>
      <c r="B33" s="22">
        <v>5</v>
      </c>
      <c r="C33" s="14">
        <v>4</v>
      </c>
      <c r="D33" s="18">
        <v>9</v>
      </c>
    </row>
    <row r="34" spans="1:4" ht="18" customHeight="1" x14ac:dyDescent="0.15">
      <c r="A34" s="5">
        <v>24</v>
      </c>
      <c r="B34" s="22">
        <v>7</v>
      </c>
      <c r="C34" s="14">
        <v>3</v>
      </c>
      <c r="D34" s="18">
        <v>10</v>
      </c>
    </row>
    <row r="35" spans="1:4" ht="18" customHeight="1" x14ac:dyDescent="0.15">
      <c r="A35" s="5" t="s">
        <v>9</v>
      </c>
      <c r="B35" s="22">
        <v>29</v>
      </c>
      <c r="C35" s="14">
        <v>20</v>
      </c>
      <c r="D35" s="18">
        <v>49</v>
      </c>
    </row>
    <row r="36" spans="1:4" ht="18" customHeight="1" x14ac:dyDescent="0.15">
      <c r="A36" s="5">
        <v>25</v>
      </c>
      <c r="B36" s="22">
        <v>1</v>
      </c>
      <c r="C36" s="14">
        <v>2</v>
      </c>
      <c r="D36" s="18">
        <v>3</v>
      </c>
    </row>
    <row r="37" spans="1:4" ht="18" customHeight="1" x14ac:dyDescent="0.15">
      <c r="A37" s="5">
        <v>26</v>
      </c>
      <c r="B37" s="22">
        <v>2</v>
      </c>
      <c r="C37" s="14">
        <v>2</v>
      </c>
      <c r="D37" s="18">
        <v>4</v>
      </c>
    </row>
    <row r="38" spans="1:4" ht="18" customHeight="1" x14ac:dyDescent="0.15">
      <c r="A38" s="5">
        <v>27</v>
      </c>
      <c r="B38" s="22">
        <v>4</v>
      </c>
      <c r="C38" s="14">
        <v>2</v>
      </c>
      <c r="D38" s="18">
        <v>6</v>
      </c>
    </row>
    <row r="39" spans="1:4" ht="18" customHeight="1" x14ac:dyDescent="0.15">
      <c r="A39" s="5">
        <v>28</v>
      </c>
      <c r="B39" s="22">
        <v>4</v>
      </c>
      <c r="C39" s="14">
        <v>1</v>
      </c>
      <c r="D39" s="18">
        <v>5</v>
      </c>
    </row>
    <row r="40" spans="1:4" ht="18" customHeight="1" x14ac:dyDescent="0.15">
      <c r="A40" s="5">
        <v>29</v>
      </c>
      <c r="B40" s="22">
        <v>1</v>
      </c>
      <c r="C40" s="14">
        <v>1</v>
      </c>
      <c r="D40" s="18">
        <v>2</v>
      </c>
    </row>
    <row r="41" spans="1:4" ht="18" customHeight="1" x14ac:dyDescent="0.15">
      <c r="A41" s="5" t="s">
        <v>2</v>
      </c>
      <c r="B41" s="22">
        <v>12</v>
      </c>
      <c r="C41" s="14">
        <v>8</v>
      </c>
      <c r="D41" s="18">
        <v>20</v>
      </c>
    </row>
    <row r="42" spans="1:4" ht="18" customHeight="1" x14ac:dyDescent="0.15">
      <c r="A42" s="5">
        <v>30</v>
      </c>
      <c r="B42" s="22">
        <v>6</v>
      </c>
      <c r="C42" s="14">
        <v>3</v>
      </c>
      <c r="D42" s="18">
        <v>9</v>
      </c>
    </row>
    <row r="43" spans="1:4" ht="18" customHeight="1" x14ac:dyDescent="0.15">
      <c r="A43" s="5">
        <v>31</v>
      </c>
      <c r="B43" s="22">
        <v>1</v>
      </c>
      <c r="C43" s="14">
        <v>0</v>
      </c>
      <c r="D43" s="18">
        <v>1</v>
      </c>
    </row>
    <row r="44" spans="1:4" ht="18" customHeight="1" x14ac:dyDescent="0.15">
      <c r="A44" s="5">
        <v>32</v>
      </c>
      <c r="B44" s="22">
        <v>2</v>
      </c>
      <c r="C44" s="14">
        <v>2</v>
      </c>
      <c r="D44" s="18">
        <v>4</v>
      </c>
    </row>
    <row r="45" spans="1:4" ht="18" customHeight="1" x14ac:dyDescent="0.15">
      <c r="A45" s="5">
        <v>33</v>
      </c>
      <c r="B45" s="22">
        <v>5</v>
      </c>
      <c r="C45" s="14">
        <v>2</v>
      </c>
      <c r="D45" s="18">
        <v>7</v>
      </c>
    </row>
    <row r="46" spans="1:4" ht="18" customHeight="1" x14ac:dyDescent="0.15">
      <c r="A46" s="5">
        <v>34</v>
      </c>
      <c r="B46" s="22">
        <v>3</v>
      </c>
      <c r="C46" s="14">
        <v>2</v>
      </c>
      <c r="D46" s="18">
        <v>5</v>
      </c>
    </row>
    <row r="47" spans="1:4" ht="18" customHeight="1" x14ac:dyDescent="0.15">
      <c r="A47" s="5" t="s">
        <v>15</v>
      </c>
      <c r="B47" s="22">
        <v>17</v>
      </c>
      <c r="C47" s="14">
        <v>9</v>
      </c>
      <c r="D47" s="18">
        <v>26</v>
      </c>
    </row>
    <row r="48" spans="1:4" ht="18" customHeight="1" x14ac:dyDescent="0.15">
      <c r="A48" s="5">
        <v>35</v>
      </c>
      <c r="B48" s="22">
        <v>7</v>
      </c>
      <c r="C48" s="14">
        <v>4</v>
      </c>
      <c r="D48" s="18">
        <v>11</v>
      </c>
    </row>
    <row r="49" spans="1:4" ht="18" customHeight="1" x14ac:dyDescent="0.15">
      <c r="A49" s="5">
        <v>36</v>
      </c>
      <c r="B49" s="22">
        <v>2</v>
      </c>
      <c r="C49" s="14">
        <v>3</v>
      </c>
      <c r="D49" s="18">
        <v>5</v>
      </c>
    </row>
    <row r="50" spans="1:4" ht="18" customHeight="1" x14ac:dyDescent="0.15">
      <c r="A50" s="5">
        <v>37</v>
      </c>
      <c r="B50" s="22">
        <v>4</v>
      </c>
      <c r="C50" s="14">
        <v>5</v>
      </c>
      <c r="D50" s="18">
        <v>9</v>
      </c>
    </row>
    <row r="51" spans="1:4" ht="18" customHeight="1" x14ac:dyDescent="0.15">
      <c r="A51" s="5">
        <v>38</v>
      </c>
      <c r="B51" s="22">
        <v>5</v>
      </c>
      <c r="C51" s="14">
        <v>5</v>
      </c>
      <c r="D51" s="18">
        <v>10</v>
      </c>
    </row>
    <row r="52" spans="1:4" ht="18" customHeight="1" x14ac:dyDescent="0.15">
      <c r="A52" s="5">
        <v>39</v>
      </c>
      <c r="B52" s="22">
        <v>4</v>
      </c>
      <c r="C52" s="14">
        <v>7</v>
      </c>
      <c r="D52" s="18">
        <v>11</v>
      </c>
    </row>
    <row r="53" spans="1:4" ht="18" customHeight="1" x14ac:dyDescent="0.15">
      <c r="A53" s="5" t="s">
        <v>18</v>
      </c>
      <c r="B53" s="22">
        <v>22</v>
      </c>
      <c r="C53" s="14">
        <v>24</v>
      </c>
      <c r="D53" s="18">
        <v>46</v>
      </c>
    </row>
    <row r="54" spans="1:4" ht="18" customHeight="1" x14ac:dyDescent="0.15">
      <c r="A54" s="5">
        <v>40</v>
      </c>
      <c r="B54" s="22">
        <v>6</v>
      </c>
      <c r="C54" s="14">
        <v>4</v>
      </c>
      <c r="D54" s="18">
        <v>10</v>
      </c>
    </row>
    <row r="55" spans="1:4" ht="18" customHeight="1" x14ac:dyDescent="0.15">
      <c r="A55" s="5">
        <v>41</v>
      </c>
      <c r="B55" s="22">
        <v>7</v>
      </c>
      <c r="C55" s="14">
        <v>6</v>
      </c>
      <c r="D55" s="18">
        <v>13</v>
      </c>
    </row>
    <row r="56" spans="1:4" ht="18" customHeight="1" x14ac:dyDescent="0.15">
      <c r="A56" s="5">
        <v>42</v>
      </c>
      <c r="B56" s="22">
        <v>3</v>
      </c>
      <c r="C56" s="14">
        <v>6</v>
      </c>
      <c r="D56" s="18">
        <v>9</v>
      </c>
    </row>
    <row r="57" spans="1:4" ht="18" customHeight="1" x14ac:dyDescent="0.15">
      <c r="A57" s="5">
        <v>43</v>
      </c>
      <c r="B57" s="22">
        <v>6</v>
      </c>
      <c r="C57" s="14">
        <v>2</v>
      </c>
      <c r="D57" s="18">
        <v>8</v>
      </c>
    </row>
    <row r="58" spans="1:4" ht="18" customHeight="1" x14ac:dyDescent="0.15">
      <c r="A58" s="5">
        <v>44</v>
      </c>
      <c r="B58" s="22">
        <v>10</v>
      </c>
      <c r="C58" s="14">
        <v>9</v>
      </c>
      <c r="D58" s="18">
        <v>19</v>
      </c>
    </row>
    <row r="59" spans="1:4" ht="18" customHeight="1" x14ac:dyDescent="0.15">
      <c r="A59" s="5" t="s">
        <v>21</v>
      </c>
      <c r="B59" s="22">
        <v>32</v>
      </c>
      <c r="C59" s="14">
        <v>27</v>
      </c>
      <c r="D59" s="18">
        <v>59</v>
      </c>
    </row>
    <row r="60" spans="1:4" ht="18" customHeight="1" x14ac:dyDescent="0.15">
      <c r="A60" s="5">
        <v>45</v>
      </c>
      <c r="B60" s="22">
        <v>9</v>
      </c>
      <c r="C60" s="14">
        <v>8</v>
      </c>
      <c r="D60" s="18">
        <v>17</v>
      </c>
    </row>
    <row r="61" spans="1:4" ht="18" customHeight="1" x14ac:dyDescent="0.15">
      <c r="A61" s="5">
        <v>46</v>
      </c>
      <c r="B61" s="22">
        <v>7</v>
      </c>
      <c r="C61" s="14">
        <v>6</v>
      </c>
      <c r="D61" s="18">
        <v>13</v>
      </c>
    </row>
    <row r="62" spans="1:4" ht="18" customHeight="1" x14ac:dyDescent="0.15">
      <c r="A62" s="5">
        <v>47</v>
      </c>
      <c r="B62" s="22">
        <v>5</v>
      </c>
      <c r="C62" s="14">
        <v>6</v>
      </c>
      <c r="D62" s="18">
        <v>11</v>
      </c>
    </row>
    <row r="63" spans="1:4" ht="18" customHeight="1" x14ac:dyDescent="0.15">
      <c r="A63" s="5">
        <v>48</v>
      </c>
      <c r="B63" s="22">
        <v>6</v>
      </c>
      <c r="C63" s="14">
        <v>3</v>
      </c>
      <c r="D63" s="18">
        <v>9</v>
      </c>
    </row>
    <row r="64" spans="1:4" ht="18" customHeight="1" x14ac:dyDescent="0.15">
      <c r="A64" s="5">
        <v>49</v>
      </c>
      <c r="B64" s="22">
        <v>9</v>
      </c>
      <c r="C64" s="14">
        <v>10</v>
      </c>
      <c r="D64" s="18">
        <v>19</v>
      </c>
    </row>
    <row r="65" spans="1:4" ht="18" customHeight="1" x14ac:dyDescent="0.15">
      <c r="A65" s="5" t="s">
        <v>17</v>
      </c>
      <c r="B65" s="22">
        <v>36</v>
      </c>
      <c r="C65" s="14">
        <v>33</v>
      </c>
      <c r="D65" s="18">
        <v>69</v>
      </c>
    </row>
    <row r="66" spans="1:4" ht="18" customHeight="1" x14ac:dyDescent="0.15">
      <c r="A66" s="5">
        <v>50</v>
      </c>
      <c r="B66" s="22">
        <v>5</v>
      </c>
      <c r="C66" s="14">
        <v>6</v>
      </c>
      <c r="D66" s="18">
        <v>11</v>
      </c>
    </row>
    <row r="67" spans="1:4" ht="18" customHeight="1" x14ac:dyDescent="0.15">
      <c r="A67" s="5">
        <v>51</v>
      </c>
      <c r="B67" s="22">
        <v>14</v>
      </c>
      <c r="C67" s="14">
        <v>12</v>
      </c>
      <c r="D67" s="18">
        <v>26</v>
      </c>
    </row>
    <row r="68" spans="1:4" ht="18" customHeight="1" x14ac:dyDescent="0.15">
      <c r="A68" s="5">
        <v>52</v>
      </c>
      <c r="B68" s="22">
        <v>14</v>
      </c>
      <c r="C68" s="14">
        <v>12</v>
      </c>
      <c r="D68" s="18">
        <v>26</v>
      </c>
    </row>
    <row r="69" spans="1:4" ht="18" customHeight="1" x14ac:dyDescent="0.15">
      <c r="A69" s="5">
        <v>53</v>
      </c>
      <c r="B69" s="22">
        <v>10</v>
      </c>
      <c r="C69" s="14">
        <v>7</v>
      </c>
      <c r="D69" s="18">
        <v>17</v>
      </c>
    </row>
    <row r="70" spans="1:4" ht="18" customHeight="1" x14ac:dyDescent="0.15">
      <c r="A70" s="5">
        <v>54</v>
      </c>
      <c r="B70" s="22">
        <v>12</v>
      </c>
      <c r="C70" s="14">
        <v>6</v>
      </c>
      <c r="D70" s="18">
        <v>18</v>
      </c>
    </row>
    <row r="71" spans="1:4" ht="18" customHeight="1" x14ac:dyDescent="0.15">
      <c r="A71" s="5" t="s">
        <v>22</v>
      </c>
      <c r="B71" s="22">
        <v>55</v>
      </c>
      <c r="C71" s="14">
        <v>43</v>
      </c>
      <c r="D71" s="18">
        <v>98</v>
      </c>
    </row>
    <row r="72" spans="1:4" ht="18" customHeight="1" x14ac:dyDescent="0.15">
      <c r="A72" s="5">
        <v>55</v>
      </c>
      <c r="B72" s="22">
        <v>7</v>
      </c>
      <c r="C72" s="14">
        <v>8</v>
      </c>
      <c r="D72" s="18">
        <v>15</v>
      </c>
    </row>
    <row r="73" spans="1:4" ht="18" customHeight="1" x14ac:dyDescent="0.15">
      <c r="A73" s="5">
        <v>56</v>
      </c>
      <c r="B73" s="22">
        <v>10</v>
      </c>
      <c r="C73" s="14">
        <v>4</v>
      </c>
      <c r="D73" s="18">
        <v>14</v>
      </c>
    </row>
    <row r="74" spans="1:4" ht="18" customHeight="1" x14ac:dyDescent="0.15">
      <c r="A74" s="5">
        <v>57</v>
      </c>
      <c r="B74" s="22">
        <v>3</v>
      </c>
      <c r="C74" s="14">
        <v>11</v>
      </c>
      <c r="D74" s="18">
        <v>14</v>
      </c>
    </row>
    <row r="75" spans="1:4" ht="18" customHeight="1" x14ac:dyDescent="0.15">
      <c r="A75" s="5">
        <v>58</v>
      </c>
      <c r="B75" s="22">
        <v>3</v>
      </c>
      <c r="C75" s="14">
        <v>13</v>
      </c>
      <c r="D75" s="18">
        <v>16</v>
      </c>
    </row>
    <row r="76" spans="1:4" ht="18" customHeight="1" x14ac:dyDescent="0.15">
      <c r="A76" s="5">
        <v>59</v>
      </c>
      <c r="B76" s="22">
        <v>10</v>
      </c>
      <c r="C76" s="14">
        <v>7</v>
      </c>
      <c r="D76" s="18">
        <v>17</v>
      </c>
    </row>
    <row r="77" spans="1:4" ht="18" customHeight="1" x14ac:dyDescent="0.15">
      <c r="A77" s="5" t="s">
        <v>27</v>
      </c>
      <c r="B77" s="22">
        <v>33</v>
      </c>
      <c r="C77" s="14">
        <v>43</v>
      </c>
      <c r="D77" s="18">
        <v>76</v>
      </c>
    </row>
    <row r="78" spans="1:4" ht="18" customHeight="1" x14ac:dyDescent="0.15">
      <c r="A78" s="5">
        <v>60</v>
      </c>
      <c r="B78" s="22">
        <v>7</v>
      </c>
      <c r="C78" s="14">
        <v>6</v>
      </c>
      <c r="D78" s="18">
        <v>13</v>
      </c>
    </row>
    <row r="79" spans="1:4" ht="18" customHeight="1" x14ac:dyDescent="0.15">
      <c r="A79" s="5">
        <v>61</v>
      </c>
      <c r="B79" s="22">
        <v>7</v>
      </c>
      <c r="C79" s="14">
        <v>8</v>
      </c>
      <c r="D79" s="18">
        <v>15</v>
      </c>
    </row>
    <row r="80" spans="1:4" ht="18" customHeight="1" x14ac:dyDescent="0.15">
      <c r="A80" s="5">
        <v>62</v>
      </c>
      <c r="B80" s="22">
        <v>9</v>
      </c>
      <c r="C80" s="14">
        <v>8</v>
      </c>
      <c r="D80" s="18">
        <v>17</v>
      </c>
    </row>
    <row r="81" spans="1:4" ht="18" customHeight="1" x14ac:dyDescent="0.15">
      <c r="A81" s="5">
        <v>63</v>
      </c>
      <c r="B81" s="22">
        <v>3</v>
      </c>
      <c r="C81" s="14">
        <v>7</v>
      </c>
      <c r="D81" s="18">
        <v>10</v>
      </c>
    </row>
    <row r="82" spans="1:4" ht="18" customHeight="1" x14ac:dyDescent="0.15">
      <c r="A82" s="5">
        <v>64</v>
      </c>
      <c r="B82" s="22">
        <v>4</v>
      </c>
      <c r="C82" s="14">
        <v>13</v>
      </c>
      <c r="D82" s="18">
        <v>17</v>
      </c>
    </row>
    <row r="83" spans="1:4" ht="18" customHeight="1" x14ac:dyDescent="0.15">
      <c r="A83" s="5" t="s">
        <v>28</v>
      </c>
      <c r="B83" s="22">
        <v>30</v>
      </c>
      <c r="C83" s="14">
        <v>42</v>
      </c>
      <c r="D83" s="18">
        <v>72</v>
      </c>
    </row>
    <row r="84" spans="1:4" ht="18" customHeight="1" x14ac:dyDescent="0.15">
      <c r="A84" s="5" t="s">
        <v>31</v>
      </c>
      <c r="B84" s="22">
        <v>294</v>
      </c>
      <c r="C84" s="14">
        <v>270</v>
      </c>
      <c r="D84" s="18">
        <v>564</v>
      </c>
    </row>
    <row r="85" spans="1:4" ht="18" customHeight="1" x14ac:dyDescent="0.15">
      <c r="A85" s="5">
        <v>65</v>
      </c>
      <c r="B85" s="22">
        <v>3</v>
      </c>
      <c r="C85" s="14">
        <v>3</v>
      </c>
      <c r="D85" s="18">
        <v>6</v>
      </c>
    </row>
    <row r="86" spans="1:4" ht="18" customHeight="1" x14ac:dyDescent="0.15">
      <c r="A86" s="5">
        <v>66</v>
      </c>
      <c r="B86" s="22">
        <v>8</v>
      </c>
      <c r="C86" s="14">
        <v>11</v>
      </c>
      <c r="D86" s="18">
        <v>19</v>
      </c>
    </row>
    <row r="87" spans="1:4" ht="18" customHeight="1" x14ac:dyDescent="0.15">
      <c r="A87" s="5">
        <v>67</v>
      </c>
      <c r="B87" s="22">
        <v>6</v>
      </c>
      <c r="C87" s="14">
        <v>10</v>
      </c>
      <c r="D87" s="18">
        <v>16</v>
      </c>
    </row>
    <row r="88" spans="1:4" ht="18" customHeight="1" x14ac:dyDescent="0.15">
      <c r="A88" s="5">
        <v>68</v>
      </c>
      <c r="B88" s="22">
        <v>10</v>
      </c>
      <c r="C88" s="14">
        <v>10</v>
      </c>
      <c r="D88" s="18">
        <v>20</v>
      </c>
    </row>
    <row r="89" spans="1:4" ht="18" customHeight="1" x14ac:dyDescent="0.15">
      <c r="A89" s="5">
        <v>69</v>
      </c>
      <c r="B89" s="22">
        <v>16</v>
      </c>
      <c r="C89" s="14">
        <v>11</v>
      </c>
      <c r="D89" s="18">
        <v>27</v>
      </c>
    </row>
    <row r="90" spans="1:4" ht="18" customHeight="1" x14ac:dyDescent="0.15">
      <c r="A90" s="5" t="s">
        <v>20</v>
      </c>
      <c r="B90" s="22">
        <v>43</v>
      </c>
      <c r="C90" s="14">
        <v>45</v>
      </c>
      <c r="D90" s="18">
        <v>88</v>
      </c>
    </row>
    <row r="91" spans="1:4" ht="18" customHeight="1" x14ac:dyDescent="0.15">
      <c r="A91" s="5">
        <v>70</v>
      </c>
      <c r="B91" s="22">
        <v>11</v>
      </c>
      <c r="C91" s="14">
        <v>10</v>
      </c>
      <c r="D91" s="18">
        <v>21</v>
      </c>
    </row>
    <row r="92" spans="1:4" ht="18" customHeight="1" x14ac:dyDescent="0.15">
      <c r="A92" s="5">
        <v>71</v>
      </c>
      <c r="B92" s="22">
        <v>12</v>
      </c>
      <c r="C92" s="14">
        <v>13</v>
      </c>
      <c r="D92" s="18">
        <v>25</v>
      </c>
    </row>
    <row r="93" spans="1:4" ht="18" customHeight="1" x14ac:dyDescent="0.15">
      <c r="A93" s="5">
        <v>72</v>
      </c>
      <c r="B93" s="22">
        <v>17</v>
      </c>
      <c r="C93" s="14">
        <v>15</v>
      </c>
      <c r="D93" s="18">
        <v>32</v>
      </c>
    </row>
    <row r="94" spans="1:4" ht="18" customHeight="1" x14ac:dyDescent="0.15">
      <c r="A94" s="5">
        <v>73</v>
      </c>
      <c r="B94" s="22">
        <v>15</v>
      </c>
      <c r="C94" s="14">
        <v>15</v>
      </c>
      <c r="D94" s="18">
        <v>30</v>
      </c>
    </row>
    <row r="95" spans="1:4" ht="18" customHeight="1" x14ac:dyDescent="0.15">
      <c r="A95" s="5">
        <v>74</v>
      </c>
      <c r="B95" s="22">
        <v>14</v>
      </c>
      <c r="C95" s="14">
        <v>10</v>
      </c>
      <c r="D95" s="18">
        <v>24</v>
      </c>
    </row>
    <row r="96" spans="1:4" ht="18" customHeight="1" x14ac:dyDescent="0.15">
      <c r="A96" s="5" t="s">
        <v>33</v>
      </c>
      <c r="B96" s="22">
        <v>69</v>
      </c>
      <c r="C96" s="14">
        <v>63</v>
      </c>
      <c r="D96" s="18">
        <v>132</v>
      </c>
    </row>
    <row r="97" spans="1:4" ht="18" customHeight="1" x14ac:dyDescent="0.15">
      <c r="A97" s="5">
        <v>75</v>
      </c>
      <c r="B97" s="22">
        <v>7</v>
      </c>
      <c r="C97" s="14">
        <v>12</v>
      </c>
      <c r="D97" s="18">
        <v>19</v>
      </c>
    </row>
    <row r="98" spans="1:4" ht="18" customHeight="1" x14ac:dyDescent="0.15">
      <c r="A98" s="5">
        <v>76</v>
      </c>
      <c r="B98" s="22">
        <v>16</v>
      </c>
      <c r="C98" s="14">
        <v>17</v>
      </c>
      <c r="D98" s="18">
        <v>33</v>
      </c>
    </row>
    <row r="99" spans="1:4" ht="18" customHeight="1" x14ac:dyDescent="0.15">
      <c r="A99" s="5">
        <v>77</v>
      </c>
      <c r="B99" s="22">
        <v>14</v>
      </c>
      <c r="C99" s="14">
        <v>17</v>
      </c>
      <c r="D99" s="18">
        <v>31</v>
      </c>
    </row>
    <row r="100" spans="1:4" ht="18" customHeight="1" x14ac:dyDescent="0.15">
      <c r="A100" s="5">
        <v>78</v>
      </c>
      <c r="B100" s="22">
        <v>11</v>
      </c>
      <c r="C100" s="14">
        <v>10</v>
      </c>
      <c r="D100" s="18">
        <v>21</v>
      </c>
    </row>
    <row r="101" spans="1:4" ht="18" customHeight="1" x14ac:dyDescent="0.15">
      <c r="A101" s="5">
        <v>79</v>
      </c>
      <c r="B101" s="22">
        <v>12</v>
      </c>
      <c r="C101" s="14">
        <v>9</v>
      </c>
      <c r="D101" s="18">
        <v>21</v>
      </c>
    </row>
    <row r="102" spans="1:4" ht="18" customHeight="1" x14ac:dyDescent="0.15">
      <c r="A102" s="5" t="s">
        <v>0</v>
      </c>
      <c r="B102" s="22">
        <v>60</v>
      </c>
      <c r="C102" s="14">
        <v>65</v>
      </c>
      <c r="D102" s="18">
        <v>125</v>
      </c>
    </row>
    <row r="103" spans="1:4" ht="18" customHeight="1" x14ac:dyDescent="0.15">
      <c r="A103" s="5">
        <v>80</v>
      </c>
      <c r="B103" s="22">
        <v>4</v>
      </c>
      <c r="C103" s="14">
        <v>4</v>
      </c>
      <c r="D103" s="18">
        <v>8</v>
      </c>
    </row>
    <row r="104" spans="1:4" ht="18" customHeight="1" x14ac:dyDescent="0.15">
      <c r="A104" s="5">
        <v>81</v>
      </c>
      <c r="B104" s="22">
        <v>7</v>
      </c>
      <c r="C104" s="14">
        <v>7</v>
      </c>
      <c r="D104" s="18">
        <v>14</v>
      </c>
    </row>
    <row r="105" spans="1:4" ht="18" customHeight="1" x14ac:dyDescent="0.15">
      <c r="A105" s="5">
        <v>82</v>
      </c>
      <c r="B105" s="22">
        <v>6</v>
      </c>
      <c r="C105" s="14">
        <v>7</v>
      </c>
      <c r="D105" s="18">
        <v>13</v>
      </c>
    </row>
    <row r="106" spans="1:4" ht="18" customHeight="1" x14ac:dyDescent="0.15">
      <c r="A106" s="5">
        <v>83</v>
      </c>
      <c r="B106" s="22">
        <v>7</v>
      </c>
      <c r="C106" s="14">
        <v>6</v>
      </c>
      <c r="D106" s="18">
        <v>13</v>
      </c>
    </row>
    <row r="107" spans="1:4" ht="18" customHeight="1" x14ac:dyDescent="0.15">
      <c r="A107" s="5">
        <v>84</v>
      </c>
      <c r="B107" s="22">
        <v>6</v>
      </c>
      <c r="C107" s="14">
        <v>14</v>
      </c>
      <c r="D107" s="18">
        <v>20</v>
      </c>
    </row>
    <row r="108" spans="1:4" ht="18" customHeight="1" x14ac:dyDescent="0.15">
      <c r="A108" s="5" t="s">
        <v>35</v>
      </c>
      <c r="B108" s="22">
        <v>30</v>
      </c>
      <c r="C108" s="14">
        <v>38</v>
      </c>
      <c r="D108" s="18">
        <v>68</v>
      </c>
    </row>
    <row r="109" spans="1:4" ht="18" customHeight="1" x14ac:dyDescent="0.15">
      <c r="A109" s="5">
        <v>85</v>
      </c>
      <c r="B109" s="22">
        <v>2</v>
      </c>
      <c r="C109" s="14">
        <v>9</v>
      </c>
      <c r="D109" s="18">
        <v>11</v>
      </c>
    </row>
    <row r="110" spans="1:4" ht="18" customHeight="1" x14ac:dyDescent="0.15">
      <c r="A110" s="5">
        <v>86</v>
      </c>
      <c r="B110" s="22">
        <v>4</v>
      </c>
      <c r="C110" s="14">
        <v>5</v>
      </c>
      <c r="D110" s="18">
        <v>9</v>
      </c>
    </row>
    <row r="111" spans="1:4" ht="18" customHeight="1" x14ac:dyDescent="0.15">
      <c r="A111" s="5">
        <v>87</v>
      </c>
      <c r="B111" s="22">
        <v>4</v>
      </c>
      <c r="C111" s="14">
        <v>3</v>
      </c>
      <c r="D111" s="18">
        <v>7</v>
      </c>
    </row>
    <row r="112" spans="1:4" ht="18" customHeight="1" x14ac:dyDescent="0.15">
      <c r="A112" s="5">
        <v>88</v>
      </c>
      <c r="B112" s="22">
        <v>3</v>
      </c>
      <c r="C112" s="14">
        <v>5</v>
      </c>
      <c r="D112" s="18">
        <v>8</v>
      </c>
    </row>
    <row r="113" spans="1:4" ht="18" customHeight="1" x14ac:dyDescent="0.15">
      <c r="A113" s="5">
        <v>89</v>
      </c>
      <c r="B113" s="22">
        <v>5</v>
      </c>
      <c r="C113" s="14">
        <v>6</v>
      </c>
      <c r="D113" s="18">
        <v>11</v>
      </c>
    </row>
    <row r="114" spans="1:4" ht="18" customHeight="1" x14ac:dyDescent="0.15">
      <c r="A114" s="5" t="s">
        <v>37</v>
      </c>
      <c r="B114" s="22">
        <v>18</v>
      </c>
      <c r="C114" s="14">
        <v>28</v>
      </c>
      <c r="D114" s="18">
        <v>46</v>
      </c>
    </row>
    <row r="115" spans="1:4" ht="18" customHeight="1" x14ac:dyDescent="0.15">
      <c r="A115" s="5">
        <v>90</v>
      </c>
      <c r="B115" s="22">
        <v>2</v>
      </c>
      <c r="C115" s="14">
        <v>8</v>
      </c>
      <c r="D115" s="18">
        <v>10</v>
      </c>
    </row>
    <row r="116" spans="1:4" ht="18" customHeight="1" x14ac:dyDescent="0.15">
      <c r="A116" s="5">
        <v>91</v>
      </c>
      <c r="B116" s="22">
        <v>1</v>
      </c>
      <c r="C116" s="14">
        <v>6</v>
      </c>
      <c r="D116" s="18">
        <v>7</v>
      </c>
    </row>
    <row r="117" spans="1:4" ht="18" customHeight="1" x14ac:dyDescent="0.15">
      <c r="A117" s="5">
        <v>92</v>
      </c>
      <c r="B117" s="22">
        <v>3</v>
      </c>
      <c r="C117" s="14">
        <v>6</v>
      </c>
      <c r="D117" s="18">
        <v>9</v>
      </c>
    </row>
    <row r="118" spans="1:4" ht="18" customHeight="1" x14ac:dyDescent="0.15">
      <c r="A118" s="5">
        <v>93</v>
      </c>
      <c r="B118" s="22">
        <v>0</v>
      </c>
      <c r="C118" s="14">
        <v>5</v>
      </c>
      <c r="D118" s="18">
        <v>5</v>
      </c>
    </row>
    <row r="119" spans="1:4" ht="18" customHeight="1" x14ac:dyDescent="0.15">
      <c r="A119" s="5">
        <v>94</v>
      </c>
      <c r="B119" s="22">
        <v>1</v>
      </c>
      <c r="C119" s="14">
        <v>4</v>
      </c>
      <c r="D119" s="18">
        <v>5</v>
      </c>
    </row>
    <row r="120" spans="1:4" ht="18" customHeight="1" x14ac:dyDescent="0.15">
      <c r="A120" s="5" t="s">
        <v>39</v>
      </c>
      <c r="B120" s="22">
        <v>7</v>
      </c>
      <c r="C120" s="14">
        <v>29</v>
      </c>
      <c r="D120" s="18">
        <v>36</v>
      </c>
    </row>
    <row r="121" spans="1:4" ht="18" customHeight="1" x14ac:dyDescent="0.15">
      <c r="A121" s="5">
        <v>95</v>
      </c>
      <c r="B121" s="22">
        <v>0</v>
      </c>
      <c r="C121" s="14">
        <v>3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1</v>
      </c>
      <c r="C123" s="14">
        <v>2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4</v>
      </c>
      <c r="D124" s="18">
        <v>4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1</v>
      </c>
      <c r="C126" s="14">
        <v>12</v>
      </c>
      <c r="D126" s="18">
        <v>13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228</v>
      </c>
      <c r="C130" s="14">
        <v>282</v>
      </c>
      <c r="D130" s="18">
        <v>510</v>
      </c>
    </row>
    <row r="131" spans="1:4" ht="18" customHeight="1" x14ac:dyDescent="0.15">
      <c r="A131" s="7" t="s">
        <v>45</v>
      </c>
      <c r="B131" s="23">
        <v>564</v>
      </c>
      <c r="C131" s="15">
        <v>587</v>
      </c>
      <c r="D131" s="19">
        <v>115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600-000000000000}">
  <sheetPr codeName="Sheet9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1</v>
      </c>
      <c r="C6" s="14">
        <v>2</v>
      </c>
      <c r="D6" s="18">
        <v>3</v>
      </c>
    </row>
    <row r="7" spans="1:4" ht="18" customHeight="1" x14ac:dyDescent="0.15">
      <c r="A7" s="5">
        <v>2</v>
      </c>
      <c r="B7" s="27">
        <v>2</v>
      </c>
      <c r="C7" s="14">
        <v>2</v>
      </c>
      <c r="D7" s="18">
        <v>4</v>
      </c>
    </row>
    <row r="8" spans="1:4" ht="18" customHeight="1" x14ac:dyDescent="0.15">
      <c r="A8" s="5">
        <v>3</v>
      </c>
      <c r="B8" s="27">
        <v>0</v>
      </c>
      <c r="C8" s="14">
        <v>2</v>
      </c>
      <c r="D8" s="18">
        <v>2</v>
      </c>
    </row>
    <row r="9" spans="1:4" ht="18" customHeight="1" x14ac:dyDescent="0.15">
      <c r="A9" s="5">
        <v>4</v>
      </c>
      <c r="B9" s="28">
        <v>1</v>
      </c>
      <c r="C9" s="30">
        <v>1</v>
      </c>
      <c r="D9" s="32">
        <v>2</v>
      </c>
    </row>
    <row r="10" spans="1:4" ht="18" customHeight="1" x14ac:dyDescent="0.15">
      <c r="A10" s="5" t="s">
        <v>7</v>
      </c>
      <c r="B10" s="22">
        <v>4</v>
      </c>
      <c r="C10" s="14">
        <v>7</v>
      </c>
      <c r="D10" s="18">
        <v>11</v>
      </c>
    </row>
    <row r="11" spans="1:4" ht="18" customHeight="1" x14ac:dyDescent="0.15">
      <c r="A11" s="5">
        <v>5</v>
      </c>
      <c r="B11" s="27">
        <v>2</v>
      </c>
      <c r="C11" s="14">
        <v>5</v>
      </c>
      <c r="D11" s="18">
        <v>7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1</v>
      </c>
      <c r="C13" s="14">
        <v>3</v>
      </c>
      <c r="D13" s="18">
        <v>4</v>
      </c>
    </row>
    <row r="14" spans="1:4" ht="18" customHeight="1" x14ac:dyDescent="0.15">
      <c r="A14" s="5">
        <v>8</v>
      </c>
      <c r="B14" s="27">
        <v>1</v>
      </c>
      <c r="C14" s="14">
        <v>1</v>
      </c>
      <c r="D14" s="18">
        <v>2</v>
      </c>
    </row>
    <row r="15" spans="1:4" ht="18" customHeight="1" x14ac:dyDescent="0.15">
      <c r="A15" s="5">
        <v>9</v>
      </c>
      <c r="B15" s="27">
        <v>2</v>
      </c>
      <c r="C15" s="14">
        <v>0</v>
      </c>
      <c r="D15" s="18">
        <v>2</v>
      </c>
    </row>
    <row r="16" spans="1:4" ht="18" customHeight="1" x14ac:dyDescent="0.15">
      <c r="A16" s="5" t="s">
        <v>11</v>
      </c>
      <c r="B16" s="22">
        <v>6</v>
      </c>
      <c r="C16" s="14">
        <v>9</v>
      </c>
      <c r="D16" s="18">
        <v>15</v>
      </c>
    </row>
    <row r="17" spans="1:4" ht="18" customHeight="1" x14ac:dyDescent="0.15">
      <c r="A17" s="5">
        <v>10</v>
      </c>
      <c r="B17" s="22">
        <v>1</v>
      </c>
      <c r="C17" s="14">
        <v>1</v>
      </c>
      <c r="D17" s="18">
        <v>2</v>
      </c>
    </row>
    <row r="18" spans="1:4" ht="18" customHeight="1" x14ac:dyDescent="0.15">
      <c r="A18" s="5">
        <v>11</v>
      </c>
      <c r="B18" s="22">
        <v>2</v>
      </c>
      <c r="C18" s="14">
        <v>3</v>
      </c>
      <c r="D18" s="18">
        <v>5</v>
      </c>
    </row>
    <row r="19" spans="1:4" ht="18" customHeight="1" x14ac:dyDescent="0.15">
      <c r="A19" s="5">
        <v>12</v>
      </c>
      <c r="B19" s="22">
        <v>1</v>
      </c>
      <c r="C19" s="14">
        <v>1</v>
      </c>
      <c r="D19" s="18">
        <v>2</v>
      </c>
    </row>
    <row r="20" spans="1:4" ht="18" customHeight="1" x14ac:dyDescent="0.15">
      <c r="A20" s="5">
        <v>13</v>
      </c>
      <c r="B20" s="22">
        <v>3</v>
      </c>
      <c r="C20" s="14">
        <v>2</v>
      </c>
      <c r="D20" s="18">
        <v>5</v>
      </c>
    </row>
    <row r="21" spans="1:4" ht="18" customHeight="1" x14ac:dyDescent="0.15">
      <c r="A21" s="5">
        <v>14</v>
      </c>
      <c r="B21" s="22">
        <v>5</v>
      </c>
      <c r="C21" s="14">
        <v>2</v>
      </c>
      <c r="D21" s="18">
        <v>7</v>
      </c>
    </row>
    <row r="22" spans="1:4" ht="18" customHeight="1" x14ac:dyDescent="0.15">
      <c r="A22" s="5" t="s">
        <v>12</v>
      </c>
      <c r="B22" s="22">
        <v>12</v>
      </c>
      <c r="C22" s="14">
        <v>9</v>
      </c>
      <c r="D22" s="18">
        <v>21</v>
      </c>
    </row>
    <row r="23" spans="1:4" ht="18" customHeight="1" x14ac:dyDescent="0.15">
      <c r="A23" s="5" t="s">
        <v>6</v>
      </c>
      <c r="B23" s="22">
        <v>22</v>
      </c>
      <c r="C23" s="14">
        <v>25</v>
      </c>
      <c r="D23" s="18">
        <v>47</v>
      </c>
    </row>
    <row r="24" spans="1:4" ht="18" customHeight="1" x14ac:dyDescent="0.15">
      <c r="A24" s="5">
        <v>15</v>
      </c>
      <c r="B24" s="22">
        <v>8</v>
      </c>
      <c r="C24" s="14">
        <v>1</v>
      </c>
      <c r="D24" s="18">
        <v>9</v>
      </c>
    </row>
    <row r="25" spans="1:4" ht="18" customHeight="1" x14ac:dyDescent="0.15">
      <c r="A25" s="5">
        <v>16</v>
      </c>
      <c r="B25" s="22">
        <v>6</v>
      </c>
      <c r="C25" s="14">
        <v>0</v>
      </c>
      <c r="D25" s="18">
        <v>6</v>
      </c>
    </row>
    <row r="26" spans="1:4" ht="18" customHeight="1" x14ac:dyDescent="0.15">
      <c r="A26" s="5">
        <v>17</v>
      </c>
      <c r="B26" s="22">
        <v>5</v>
      </c>
      <c r="C26" s="14">
        <v>4</v>
      </c>
      <c r="D26" s="18">
        <v>9</v>
      </c>
    </row>
    <row r="27" spans="1:4" ht="18" customHeight="1" x14ac:dyDescent="0.15">
      <c r="A27" s="5">
        <v>18</v>
      </c>
      <c r="B27" s="22">
        <v>1</v>
      </c>
      <c r="C27" s="14">
        <v>1</v>
      </c>
      <c r="D27" s="18">
        <v>2</v>
      </c>
    </row>
    <row r="28" spans="1:4" ht="18" customHeight="1" x14ac:dyDescent="0.15">
      <c r="A28" s="5">
        <v>19</v>
      </c>
      <c r="B28" s="22">
        <v>11</v>
      </c>
      <c r="C28" s="14">
        <v>4</v>
      </c>
      <c r="D28" s="18">
        <v>15</v>
      </c>
    </row>
    <row r="29" spans="1:4" ht="18" customHeight="1" x14ac:dyDescent="0.15">
      <c r="A29" s="5" t="s">
        <v>14</v>
      </c>
      <c r="B29" s="22">
        <v>31</v>
      </c>
      <c r="C29" s="14">
        <v>10</v>
      </c>
      <c r="D29" s="18">
        <v>41</v>
      </c>
    </row>
    <row r="30" spans="1:4" ht="18" customHeight="1" x14ac:dyDescent="0.15">
      <c r="A30" s="5">
        <v>20</v>
      </c>
      <c r="B30" s="22">
        <v>7</v>
      </c>
      <c r="C30" s="14">
        <v>3</v>
      </c>
      <c r="D30" s="18">
        <v>10</v>
      </c>
    </row>
    <row r="31" spans="1:4" ht="18" customHeight="1" x14ac:dyDescent="0.15">
      <c r="A31" s="5">
        <v>21</v>
      </c>
      <c r="B31" s="22">
        <v>4</v>
      </c>
      <c r="C31" s="14">
        <v>4</v>
      </c>
      <c r="D31" s="18">
        <v>8</v>
      </c>
    </row>
    <row r="32" spans="1:4" ht="18" customHeight="1" x14ac:dyDescent="0.15">
      <c r="A32" s="5">
        <v>22</v>
      </c>
      <c r="B32" s="22">
        <v>6</v>
      </c>
      <c r="C32" s="14">
        <v>7</v>
      </c>
      <c r="D32" s="18">
        <v>13</v>
      </c>
    </row>
    <row r="33" spans="1:4" ht="18" customHeight="1" x14ac:dyDescent="0.15">
      <c r="A33" s="5">
        <v>23</v>
      </c>
      <c r="B33" s="22">
        <v>2</v>
      </c>
      <c r="C33" s="14">
        <v>3</v>
      </c>
      <c r="D33" s="18">
        <v>5</v>
      </c>
    </row>
    <row r="34" spans="1:4" ht="18" customHeight="1" x14ac:dyDescent="0.15">
      <c r="A34" s="5">
        <v>24</v>
      </c>
      <c r="B34" s="22">
        <v>1</v>
      </c>
      <c r="C34" s="14">
        <v>4</v>
      </c>
      <c r="D34" s="18">
        <v>5</v>
      </c>
    </row>
    <row r="35" spans="1:4" ht="18" customHeight="1" x14ac:dyDescent="0.15">
      <c r="A35" s="5" t="s">
        <v>9</v>
      </c>
      <c r="B35" s="22">
        <v>20</v>
      </c>
      <c r="C35" s="14">
        <v>21</v>
      </c>
      <c r="D35" s="18">
        <v>41</v>
      </c>
    </row>
    <row r="36" spans="1:4" ht="18" customHeight="1" x14ac:dyDescent="0.15">
      <c r="A36" s="5">
        <v>25</v>
      </c>
      <c r="B36" s="22">
        <v>4</v>
      </c>
      <c r="C36" s="14">
        <v>3</v>
      </c>
      <c r="D36" s="18">
        <v>7</v>
      </c>
    </row>
    <row r="37" spans="1:4" ht="18" customHeight="1" x14ac:dyDescent="0.15">
      <c r="A37" s="5">
        <v>26</v>
      </c>
      <c r="B37" s="22">
        <v>2</v>
      </c>
      <c r="C37" s="14">
        <v>1</v>
      </c>
      <c r="D37" s="18">
        <v>3</v>
      </c>
    </row>
    <row r="38" spans="1:4" ht="18" customHeight="1" x14ac:dyDescent="0.15">
      <c r="A38" s="5">
        <v>27</v>
      </c>
      <c r="B38" s="22">
        <v>3</v>
      </c>
      <c r="C38" s="14">
        <v>2</v>
      </c>
      <c r="D38" s="18">
        <v>5</v>
      </c>
    </row>
    <row r="39" spans="1:4" ht="18" customHeight="1" x14ac:dyDescent="0.15">
      <c r="A39" s="5">
        <v>28</v>
      </c>
      <c r="B39" s="22">
        <v>4</v>
      </c>
      <c r="C39" s="14">
        <v>2</v>
      </c>
      <c r="D39" s="18">
        <v>6</v>
      </c>
    </row>
    <row r="40" spans="1:4" ht="18" customHeight="1" x14ac:dyDescent="0.15">
      <c r="A40" s="5">
        <v>29</v>
      </c>
      <c r="B40" s="22">
        <v>2</v>
      </c>
      <c r="C40" s="14">
        <v>2</v>
      </c>
      <c r="D40" s="18">
        <v>4</v>
      </c>
    </row>
    <row r="41" spans="1:4" ht="18" customHeight="1" x14ac:dyDescent="0.15">
      <c r="A41" s="5" t="s">
        <v>2</v>
      </c>
      <c r="B41" s="22">
        <v>15</v>
      </c>
      <c r="C41" s="14">
        <v>10</v>
      </c>
      <c r="D41" s="18">
        <v>25</v>
      </c>
    </row>
    <row r="42" spans="1:4" ht="18" customHeight="1" x14ac:dyDescent="0.15">
      <c r="A42" s="5">
        <v>30</v>
      </c>
      <c r="B42" s="22">
        <v>3</v>
      </c>
      <c r="C42" s="14">
        <v>6</v>
      </c>
      <c r="D42" s="18">
        <v>9</v>
      </c>
    </row>
    <row r="43" spans="1:4" ht="18" customHeight="1" x14ac:dyDescent="0.15">
      <c r="A43" s="5">
        <v>31</v>
      </c>
      <c r="B43" s="22">
        <v>2</v>
      </c>
      <c r="C43" s="14">
        <v>1</v>
      </c>
      <c r="D43" s="18">
        <v>3</v>
      </c>
    </row>
    <row r="44" spans="1:4" ht="18" customHeight="1" x14ac:dyDescent="0.15">
      <c r="A44" s="5">
        <v>32</v>
      </c>
      <c r="B44" s="22">
        <v>1</v>
      </c>
      <c r="C44" s="14">
        <v>4</v>
      </c>
      <c r="D44" s="18">
        <v>5</v>
      </c>
    </row>
    <row r="45" spans="1:4" ht="18" customHeight="1" x14ac:dyDescent="0.15">
      <c r="A45" s="5">
        <v>33</v>
      </c>
      <c r="B45" s="22">
        <v>2</v>
      </c>
      <c r="C45" s="14">
        <v>1</v>
      </c>
      <c r="D45" s="18">
        <v>3</v>
      </c>
    </row>
    <row r="46" spans="1:4" ht="18" customHeight="1" x14ac:dyDescent="0.15">
      <c r="A46" s="5">
        <v>34</v>
      </c>
      <c r="B46" s="22">
        <v>3</v>
      </c>
      <c r="C46" s="14">
        <v>3</v>
      </c>
      <c r="D46" s="18">
        <v>6</v>
      </c>
    </row>
    <row r="47" spans="1:4" ht="18" customHeight="1" x14ac:dyDescent="0.15">
      <c r="A47" s="5" t="s">
        <v>15</v>
      </c>
      <c r="B47" s="22">
        <v>11</v>
      </c>
      <c r="C47" s="14">
        <v>15</v>
      </c>
      <c r="D47" s="18">
        <v>26</v>
      </c>
    </row>
    <row r="48" spans="1:4" ht="18" customHeight="1" x14ac:dyDescent="0.15">
      <c r="A48" s="5">
        <v>35</v>
      </c>
      <c r="B48" s="22">
        <v>5</v>
      </c>
      <c r="C48" s="14">
        <v>1</v>
      </c>
      <c r="D48" s="18">
        <v>6</v>
      </c>
    </row>
    <row r="49" spans="1:4" ht="18" customHeight="1" x14ac:dyDescent="0.15">
      <c r="A49" s="5">
        <v>36</v>
      </c>
      <c r="B49" s="22">
        <v>2</v>
      </c>
      <c r="C49" s="14">
        <v>0</v>
      </c>
      <c r="D49" s="18">
        <v>2</v>
      </c>
    </row>
    <row r="50" spans="1:4" ht="18" customHeight="1" x14ac:dyDescent="0.15">
      <c r="A50" s="5">
        <v>37</v>
      </c>
      <c r="B50" s="22">
        <v>2</v>
      </c>
      <c r="C50" s="14">
        <v>5</v>
      </c>
      <c r="D50" s="18">
        <v>7</v>
      </c>
    </row>
    <row r="51" spans="1:4" ht="18" customHeight="1" x14ac:dyDescent="0.15">
      <c r="A51" s="5">
        <v>38</v>
      </c>
      <c r="B51" s="22">
        <v>2</v>
      </c>
      <c r="C51" s="14">
        <v>0</v>
      </c>
      <c r="D51" s="18">
        <v>2</v>
      </c>
    </row>
    <row r="52" spans="1:4" ht="18" customHeight="1" x14ac:dyDescent="0.15">
      <c r="A52" s="5">
        <v>39</v>
      </c>
      <c r="B52" s="22">
        <v>3</v>
      </c>
      <c r="C52" s="14">
        <v>3</v>
      </c>
      <c r="D52" s="18">
        <v>6</v>
      </c>
    </row>
    <row r="53" spans="1:4" ht="18" customHeight="1" x14ac:dyDescent="0.15">
      <c r="A53" s="5" t="s">
        <v>18</v>
      </c>
      <c r="B53" s="22">
        <v>14</v>
      </c>
      <c r="C53" s="14">
        <v>9</v>
      </c>
      <c r="D53" s="18">
        <v>23</v>
      </c>
    </row>
    <row r="54" spans="1:4" ht="18" customHeight="1" x14ac:dyDescent="0.15">
      <c r="A54" s="5">
        <v>40</v>
      </c>
      <c r="B54" s="22">
        <v>3</v>
      </c>
      <c r="C54" s="14">
        <v>4</v>
      </c>
      <c r="D54" s="18">
        <v>7</v>
      </c>
    </row>
    <row r="55" spans="1:4" ht="18" customHeight="1" x14ac:dyDescent="0.15">
      <c r="A55" s="5">
        <v>41</v>
      </c>
      <c r="B55" s="22">
        <v>3</v>
      </c>
      <c r="C55" s="14">
        <v>6</v>
      </c>
      <c r="D55" s="18">
        <v>9</v>
      </c>
    </row>
    <row r="56" spans="1:4" ht="18" customHeight="1" x14ac:dyDescent="0.15">
      <c r="A56" s="5">
        <v>42</v>
      </c>
      <c r="B56" s="22">
        <v>7</v>
      </c>
      <c r="C56" s="14">
        <v>1</v>
      </c>
      <c r="D56" s="18">
        <v>8</v>
      </c>
    </row>
    <row r="57" spans="1:4" ht="18" customHeight="1" x14ac:dyDescent="0.15">
      <c r="A57" s="5">
        <v>43</v>
      </c>
      <c r="B57" s="22">
        <v>6</v>
      </c>
      <c r="C57" s="14">
        <v>0</v>
      </c>
      <c r="D57" s="18">
        <v>6</v>
      </c>
    </row>
    <row r="58" spans="1:4" ht="18" customHeight="1" x14ac:dyDescent="0.15">
      <c r="A58" s="5">
        <v>44</v>
      </c>
      <c r="B58" s="22">
        <v>5</v>
      </c>
      <c r="C58" s="14">
        <v>3</v>
      </c>
      <c r="D58" s="18">
        <v>8</v>
      </c>
    </row>
    <row r="59" spans="1:4" ht="18" customHeight="1" x14ac:dyDescent="0.15">
      <c r="A59" s="5" t="s">
        <v>21</v>
      </c>
      <c r="B59" s="22">
        <v>24</v>
      </c>
      <c r="C59" s="14">
        <v>14</v>
      </c>
      <c r="D59" s="18">
        <v>38</v>
      </c>
    </row>
    <row r="60" spans="1:4" ht="18" customHeight="1" x14ac:dyDescent="0.15">
      <c r="A60" s="5">
        <v>45</v>
      </c>
      <c r="B60" s="22">
        <v>1</v>
      </c>
      <c r="C60" s="14">
        <v>5</v>
      </c>
      <c r="D60" s="18">
        <v>6</v>
      </c>
    </row>
    <row r="61" spans="1:4" ht="18" customHeight="1" x14ac:dyDescent="0.15">
      <c r="A61" s="5">
        <v>46</v>
      </c>
      <c r="B61" s="22">
        <v>8</v>
      </c>
      <c r="C61" s="14">
        <v>4</v>
      </c>
      <c r="D61" s="18">
        <v>12</v>
      </c>
    </row>
    <row r="62" spans="1:4" ht="18" customHeight="1" x14ac:dyDescent="0.15">
      <c r="A62" s="5">
        <v>47</v>
      </c>
      <c r="B62" s="22">
        <v>4</v>
      </c>
      <c r="C62" s="14">
        <v>5</v>
      </c>
      <c r="D62" s="18">
        <v>9</v>
      </c>
    </row>
    <row r="63" spans="1:4" ht="18" customHeight="1" x14ac:dyDescent="0.15">
      <c r="A63" s="5">
        <v>48</v>
      </c>
      <c r="B63" s="22">
        <v>6</v>
      </c>
      <c r="C63" s="14">
        <v>2</v>
      </c>
      <c r="D63" s="18">
        <v>8</v>
      </c>
    </row>
    <row r="64" spans="1:4" ht="18" customHeight="1" x14ac:dyDescent="0.15">
      <c r="A64" s="5">
        <v>49</v>
      </c>
      <c r="B64" s="22">
        <v>10</v>
      </c>
      <c r="C64" s="14">
        <v>3</v>
      </c>
      <c r="D64" s="18">
        <v>13</v>
      </c>
    </row>
    <row r="65" spans="1:4" ht="18" customHeight="1" x14ac:dyDescent="0.15">
      <c r="A65" s="5" t="s">
        <v>17</v>
      </c>
      <c r="B65" s="22">
        <v>29</v>
      </c>
      <c r="C65" s="14">
        <v>19</v>
      </c>
      <c r="D65" s="18">
        <v>48</v>
      </c>
    </row>
    <row r="66" spans="1:4" ht="18" customHeight="1" x14ac:dyDescent="0.15">
      <c r="A66" s="5">
        <v>50</v>
      </c>
      <c r="B66" s="22">
        <v>6</v>
      </c>
      <c r="C66" s="14">
        <v>8</v>
      </c>
      <c r="D66" s="18">
        <v>14</v>
      </c>
    </row>
    <row r="67" spans="1:4" ht="18" customHeight="1" x14ac:dyDescent="0.15">
      <c r="A67" s="5">
        <v>51</v>
      </c>
      <c r="B67" s="22">
        <v>11</v>
      </c>
      <c r="C67" s="14">
        <v>5</v>
      </c>
      <c r="D67" s="18">
        <v>16</v>
      </c>
    </row>
    <row r="68" spans="1:4" ht="18" customHeight="1" x14ac:dyDescent="0.15">
      <c r="A68" s="5">
        <v>52</v>
      </c>
      <c r="B68" s="22">
        <v>4</v>
      </c>
      <c r="C68" s="14">
        <v>9</v>
      </c>
      <c r="D68" s="18">
        <v>13</v>
      </c>
    </row>
    <row r="69" spans="1:4" ht="18" customHeight="1" x14ac:dyDescent="0.15">
      <c r="A69" s="5">
        <v>53</v>
      </c>
      <c r="B69" s="22">
        <v>9</v>
      </c>
      <c r="C69" s="14">
        <v>6</v>
      </c>
      <c r="D69" s="18">
        <v>15</v>
      </c>
    </row>
    <row r="70" spans="1:4" ht="18" customHeight="1" x14ac:dyDescent="0.15">
      <c r="A70" s="5">
        <v>54</v>
      </c>
      <c r="B70" s="22">
        <v>4</v>
      </c>
      <c r="C70" s="14">
        <v>4</v>
      </c>
      <c r="D70" s="18">
        <v>8</v>
      </c>
    </row>
    <row r="71" spans="1:4" ht="18" customHeight="1" x14ac:dyDescent="0.15">
      <c r="A71" s="5" t="s">
        <v>22</v>
      </c>
      <c r="B71" s="22">
        <v>34</v>
      </c>
      <c r="C71" s="14">
        <v>32</v>
      </c>
      <c r="D71" s="18">
        <v>66</v>
      </c>
    </row>
    <row r="72" spans="1:4" ht="18" customHeight="1" x14ac:dyDescent="0.15">
      <c r="A72" s="5">
        <v>55</v>
      </c>
      <c r="B72" s="22">
        <v>5</v>
      </c>
      <c r="C72" s="14">
        <v>13</v>
      </c>
      <c r="D72" s="18">
        <v>18</v>
      </c>
    </row>
    <row r="73" spans="1:4" ht="18" customHeight="1" x14ac:dyDescent="0.15">
      <c r="A73" s="5">
        <v>56</v>
      </c>
      <c r="B73" s="22">
        <v>7</v>
      </c>
      <c r="C73" s="14">
        <v>5</v>
      </c>
      <c r="D73" s="18">
        <v>12</v>
      </c>
    </row>
    <row r="74" spans="1:4" ht="18" customHeight="1" x14ac:dyDescent="0.15">
      <c r="A74" s="5">
        <v>57</v>
      </c>
      <c r="B74" s="22">
        <v>4</v>
      </c>
      <c r="C74" s="14">
        <v>7</v>
      </c>
      <c r="D74" s="18">
        <v>11</v>
      </c>
    </row>
    <row r="75" spans="1:4" ht="18" customHeight="1" x14ac:dyDescent="0.15">
      <c r="A75" s="5">
        <v>58</v>
      </c>
      <c r="B75" s="22">
        <v>6</v>
      </c>
      <c r="C75" s="14">
        <v>6</v>
      </c>
      <c r="D75" s="18">
        <v>12</v>
      </c>
    </row>
    <row r="76" spans="1:4" ht="18" customHeight="1" x14ac:dyDescent="0.15">
      <c r="A76" s="5">
        <v>59</v>
      </c>
      <c r="B76" s="22">
        <v>5</v>
      </c>
      <c r="C76" s="14">
        <v>4</v>
      </c>
      <c r="D76" s="18">
        <v>9</v>
      </c>
    </row>
    <row r="77" spans="1:4" ht="18" customHeight="1" x14ac:dyDescent="0.15">
      <c r="A77" s="5" t="s">
        <v>27</v>
      </c>
      <c r="B77" s="22">
        <v>27</v>
      </c>
      <c r="C77" s="14">
        <v>35</v>
      </c>
      <c r="D77" s="18">
        <v>62</v>
      </c>
    </row>
    <row r="78" spans="1:4" ht="18" customHeight="1" x14ac:dyDescent="0.15">
      <c r="A78" s="5">
        <v>60</v>
      </c>
      <c r="B78" s="22">
        <v>4</v>
      </c>
      <c r="C78" s="14">
        <v>5</v>
      </c>
      <c r="D78" s="18">
        <v>9</v>
      </c>
    </row>
    <row r="79" spans="1:4" ht="18" customHeight="1" x14ac:dyDescent="0.15">
      <c r="A79" s="5">
        <v>61</v>
      </c>
      <c r="B79" s="22">
        <v>2</v>
      </c>
      <c r="C79" s="14">
        <v>5</v>
      </c>
      <c r="D79" s="18">
        <v>7</v>
      </c>
    </row>
    <row r="80" spans="1:4" ht="18" customHeight="1" x14ac:dyDescent="0.15">
      <c r="A80" s="5">
        <v>62</v>
      </c>
      <c r="B80" s="22">
        <v>9</v>
      </c>
      <c r="C80" s="14">
        <v>7</v>
      </c>
      <c r="D80" s="18">
        <v>16</v>
      </c>
    </row>
    <row r="81" spans="1:4" ht="18" customHeight="1" x14ac:dyDescent="0.15">
      <c r="A81" s="5">
        <v>63</v>
      </c>
      <c r="B81" s="22">
        <v>5</v>
      </c>
      <c r="C81" s="14">
        <v>4</v>
      </c>
      <c r="D81" s="18">
        <v>9</v>
      </c>
    </row>
    <row r="82" spans="1:4" ht="18" customHeight="1" x14ac:dyDescent="0.15">
      <c r="A82" s="5">
        <v>64</v>
      </c>
      <c r="B82" s="22">
        <v>2</v>
      </c>
      <c r="C82" s="14">
        <v>4</v>
      </c>
      <c r="D82" s="18">
        <v>6</v>
      </c>
    </row>
    <row r="83" spans="1:4" ht="18" customHeight="1" x14ac:dyDescent="0.15">
      <c r="A83" s="5" t="s">
        <v>28</v>
      </c>
      <c r="B83" s="22">
        <v>22</v>
      </c>
      <c r="C83" s="14">
        <v>25</v>
      </c>
      <c r="D83" s="18">
        <v>47</v>
      </c>
    </row>
    <row r="84" spans="1:4" ht="18" customHeight="1" x14ac:dyDescent="0.15">
      <c r="A84" s="5" t="s">
        <v>31</v>
      </c>
      <c r="B84" s="22">
        <v>227</v>
      </c>
      <c r="C84" s="14">
        <v>190</v>
      </c>
      <c r="D84" s="18">
        <v>417</v>
      </c>
    </row>
    <row r="85" spans="1:4" ht="18" customHeight="1" x14ac:dyDescent="0.15">
      <c r="A85" s="5">
        <v>65</v>
      </c>
      <c r="B85" s="22">
        <v>8</v>
      </c>
      <c r="C85" s="14">
        <v>6</v>
      </c>
      <c r="D85" s="18">
        <v>14</v>
      </c>
    </row>
    <row r="86" spans="1:4" ht="18" customHeight="1" x14ac:dyDescent="0.15">
      <c r="A86" s="5">
        <v>66</v>
      </c>
      <c r="B86" s="22">
        <v>3</v>
      </c>
      <c r="C86" s="14">
        <v>7</v>
      </c>
      <c r="D86" s="18">
        <v>10</v>
      </c>
    </row>
    <row r="87" spans="1:4" ht="18" customHeight="1" x14ac:dyDescent="0.15">
      <c r="A87" s="5">
        <v>67</v>
      </c>
      <c r="B87" s="22">
        <v>7</v>
      </c>
      <c r="C87" s="14">
        <v>9</v>
      </c>
      <c r="D87" s="18">
        <v>16</v>
      </c>
    </row>
    <row r="88" spans="1:4" ht="18" customHeight="1" x14ac:dyDescent="0.15">
      <c r="A88" s="5">
        <v>68</v>
      </c>
      <c r="B88" s="22">
        <v>5</v>
      </c>
      <c r="C88" s="14">
        <v>4</v>
      </c>
      <c r="D88" s="18">
        <v>9</v>
      </c>
    </row>
    <row r="89" spans="1:4" ht="18" customHeight="1" x14ac:dyDescent="0.15">
      <c r="A89" s="5">
        <v>69</v>
      </c>
      <c r="B89" s="22">
        <v>5</v>
      </c>
      <c r="C89" s="14">
        <v>2</v>
      </c>
      <c r="D89" s="18">
        <v>7</v>
      </c>
    </row>
    <row r="90" spans="1:4" ht="18" customHeight="1" x14ac:dyDescent="0.15">
      <c r="A90" s="5" t="s">
        <v>20</v>
      </c>
      <c r="B90" s="22">
        <v>28</v>
      </c>
      <c r="C90" s="14">
        <v>28</v>
      </c>
      <c r="D90" s="18">
        <v>56</v>
      </c>
    </row>
    <row r="91" spans="1:4" ht="18" customHeight="1" x14ac:dyDescent="0.15">
      <c r="A91" s="5">
        <v>70</v>
      </c>
      <c r="B91" s="22">
        <v>4</v>
      </c>
      <c r="C91" s="14">
        <v>9</v>
      </c>
      <c r="D91" s="18">
        <v>13</v>
      </c>
    </row>
    <row r="92" spans="1:4" ht="18" customHeight="1" x14ac:dyDescent="0.15">
      <c r="A92" s="5">
        <v>71</v>
      </c>
      <c r="B92" s="22">
        <v>9</v>
      </c>
      <c r="C92" s="14">
        <v>8</v>
      </c>
      <c r="D92" s="18">
        <v>17</v>
      </c>
    </row>
    <row r="93" spans="1:4" ht="18" customHeight="1" x14ac:dyDescent="0.15">
      <c r="A93" s="5">
        <v>72</v>
      </c>
      <c r="B93" s="22">
        <v>11</v>
      </c>
      <c r="C93" s="14">
        <v>8</v>
      </c>
      <c r="D93" s="18">
        <v>19</v>
      </c>
    </row>
    <row r="94" spans="1:4" ht="18" customHeight="1" x14ac:dyDescent="0.15">
      <c r="A94" s="5">
        <v>73</v>
      </c>
      <c r="B94" s="22">
        <v>8</v>
      </c>
      <c r="C94" s="14">
        <v>5</v>
      </c>
      <c r="D94" s="18">
        <v>13</v>
      </c>
    </row>
    <row r="95" spans="1:4" ht="18" customHeight="1" x14ac:dyDescent="0.15">
      <c r="A95" s="5">
        <v>74</v>
      </c>
      <c r="B95" s="22">
        <v>10</v>
      </c>
      <c r="C95" s="14">
        <v>8</v>
      </c>
      <c r="D95" s="18">
        <v>18</v>
      </c>
    </row>
    <row r="96" spans="1:4" ht="18" customHeight="1" x14ac:dyDescent="0.15">
      <c r="A96" s="5" t="s">
        <v>33</v>
      </c>
      <c r="B96" s="22">
        <v>42</v>
      </c>
      <c r="C96" s="14">
        <v>38</v>
      </c>
      <c r="D96" s="18">
        <v>80</v>
      </c>
    </row>
    <row r="97" spans="1:4" ht="18" customHeight="1" x14ac:dyDescent="0.15">
      <c r="A97" s="5">
        <v>75</v>
      </c>
      <c r="B97" s="22">
        <v>5</v>
      </c>
      <c r="C97" s="14">
        <v>10</v>
      </c>
      <c r="D97" s="18">
        <v>15</v>
      </c>
    </row>
    <row r="98" spans="1:4" ht="18" customHeight="1" x14ac:dyDescent="0.15">
      <c r="A98" s="5">
        <v>76</v>
      </c>
      <c r="B98" s="22">
        <v>7</v>
      </c>
      <c r="C98" s="14">
        <v>12</v>
      </c>
      <c r="D98" s="18">
        <v>19</v>
      </c>
    </row>
    <row r="99" spans="1:4" ht="18" customHeight="1" x14ac:dyDescent="0.15">
      <c r="A99" s="5">
        <v>77</v>
      </c>
      <c r="B99" s="22">
        <v>8</v>
      </c>
      <c r="C99" s="14">
        <v>15</v>
      </c>
      <c r="D99" s="18">
        <v>23</v>
      </c>
    </row>
    <row r="100" spans="1:4" ht="18" customHeight="1" x14ac:dyDescent="0.15">
      <c r="A100" s="5">
        <v>78</v>
      </c>
      <c r="B100" s="22">
        <v>7</v>
      </c>
      <c r="C100" s="14">
        <v>13</v>
      </c>
      <c r="D100" s="18">
        <v>20</v>
      </c>
    </row>
    <row r="101" spans="1:4" ht="18" customHeight="1" x14ac:dyDescent="0.15">
      <c r="A101" s="5">
        <v>79</v>
      </c>
      <c r="B101" s="22">
        <v>8</v>
      </c>
      <c r="C101" s="14">
        <v>14</v>
      </c>
      <c r="D101" s="18">
        <v>22</v>
      </c>
    </row>
    <row r="102" spans="1:4" ht="18" customHeight="1" x14ac:dyDescent="0.15">
      <c r="A102" s="5" t="s">
        <v>0</v>
      </c>
      <c r="B102" s="22">
        <v>35</v>
      </c>
      <c r="C102" s="14">
        <v>64</v>
      </c>
      <c r="D102" s="18">
        <v>99</v>
      </c>
    </row>
    <row r="103" spans="1:4" ht="18" customHeight="1" x14ac:dyDescent="0.15">
      <c r="A103" s="5">
        <v>80</v>
      </c>
      <c r="B103" s="22">
        <v>10</v>
      </c>
      <c r="C103" s="14">
        <v>6</v>
      </c>
      <c r="D103" s="18">
        <v>16</v>
      </c>
    </row>
    <row r="104" spans="1:4" ht="18" customHeight="1" x14ac:dyDescent="0.15">
      <c r="A104" s="5">
        <v>81</v>
      </c>
      <c r="B104" s="22">
        <v>8</v>
      </c>
      <c r="C104" s="14">
        <v>2</v>
      </c>
      <c r="D104" s="18">
        <v>10</v>
      </c>
    </row>
    <row r="105" spans="1:4" ht="18" customHeight="1" x14ac:dyDescent="0.15">
      <c r="A105" s="5">
        <v>82</v>
      </c>
      <c r="B105" s="22">
        <v>4</v>
      </c>
      <c r="C105" s="14">
        <v>13</v>
      </c>
      <c r="D105" s="18">
        <v>17</v>
      </c>
    </row>
    <row r="106" spans="1:4" ht="18" customHeight="1" x14ac:dyDescent="0.15">
      <c r="A106" s="5">
        <v>83</v>
      </c>
      <c r="B106" s="22">
        <v>6</v>
      </c>
      <c r="C106" s="14">
        <v>6</v>
      </c>
      <c r="D106" s="18">
        <v>12</v>
      </c>
    </row>
    <row r="107" spans="1:4" ht="18" customHeight="1" x14ac:dyDescent="0.15">
      <c r="A107" s="5">
        <v>84</v>
      </c>
      <c r="B107" s="22">
        <v>3</v>
      </c>
      <c r="C107" s="14">
        <v>7</v>
      </c>
      <c r="D107" s="18">
        <v>10</v>
      </c>
    </row>
    <row r="108" spans="1:4" ht="18" customHeight="1" x14ac:dyDescent="0.15">
      <c r="A108" s="5" t="s">
        <v>35</v>
      </c>
      <c r="B108" s="22">
        <v>31</v>
      </c>
      <c r="C108" s="14">
        <v>34</v>
      </c>
      <c r="D108" s="18">
        <v>65</v>
      </c>
    </row>
    <row r="109" spans="1:4" ht="18" customHeight="1" x14ac:dyDescent="0.15">
      <c r="A109" s="5">
        <v>85</v>
      </c>
      <c r="B109" s="22">
        <v>2</v>
      </c>
      <c r="C109" s="14">
        <v>2</v>
      </c>
      <c r="D109" s="18">
        <v>4</v>
      </c>
    </row>
    <row r="110" spans="1:4" ht="18" customHeight="1" x14ac:dyDescent="0.15">
      <c r="A110" s="5">
        <v>86</v>
      </c>
      <c r="B110" s="22">
        <v>2</v>
      </c>
      <c r="C110" s="14">
        <v>5</v>
      </c>
      <c r="D110" s="18">
        <v>7</v>
      </c>
    </row>
    <row r="111" spans="1:4" ht="18" customHeight="1" x14ac:dyDescent="0.15">
      <c r="A111" s="5">
        <v>87</v>
      </c>
      <c r="B111" s="22">
        <v>2</v>
      </c>
      <c r="C111" s="14">
        <v>8</v>
      </c>
      <c r="D111" s="18">
        <v>10</v>
      </c>
    </row>
    <row r="112" spans="1:4" ht="18" customHeight="1" x14ac:dyDescent="0.15">
      <c r="A112" s="5">
        <v>88</v>
      </c>
      <c r="B112" s="22">
        <v>2</v>
      </c>
      <c r="C112" s="14">
        <v>5</v>
      </c>
      <c r="D112" s="18">
        <v>7</v>
      </c>
    </row>
    <row r="113" spans="1:4" ht="18" customHeight="1" x14ac:dyDescent="0.15">
      <c r="A113" s="5">
        <v>89</v>
      </c>
      <c r="B113" s="22">
        <v>2</v>
      </c>
      <c r="C113" s="14">
        <v>2</v>
      </c>
      <c r="D113" s="18">
        <v>4</v>
      </c>
    </row>
    <row r="114" spans="1:4" ht="18" customHeight="1" x14ac:dyDescent="0.15">
      <c r="A114" s="5" t="s">
        <v>37</v>
      </c>
      <c r="B114" s="22">
        <v>10</v>
      </c>
      <c r="C114" s="14">
        <v>22</v>
      </c>
      <c r="D114" s="18">
        <v>32</v>
      </c>
    </row>
    <row r="115" spans="1:4" ht="18" customHeight="1" x14ac:dyDescent="0.15">
      <c r="A115" s="5">
        <v>90</v>
      </c>
      <c r="B115" s="22">
        <v>3</v>
      </c>
      <c r="C115" s="14">
        <v>8</v>
      </c>
      <c r="D115" s="18">
        <v>11</v>
      </c>
    </row>
    <row r="116" spans="1:4" ht="18" customHeight="1" x14ac:dyDescent="0.15">
      <c r="A116" s="5">
        <v>91</v>
      </c>
      <c r="B116" s="22">
        <v>3</v>
      </c>
      <c r="C116" s="14">
        <v>3</v>
      </c>
      <c r="D116" s="18">
        <v>6</v>
      </c>
    </row>
    <row r="117" spans="1:4" ht="18" customHeight="1" x14ac:dyDescent="0.15">
      <c r="A117" s="5">
        <v>92</v>
      </c>
      <c r="B117" s="22">
        <v>2</v>
      </c>
      <c r="C117" s="14">
        <v>1</v>
      </c>
      <c r="D117" s="18">
        <v>3</v>
      </c>
    </row>
    <row r="118" spans="1:4" ht="18" customHeight="1" x14ac:dyDescent="0.15">
      <c r="A118" s="5">
        <v>93</v>
      </c>
      <c r="B118" s="22">
        <v>2</v>
      </c>
      <c r="C118" s="14">
        <v>2</v>
      </c>
      <c r="D118" s="18">
        <v>4</v>
      </c>
    </row>
    <row r="119" spans="1:4" ht="18" customHeight="1" x14ac:dyDescent="0.15">
      <c r="A119" s="5">
        <v>94</v>
      </c>
      <c r="B119" s="22">
        <v>0</v>
      </c>
      <c r="C119" s="14">
        <v>4</v>
      </c>
      <c r="D119" s="18">
        <v>4</v>
      </c>
    </row>
    <row r="120" spans="1:4" ht="18" customHeight="1" x14ac:dyDescent="0.15">
      <c r="A120" s="5" t="s">
        <v>39</v>
      </c>
      <c r="B120" s="22">
        <v>10</v>
      </c>
      <c r="C120" s="14">
        <v>18</v>
      </c>
      <c r="D120" s="18">
        <v>28</v>
      </c>
    </row>
    <row r="121" spans="1:4" ht="18" customHeight="1" x14ac:dyDescent="0.15">
      <c r="A121" s="5">
        <v>95</v>
      </c>
      <c r="B121" s="22">
        <v>1</v>
      </c>
      <c r="C121" s="14">
        <v>3</v>
      </c>
      <c r="D121" s="18">
        <v>4</v>
      </c>
    </row>
    <row r="122" spans="1:4" ht="18" customHeight="1" x14ac:dyDescent="0.15">
      <c r="A122" s="5">
        <v>96</v>
      </c>
      <c r="B122" s="22">
        <v>0</v>
      </c>
      <c r="C122" s="14">
        <v>3</v>
      </c>
      <c r="D122" s="18">
        <v>3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2</v>
      </c>
      <c r="C126" s="14">
        <v>8</v>
      </c>
      <c r="D126" s="18">
        <v>10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158</v>
      </c>
      <c r="C130" s="14">
        <v>213</v>
      </c>
      <c r="D130" s="18">
        <v>371</v>
      </c>
    </row>
    <row r="131" spans="1:4" ht="18" customHeight="1" x14ac:dyDescent="0.15">
      <c r="A131" s="7" t="s">
        <v>45</v>
      </c>
      <c r="B131" s="23">
        <v>407</v>
      </c>
      <c r="C131" s="15">
        <v>428</v>
      </c>
      <c r="D131" s="19">
        <v>83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700-000000000000}">
  <sheetPr codeName="Sheet9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0</v>
      </c>
      <c r="D5" s="31">
        <v>1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1</v>
      </c>
      <c r="C8" s="14">
        <v>0</v>
      </c>
      <c r="D8" s="18">
        <v>1</v>
      </c>
    </row>
    <row r="9" spans="1:4" ht="18" customHeight="1" x14ac:dyDescent="0.15">
      <c r="A9" s="5">
        <v>4</v>
      </c>
      <c r="B9" s="28">
        <v>0</v>
      </c>
      <c r="C9" s="30">
        <v>1</v>
      </c>
      <c r="D9" s="32">
        <v>1</v>
      </c>
    </row>
    <row r="10" spans="1:4" ht="18" customHeight="1" x14ac:dyDescent="0.15">
      <c r="A10" s="5" t="s">
        <v>7</v>
      </c>
      <c r="B10" s="22">
        <v>2</v>
      </c>
      <c r="C10" s="14">
        <v>1</v>
      </c>
      <c r="D10" s="18">
        <v>3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0</v>
      </c>
      <c r="C13" s="14">
        <v>0</v>
      </c>
      <c r="D13" s="18">
        <v>0</v>
      </c>
    </row>
    <row r="14" spans="1:4" ht="18" customHeight="1" x14ac:dyDescent="0.15">
      <c r="A14" s="5">
        <v>8</v>
      </c>
      <c r="B14" s="27">
        <v>0</v>
      </c>
      <c r="C14" s="14">
        <v>1</v>
      </c>
      <c r="D14" s="18">
        <v>1</v>
      </c>
    </row>
    <row r="15" spans="1:4" ht="18" customHeight="1" x14ac:dyDescent="0.15">
      <c r="A15" s="5">
        <v>9</v>
      </c>
      <c r="B15" s="27">
        <v>1</v>
      </c>
      <c r="C15" s="14">
        <v>0</v>
      </c>
      <c r="D15" s="18">
        <v>1</v>
      </c>
    </row>
    <row r="16" spans="1:4" ht="18" customHeight="1" x14ac:dyDescent="0.15">
      <c r="A16" s="5" t="s">
        <v>11</v>
      </c>
      <c r="B16" s="22">
        <v>1</v>
      </c>
      <c r="C16" s="14">
        <v>1</v>
      </c>
      <c r="D16" s="18">
        <v>2</v>
      </c>
    </row>
    <row r="17" spans="1:4" ht="18" customHeight="1" x14ac:dyDescent="0.15">
      <c r="A17" s="5">
        <v>10</v>
      </c>
      <c r="B17" s="22">
        <v>0</v>
      </c>
      <c r="C17" s="14">
        <v>1</v>
      </c>
      <c r="D17" s="18">
        <v>1</v>
      </c>
    </row>
    <row r="18" spans="1:4" ht="18" customHeight="1" x14ac:dyDescent="0.15">
      <c r="A18" s="5">
        <v>11</v>
      </c>
      <c r="B18" s="22">
        <v>1</v>
      </c>
      <c r="C18" s="14">
        <v>1</v>
      </c>
      <c r="D18" s="18">
        <v>2</v>
      </c>
    </row>
    <row r="19" spans="1:4" ht="18" customHeight="1" x14ac:dyDescent="0.15">
      <c r="A19" s="5">
        <v>12</v>
      </c>
      <c r="B19" s="22">
        <v>0</v>
      </c>
      <c r="C19" s="14">
        <v>0</v>
      </c>
      <c r="D19" s="18">
        <v>0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0</v>
      </c>
      <c r="C21" s="14">
        <v>0</v>
      </c>
      <c r="D21" s="18">
        <v>0</v>
      </c>
    </row>
    <row r="22" spans="1:4" ht="18" customHeight="1" x14ac:dyDescent="0.15">
      <c r="A22" s="5" t="s">
        <v>12</v>
      </c>
      <c r="B22" s="22">
        <v>1</v>
      </c>
      <c r="C22" s="14">
        <v>2</v>
      </c>
      <c r="D22" s="18">
        <v>3</v>
      </c>
    </row>
    <row r="23" spans="1:4" ht="18" customHeight="1" x14ac:dyDescent="0.15">
      <c r="A23" s="5" t="s">
        <v>6</v>
      </c>
      <c r="B23" s="22">
        <v>4</v>
      </c>
      <c r="C23" s="14">
        <v>4</v>
      </c>
      <c r="D23" s="18">
        <v>8</v>
      </c>
    </row>
    <row r="24" spans="1:4" ht="18" customHeight="1" x14ac:dyDescent="0.15">
      <c r="A24" s="5">
        <v>15</v>
      </c>
      <c r="B24" s="22">
        <v>1</v>
      </c>
      <c r="C24" s="14">
        <v>0</v>
      </c>
      <c r="D24" s="18">
        <v>1</v>
      </c>
    </row>
    <row r="25" spans="1:4" ht="18" customHeight="1" x14ac:dyDescent="0.15">
      <c r="A25" s="5">
        <v>16</v>
      </c>
      <c r="B25" s="22">
        <v>0</v>
      </c>
      <c r="C25" s="14">
        <v>0</v>
      </c>
      <c r="D25" s="18">
        <v>0</v>
      </c>
    </row>
    <row r="26" spans="1:4" ht="18" customHeight="1" x14ac:dyDescent="0.15">
      <c r="A26" s="5">
        <v>17</v>
      </c>
      <c r="B26" s="22">
        <v>0</v>
      </c>
      <c r="C26" s="14">
        <v>0</v>
      </c>
      <c r="D26" s="18">
        <v>0</v>
      </c>
    </row>
    <row r="27" spans="1:4" ht="18" customHeight="1" x14ac:dyDescent="0.15">
      <c r="A27" s="5">
        <v>18</v>
      </c>
      <c r="B27" s="22">
        <v>1</v>
      </c>
      <c r="C27" s="14">
        <v>1</v>
      </c>
      <c r="D27" s="18">
        <v>2</v>
      </c>
    </row>
    <row r="28" spans="1:4" ht="18" customHeight="1" x14ac:dyDescent="0.15">
      <c r="A28" s="5">
        <v>19</v>
      </c>
      <c r="B28" s="22">
        <v>0</v>
      </c>
      <c r="C28" s="14">
        <v>0</v>
      </c>
      <c r="D28" s="18">
        <v>0</v>
      </c>
    </row>
    <row r="29" spans="1:4" ht="18" customHeight="1" x14ac:dyDescent="0.15">
      <c r="A29" s="5" t="s">
        <v>14</v>
      </c>
      <c r="B29" s="22">
        <v>2</v>
      </c>
      <c r="C29" s="14">
        <v>1</v>
      </c>
      <c r="D29" s="18">
        <v>3</v>
      </c>
    </row>
    <row r="30" spans="1:4" ht="18" customHeight="1" x14ac:dyDescent="0.15">
      <c r="A30" s="5">
        <v>20</v>
      </c>
      <c r="B30" s="22">
        <v>0</v>
      </c>
      <c r="C30" s="14">
        <v>1</v>
      </c>
      <c r="D30" s="18">
        <v>1</v>
      </c>
    </row>
    <row r="31" spans="1:4" ht="18" customHeight="1" x14ac:dyDescent="0.15">
      <c r="A31" s="5">
        <v>21</v>
      </c>
      <c r="B31" s="22">
        <v>1</v>
      </c>
      <c r="C31" s="14">
        <v>0</v>
      </c>
      <c r="D31" s="18">
        <v>1</v>
      </c>
    </row>
    <row r="32" spans="1:4" ht="18" customHeight="1" x14ac:dyDescent="0.15">
      <c r="A32" s="5">
        <v>22</v>
      </c>
      <c r="B32" s="22">
        <v>0</v>
      </c>
      <c r="C32" s="14">
        <v>1</v>
      </c>
      <c r="D32" s="18">
        <v>1</v>
      </c>
    </row>
    <row r="33" spans="1:4" ht="18" customHeight="1" x14ac:dyDescent="0.15">
      <c r="A33" s="5">
        <v>23</v>
      </c>
      <c r="B33" s="22">
        <v>0</v>
      </c>
      <c r="C33" s="14">
        <v>0</v>
      </c>
      <c r="D33" s="18">
        <v>0</v>
      </c>
    </row>
    <row r="34" spans="1:4" ht="18" customHeight="1" x14ac:dyDescent="0.15">
      <c r="A34" s="5">
        <v>24</v>
      </c>
      <c r="B34" s="22">
        <v>0</v>
      </c>
      <c r="C34" s="14">
        <v>0</v>
      </c>
      <c r="D34" s="18">
        <v>0</v>
      </c>
    </row>
    <row r="35" spans="1:4" ht="18" customHeight="1" x14ac:dyDescent="0.15">
      <c r="A35" s="5" t="s">
        <v>9</v>
      </c>
      <c r="B35" s="22">
        <v>1</v>
      </c>
      <c r="C35" s="14">
        <v>2</v>
      </c>
      <c r="D35" s="18">
        <v>3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0</v>
      </c>
      <c r="C37" s="14">
        <v>0</v>
      </c>
      <c r="D37" s="18">
        <v>0</v>
      </c>
    </row>
    <row r="38" spans="1:4" ht="18" customHeight="1" x14ac:dyDescent="0.15">
      <c r="A38" s="5">
        <v>27</v>
      </c>
      <c r="B38" s="22">
        <v>0</v>
      </c>
      <c r="C38" s="14">
        <v>0</v>
      </c>
      <c r="D38" s="18">
        <v>0</v>
      </c>
    </row>
    <row r="39" spans="1:4" ht="18" customHeight="1" x14ac:dyDescent="0.15">
      <c r="A39" s="5">
        <v>28</v>
      </c>
      <c r="B39" s="22">
        <v>2</v>
      </c>
      <c r="C39" s="14">
        <v>0</v>
      </c>
      <c r="D39" s="18">
        <v>2</v>
      </c>
    </row>
    <row r="40" spans="1:4" ht="18" customHeight="1" x14ac:dyDescent="0.15">
      <c r="A40" s="5">
        <v>29</v>
      </c>
      <c r="B40" s="22">
        <v>1</v>
      </c>
      <c r="C40" s="14">
        <v>0</v>
      </c>
      <c r="D40" s="18">
        <v>1</v>
      </c>
    </row>
    <row r="41" spans="1:4" ht="18" customHeight="1" x14ac:dyDescent="0.15">
      <c r="A41" s="5" t="s">
        <v>2</v>
      </c>
      <c r="B41" s="22">
        <v>3</v>
      </c>
      <c r="C41" s="14">
        <v>0</v>
      </c>
      <c r="D41" s="18">
        <v>3</v>
      </c>
    </row>
    <row r="42" spans="1:4" ht="18" customHeight="1" x14ac:dyDescent="0.15">
      <c r="A42" s="5">
        <v>30</v>
      </c>
      <c r="B42" s="22">
        <v>0</v>
      </c>
      <c r="C42" s="14">
        <v>0</v>
      </c>
      <c r="D42" s="18">
        <v>0</v>
      </c>
    </row>
    <row r="43" spans="1:4" ht="18" customHeight="1" x14ac:dyDescent="0.15">
      <c r="A43" s="5">
        <v>31</v>
      </c>
      <c r="B43" s="22">
        <v>2</v>
      </c>
      <c r="C43" s="14">
        <v>2</v>
      </c>
      <c r="D43" s="18">
        <v>4</v>
      </c>
    </row>
    <row r="44" spans="1:4" ht="18" customHeight="1" x14ac:dyDescent="0.15">
      <c r="A44" s="5">
        <v>32</v>
      </c>
      <c r="B44" s="22">
        <v>0</v>
      </c>
      <c r="C44" s="14">
        <v>1</v>
      </c>
      <c r="D44" s="18">
        <v>1</v>
      </c>
    </row>
    <row r="45" spans="1:4" ht="18" customHeight="1" x14ac:dyDescent="0.15">
      <c r="A45" s="5">
        <v>33</v>
      </c>
      <c r="B45" s="22">
        <v>0</v>
      </c>
      <c r="C45" s="14">
        <v>2</v>
      </c>
      <c r="D45" s="18">
        <v>2</v>
      </c>
    </row>
    <row r="46" spans="1:4" ht="18" customHeight="1" x14ac:dyDescent="0.15">
      <c r="A46" s="5">
        <v>34</v>
      </c>
      <c r="B46" s="22">
        <v>2</v>
      </c>
      <c r="C46" s="14">
        <v>0</v>
      </c>
      <c r="D46" s="18">
        <v>2</v>
      </c>
    </row>
    <row r="47" spans="1:4" ht="18" customHeight="1" x14ac:dyDescent="0.15">
      <c r="A47" s="5" t="s">
        <v>15</v>
      </c>
      <c r="B47" s="22">
        <v>4</v>
      </c>
      <c r="C47" s="14">
        <v>5</v>
      </c>
      <c r="D47" s="18">
        <v>9</v>
      </c>
    </row>
    <row r="48" spans="1:4" ht="18" customHeight="1" x14ac:dyDescent="0.15">
      <c r="A48" s="5">
        <v>35</v>
      </c>
      <c r="B48" s="22">
        <v>1</v>
      </c>
      <c r="C48" s="14">
        <v>0</v>
      </c>
      <c r="D48" s="18">
        <v>1</v>
      </c>
    </row>
    <row r="49" spans="1:4" ht="18" customHeight="1" x14ac:dyDescent="0.15">
      <c r="A49" s="5">
        <v>36</v>
      </c>
      <c r="B49" s="22">
        <v>0</v>
      </c>
      <c r="C49" s="14">
        <v>1</v>
      </c>
      <c r="D49" s="18">
        <v>1</v>
      </c>
    </row>
    <row r="50" spans="1:4" ht="18" customHeight="1" x14ac:dyDescent="0.15">
      <c r="A50" s="5">
        <v>37</v>
      </c>
      <c r="B50" s="22">
        <v>1</v>
      </c>
      <c r="C50" s="14">
        <v>0</v>
      </c>
      <c r="D50" s="18">
        <v>1</v>
      </c>
    </row>
    <row r="51" spans="1:4" ht="18" customHeight="1" x14ac:dyDescent="0.15">
      <c r="A51" s="5">
        <v>38</v>
      </c>
      <c r="B51" s="22">
        <v>1</v>
      </c>
      <c r="C51" s="14">
        <v>0</v>
      </c>
      <c r="D51" s="18">
        <v>1</v>
      </c>
    </row>
    <row r="52" spans="1:4" ht="18" customHeight="1" x14ac:dyDescent="0.15">
      <c r="A52" s="5">
        <v>39</v>
      </c>
      <c r="B52" s="22">
        <v>1</v>
      </c>
      <c r="C52" s="14">
        <v>1</v>
      </c>
      <c r="D52" s="18">
        <v>2</v>
      </c>
    </row>
    <row r="53" spans="1:4" ht="18" customHeight="1" x14ac:dyDescent="0.15">
      <c r="A53" s="5" t="s">
        <v>18</v>
      </c>
      <c r="B53" s="22">
        <v>4</v>
      </c>
      <c r="C53" s="14">
        <v>2</v>
      </c>
      <c r="D53" s="18">
        <v>6</v>
      </c>
    </row>
    <row r="54" spans="1:4" ht="18" customHeight="1" x14ac:dyDescent="0.15">
      <c r="A54" s="5">
        <v>40</v>
      </c>
      <c r="B54" s="22">
        <v>3</v>
      </c>
      <c r="C54" s="14">
        <v>1</v>
      </c>
      <c r="D54" s="18">
        <v>4</v>
      </c>
    </row>
    <row r="55" spans="1:4" ht="18" customHeight="1" x14ac:dyDescent="0.15">
      <c r="A55" s="5">
        <v>41</v>
      </c>
      <c r="B55" s="22">
        <v>0</v>
      </c>
      <c r="C55" s="14">
        <v>0</v>
      </c>
      <c r="D55" s="18">
        <v>0</v>
      </c>
    </row>
    <row r="56" spans="1:4" ht="18" customHeight="1" x14ac:dyDescent="0.15">
      <c r="A56" s="5">
        <v>42</v>
      </c>
      <c r="B56" s="22">
        <v>1</v>
      </c>
      <c r="C56" s="14">
        <v>0</v>
      </c>
      <c r="D56" s="18">
        <v>1</v>
      </c>
    </row>
    <row r="57" spans="1:4" ht="18" customHeight="1" x14ac:dyDescent="0.15">
      <c r="A57" s="5">
        <v>43</v>
      </c>
      <c r="B57" s="22">
        <v>0</v>
      </c>
      <c r="C57" s="14">
        <v>0</v>
      </c>
      <c r="D57" s="18">
        <v>0</v>
      </c>
    </row>
    <row r="58" spans="1:4" ht="18" customHeight="1" x14ac:dyDescent="0.15">
      <c r="A58" s="5">
        <v>44</v>
      </c>
      <c r="B58" s="22">
        <v>1</v>
      </c>
      <c r="C58" s="14">
        <v>0</v>
      </c>
      <c r="D58" s="18">
        <v>1</v>
      </c>
    </row>
    <row r="59" spans="1:4" ht="18" customHeight="1" x14ac:dyDescent="0.15">
      <c r="A59" s="5" t="s">
        <v>21</v>
      </c>
      <c r="B59" s="22">
        <v>5</v>
      </c>
      <c r="C59" s="14">
        <v>1</v>
      </c>
      <c r="D59" s="18">
        <v>6</v>
      </c>
    </row>
    <row r="60" spans="1:4" ht="18" customHeight="1" x14ac:dyDescent="0.15">
      <c r="A60" s="5">
        <v>45</v>
      </c>
      <c r="B60" s="22">
        <v>0</v>
      </c>
      <c r="C60" s="14">
        <v>1</v>
      </c>
      <c r="D60" s="18">
        <v>1</v>
      </c>
    </row>
    <row r="61" spans="1:4" ht="18" customHeight="1" x14ac:dyDescent="0.15">
      <c r="A61" s="5">
        <v>46</v>
      </c>
      <c r="B61" s="22">
        <v>0</v>
      </c>
      <c r="C61" s="14">
        <v>2</v>
      </c>
      <c r="D61" s="18">
        <v>2</v>
      </c>
    </row>
    <row r="62" spans="1:4" ht="18" customHeight="1" x14ac:dyDescent="0.15">
      <c r="A62" s="5">
        <v>47</v>
      </c>
      <c r="B62" s="22">
        <v>1</v>
      </c>
      <c r="C62" s="14">
        <v>1</v>
      </c>
      <c r="D62" s="18">
        <v>2</v>
      </c>
    </row>
    <row r="63" spans="1:4" ht="18" customHeight="1" x14ac:dyDescent="0.15">
      <c r="A63" s="5">
        <v>48</v>
      </c>
      <c r="B63" s="22">
        <v>0</v>
      </c>
      <c r="C63" s="14">
        <v>0</v>
      </c>
      <c r="D63" s="18">
        <v>0</v>
      </c>
    </row>
    <row r="64" spans="1:4" ht="18" customHeight="1" x14ac:dyDescent="0.15">
      <c r="A64" s="5">
        <v>49</v>
      </c>
      <c r="B64" s="22">
        <v>1</v>
      </c>
      <c r="C64" s="14">
        <v>0</v>
      </c>
      <c r="D64" s="18">
        <v>1</v>
      </c>
    </row>
    <row r="65" spans="1:4" ht="18" customHeight="1" x14ac:dyDescent="0.15">
      <c r="A65" s="5" t="s">
        <v>17</v>
      </c>
      <c r="B65" s="22">
        <v>2</v>
      </c>
      <c r="C65" s="14">
        <v>4</v>
      </c>
      <c r="D65" s="18">
        <v>6</v>
      </c>
    </row>
    <row r="66" spans="1:4" ht="18" customHeight="1" x14ac:dyDescent="0.15">
      <c r="A66" s="5">
        <v>50</v>
      </c>
      <c r="B66" s="22">
        <v>1</v>
      </c>
      <c r="C66" s="14">
        <v>0</v>
      </c>
      <c r="D66" s="18">
        <v>1</v>
      </c>
    </row>
    <row r="67" spans="1:4" ht="18" customHeight="1" x14ac:dyDescent="0.15">
      <c r="A67" s="5">
        <v>51</v>
      </c>
      <c r="B67" s="22">
        <v>0</v>
      </c>
      <c r="C67" s="14">
        <v>1</v>
      </c>
      <c r="D67" s="18">
        <v>1</v>
      </c>
    </row>
    <row r="68" spans="1:4" ht="18" customHeight="1" x14ac:dyDescent="0.15">
      <c r="A68" s="5">
        <v>52</v>
      </c>
      <c r="B68" s="22">
        <v>0</v>
      </c>
      <c r="C68" s="14">
        <v>2</v>
      </c>
      <c r="D68" s="18">
        <v>2</v>
      </c>
    </row>
    <row r="69" spans="1:4" ht="18" customHeight="1" x14ac:dyDescent="0.15">
      <c r="A69" s="5">
        <v>53</v>
      </c>
      <c r="B69" s="22">
        <v>3</v>
      </c>
      <c r="C69" s="14">
        <v>1</v>
      </c>
      <c r="D69" s="18">
        <v>4</v>
      </c>
    </row>
    <row r="70" spans="1:4" ht="18" customHeight="1" x14ac:dyDescent="0.15">
      <c r="A70" s="5">
        <v>54</v>
      </c>
      <c r="B70" s="22">
        <v>1</v>
      </c>
      <c r="C70" s="14">
        <v>5</v>
      </c>
      <c r="D70" s="18">
        <v>6</v>
      </c>
    </row>
    <row r="71" spans="1:4" ht="18" customHeight="1" x14ac:dyDescent="0.15">
      <c r="A71" s="5" t="s">
        <v>22</v>
      </c>
      <c r="B71" s="22">
        <v>5</v>
      </c>
      <c r="C71" s="14">
        <v>9</v>
      </c>
      <c r="D71" s="18">
        <v>14</v>
      </c>
    </row>
    <row r="72" spans="1:4" ht="18" customHeight="1" x14ac:dyDescent="0.15">
      <c r="A72" s="5">
        <v>55</v>
      </c>
      <c r="B72" s="22">
        <v>1</v>
      </c>
      <c r="C72" s="14">
        <v>0</v>
      </c>
      <c r="D72" s="18">
        <v>1</v>
      </c>
    </row>
    <row r="73" spans="1:4" ht="18" customHeight="1" x14ac:dyDescent="0.15">
      <c r="A73" s="5">
        <v>56</v>
      </c>
      <c r="B73" s="22">
        <v>3</v>
      </c>
      <c r="C73" s="14">
        <v>3</v>
      </c>
      <c r="D73" s="18">
        <v>6</v>
      </c>
    </row>
    <row r="74" spans="1:4" ht="18" customHeight="1" x14ac:dyDescent="0.15">
      <c r="A74" s="5">
        <v>57</v>
      </c>
      <c r="B74" s="22">
        <v>1</v>
      </c>
      <c r="C74" s="14">
        <v>0</v>
      </c>
      <c r="D74" s="18">
        <v>1</v>
      </c>
    </row>
    <row r="75" spans="1:4" ht="18" customHeight="1" x14ac:dyDescent="0.15">
      <c r="A75" s="5">
        <v>58</v>
      </c>
      <c r="B75" s="22">
        <v>1</v>
      </c>
      <c r="C75" s="14">
        <v>2</v>
      </c>
      <c r="D75" s="18">
        <v>3</v>
      </c>
    </row>
    <row r="76" spans="1:4" ht="18" customHeight="1" x14ac:dyDescent="0.15">
      <c r="A76" s="5">
        <v>59</v>
      </c>
      <c r="B76" s="22">
        <v>1</v>
      </c>
      <c r="C76" s="14">
        <v>4</v>
      </c>
      <c r="D76" s="18">
        <v>5</v>
      </c>
    </row>
    <row r="77" spans="1:4" ht="18" customHeight="1" x14ac:dyDescent="0.15">
      <c r="A77" s="5" t="s">
        <v>27</v>
      </c>
      <c r="B77" s="22">
        <v>7</v>
      </c>
      <c r="C77" s="14">
        <v>9</v>
      </c>
      <c r="D77" s="18">
        <v>16</v>
      </c>
    </row>
    <row r="78" spans="1:4" ht="18" customHeight="1" x14ac:dyDescent="0.15">
      <c r="A78" s="5">
        <v>60</v>
      </c>
      <c r="B78" s="22">
        <v>0</v>
      </c>
      <c r="C78" s="14">
        <v>2</v>
      </c>
      <c r="D78" s="18">
        <v>2</v>
      </c>
    </row>
    <row r="79" spans="1:4" ht="18" customHeight="1" x14ac:dyDescent="0.15">
      <c r="A79" s="5">
        <v>61</v>
      </c>
      <c r="B79" s="22">
        <v>0</v>
      </c>
      <c r="C79" s="14">
        <v>1</v>
      </c>
      <c r="D79" s="18">
        <v>1</v>
      </c>
    </row>
    <row r="80" spans="1:4" ht="18" customHeight="1" x14ac:dyDescent="0.15">
      <c r="A80" s="5">
        <v>62</v>
      </c>
      <c r="B80" s="22">
        <v>3</v>
      </c>
      <c r="C80" s="14">
        <v>2</v>
      </c>
      <c r="D80" s="18">
        <v>5</v>
      </c>
    </row>
    <row r="81" spans="1:4" ht="18" customHeight="1" x14ac:dyDescent="0.15">
      <c r="A81" s="5">
        <v>63</v>
      </c>
      <c r="B81" s="22">
        <v>0</v>
      </c>
      <c r="C81" s="14">
        <v>1</v>
      </c>
      <c r="D81" s="18">
        <v>1</v>
      </c>
    </row>
    <row r="82" spans="1:4" ht="18" customHeight="1" x14ac:dyDescent="0.15">
      <c r="A82" s="5">
        <v>64</v>
      </c>
      <c r="B82" s="22">
        <v>3</v>
      </c>
      <c r="C82" s="14">
        <v>1</v>
      </c>
      <c r="D82" s="18">
        <v>4</v>
      </c>
    </row>
    <row r="83" spans="1:4" ht="18" customHeight="1" x14ac:dyDescent="0.15">
      <c r="A83" s="5" t="s">
        <v>28</v>
      </c>
      <c r="B83" s="22">
        <v>6</v>
      </c>
      <c r="C83" s="14">
        <v>7</v>
      </c>
      <c r="D83" s="18">
        <v>13</v>
      </c>
    </row>
    <row r="84" spans="1:4" ht="18" customHeight="1" x14ac:dyDescent="0.15">
      <c r="A84" s="5" t="s">
        <v>31</v>
      </c>
      <c r="B84" s="22">
        <v>39</v>
      </c>
      <c r="C84" s="14">
        <v>40</v>
      </c>
      <c r="D84" s="18">
        <v>79</v>
      </c>
    </row>
    <row r="85" spans="1:4" ht="18" customHeight="1" x14ac:dyDescent="0.15">
      <c r="A85" s="5">
        <v>65</v>
      </c>
      <c r="B85" s="22">
        <v>1</v>
      </c>
      <c r="C85" s="14">
        <v>2</v>
      </c>
      <c r="D85" s="18">
        <v>3</v>
      </c>
    </row>
    <row r="86" spans="1:4" ht="18" customHeight="1" x14ac:dyDescent="0.15">
      <c r="A86" s="5">
        <v>66</v>
      </c>
      <c r="B86" s="22">
        <v>2</v>
      </c>
      <c r="C86" s="14">
        <v>1</v>
      </c>
      <c r="D86" s="18">
        <v>3</v>
      </c>
    </row>
    <row r="87" spans="1:4" ht="18" customHeight="1" x14ac:dyDescent="0.15">
      <c r="A87" s="5">
        <v>67</v>
      </c>
      <c r="B87" s="22">
        <v>1</v>
      </c>
      <c r="C87" s="14">
        <v>3</v>
      </c>
      <c r="D87" s="18">
        <v>4</v>
      </c>
    </row>
    <row r="88" spans="1:4" ht="18" customHeight="1" x14ac:dyDescent="0.15">
      <c r="A88" s="5">
        <v>68</v>
      </c>
      <c r="B88" s="22">
        <v>4</v>
      </c>
      <c r="C88" s="14">
        <v>3</v>
      </c>
      <c r="D88" s="18">
        <v>7</v>
      </c>
    </row>
    <row r="89" spans="1:4" ht="18" customHeight="1" x14ac:dyDescent="0.15">
      <c r="A89" s="5">
        <v>69</v>
      </c>
      <c r="B89" s="22">
        <v>1</v>
      </c>
      <c r="C89" s="14">
        <v>3</v>
      </c>
      <c r="D89" s="18">
        <v>4</v>
      </c>
    </row>
    <row r="90" spans="1:4" ht="18" customHeight="1" x14ac:dyDescent="0.15">
      <c r="A90" s="5" t="s">
        <v>20</v>
      </c>
      <c r="B90" s="22">
        <v>9</v>
      </c>
      <c r="C90" s="14">
        <v>12</v>
      </c>
      <c r="D90" s="18">
        <v>21</v>
      </c>
    </row>
    <row r="91" spans="1:4" ht="18" customHeight="1" x14ac:dyDescent="0.15">
      <c r="A91" s="5">
        <v>70</v>
      </c>
      <c r="B91" s="22">
        <v>2</v>
      </c>
      <c r="C91" s="14">
        <v>3</v>
      </c>
      <c r="D91" s="18">
        <v>5</v>
      </c>
    </row>
    <row r="92" spans="1:4" ht="18" customHeight="1" x14ac:dyDescent="0.15">
      <c r="A92" s="5">
        <v>71</v>
      </c>
      <c r="B92" s="22">
        <v>2</v>
      </c>
      <c r="C92" s="14">
        <v>2</v>
      </c>
      <c r="D92" s="18">
        <v>4</v>
      </c>
    </row>
    <row r="93" spans="1:4" ht="18" customHeight="1" x14ac:dyDescent="0.15">
      <c r="A93" s="5">
        <v>72</v>
      </c>
      <c r="B93" s="22">
        <v>5</v>
      </c>
      <c r="C93" s="14">
        <v>4</v>
      </c>
      <c r="D93" s="18">
        <v>9</v>
      </c>
    </row>
    <row r="94" spans="1:4" ht="18" customHeight="1" x14ac:dyDescent="0.15">
      <c r="A94" s="5">
        <v>73</v>
      </c>
      <c r="B94" s="22">
        <v>1</v>
      </c>
      <c r="C94" s="14">
        <v>0</v>
      </c>
      <c r="D94" s="18">
        <v>1</v>
      </c>
    </row>
    <row r="95" spans="1:4" ht="18" customHeight="1" x14ac:dyDescent="0.15">
      <c r="A95" s="5">
        <v>74</v>
      </c>
      <c r="B95" s="22">
        <v>3</v>
      </c>
      <c r="C95" s="14">
        <v>3</v>
      </c>
      <c r="D95" s="18">
        <v>6</v>
      </c>
    </row>
    <row r="96" spans="1:4" ht="18" customHeight="1" x14ac:dyDescent="0.15">
      <c r="A96" s="5" t="s">
        <v>33</v>
      </c>
      <c r="B96" s="22">
        <v>13</v>
      </c>
      <c r="C96" s="14">
        <v>12</v>
      </c>
      <c r="D96" s="18">
        <v>25</v>
      </c>
    </row>
    <row r="97" spans="1:4" ht="18" customHeight="1" x14ac:dyDescent="0.15">
      <c r="A97" s="5">
        <v>75</v>
      </c>
      <c r="B97" s="22">
        <v>3</v>
      </c>
      <c r="C97" s="14">
        <v>1</v>
      </c>
      <c r="D97" s="18">
        <v>4</v>
      </c>
    </row>
    <row r="98" spans="1:4" ht="18" customHeight="1" x14ac:dyDescent="0.15">
      <c r="A98" s="5">
        <v>76</v>
      </c>
      <c r="B98" s="22">
        <v>4</v>
      </c>
      <c r="C98" s="14">
        <v>3</v>
      </c>
      <c r="D98" s="18">
        <v>7</v>
      </c>
    </row>
    <row r="99" spans="1:4" ht="18" customHeight="1" x14ac:dyDescent="0.15">
      <c r="A99" s="5">
        <v>77</v>
      </c>
      <c r="B99" s="22">
        <v>4</v>
      </c>
      <c r="C99" s="14">
        <v>3</v>
      </c>
      <c r="D99" s="18">
        <v>7</v>
      </c>
    </row>
    <row r="100" spans="1:4" ht="18" customHeight="1" x14ac:dyDescent="0.15">
      <c r="A100" s="5">
        <v>78</v>
      </c>
      <c r="B100" s="22">
        <v>4</v>
      </c>
      <c r="C100" s="14">
        <v>2</v>
      </c>
      <c r="D100" s="18">
        <v>6</v>
      </c>
    </row>
    <row r="101" spans="1:4" ht="18" customHeight="1" x14ac:dyDescent="0.15">
      <c r="A101" s="5">
        <v>79</v>
      </c>
      <c r="B101" s="22">
        <v>1</v>
      </c>
      <c r="C101" s="14">
        <v>2</v>
      </c>
      <c r="D101" s="18">
        <v>3</v>
      </c>
    </row>
    <row r="102" spans="1:4" ht="18" customHeight="1" x14ac:dyDescent="0.15">
      <c r="A102" s="5" t="s">
        <v>0</v>
      </c>
      <c r="B102" s="22">
        <v>16</v>
      </c>
      <c r="C102" s="14">
        <v>11</v>
      </c>
      <c r="D102" s="18">
        <v>27</v>
      </c>
    </row>
    <row r="103" spans="1:4" ht="18" customHeight="1" x14ac:dyDescent="0.15">
      <c r="A103" s="5">
        <v>80</v>
      </c>
      <c r="B103" s="22">
        <v>0</v>
      </c>
      <c r="C103" s="14">
        <v>1</v>
      </c>
      <c r="D103" s="18">
        <v>1</v>
      </c>
    </row>
    <row r="104" spans="1:4" ht="18" customHeight="1" x14ac:dyDescent="0.15">
      <c r="A104" s="5">
        <v>81</v>
      </c>
      <c r="B104" s="22">
        <v>4</v>
      </c>
      <c r="C104" s="14">
        <v>3</v>
      </c>
      <c r="D104" s="18">
        <v>7</v>
      </c>
    </row>
    <row r="105" spans="1:4" ht="18" customHeight="1" x14ac:dyDescent="0.15">
      <c r="A105" s="5">
        <v>82</v>
      </c>
      <c r="B105" s="22">
        <v>2</v>
      </c>
      <c r="C105" s="14">
        <v>3</v>
      </c>
      <c r="D105" s="18">
        <v>5</v>
      </c>
    </row>
    <row r="106" spans="1:4" ht="18" customHeight="1" x14ac:dyDescent="0.15">
      <c r="A106" s="5">
        <v>83</v>
      </c>
      <c r="B106" s="22">
        <v>3</v>
      </c>
      <c r="C106" s="14">
        <v>1</v>
      </c>
      <c r="D106" s="18">
        <v>4</v>
      </c>
    </row>
    <row r="107" spans="1:4" ht="18" customHeight="1" x14ac:dyDescent="0.15">
      <c r="A107" s="5">
        <v>84</v>
      </c>
      <c r="B107" s="22">
        <v>2</v>
      </c>
      <c r="C107" s="14">
        <v>3</v>
      </c>
      <c r="D107" s="18">
        <v>5</v>
      </c>
    </row>
    <row r="108" spans="1:4" ht="18" customHeight="1" x14ac:dyDescent="0.15">
      <c r="A108" s="5" t="s">
        <v>35</v>
      </c>
      <c r="B108" s="22">
        <v>11</v>
      </c>
      <c r="C108" s="14">
        <v>11</v>
      </c>
      <c r="D108" s="18">
        <v>22</v>
      </c>
    </row>
    <row r="109" spans="1:4" ht="18" customHeight="1" x14ac:dyDescent="0.15">
      <c r="A109" s="5">
        <v>85</v>
      </c>
      <c r="B109" s="22">
        <v>1</v>
      </c>
      <c r="C109" s="14">
        <v>2</v>
      </c>
      <c r="D109" s="18">
        <v>3</v>
      </c>
    </row>
    <row r="110" spans="1:4" ht="18" customHeight="1" x14ac:dyDescent="0.15">
      <c r="A110" s="5">
        <v>86</v>
      </c>
      <c r="B110" s="22">
        <v>0</v>
      </c>
      <c r="C110" s="14">
        <v>4</v>
      </c>
      <c r="D110" s="18">
        <v>4</v>
      </c>
    </row>
    <row r="111" spans="1:4" ht="18" customHeight="1" x14ac:dyDescent="0.15">
      <c r="A111" s="5">
        <v>87</v>
      </c>
      <c r="B111" s="22">
        <v>1</v>
      </c>
      <c r="C111" s="14">
        <v>1</v>
      </c>
      <c r="D111" s="18">
        <v>2</v>
      </c>
    </row>
    <row r="112" spans="1:4" ht="18" customHeight="1" x14ac:dyDescent="0.15">
      <c r="A112" s="5">
        <v>88</v>
      </c>
      <c r="B112" s="22">
        <v>4</v>
      </c>
      <c r="C112" s="14">
        <v>3</v>
      </c>
      <c r="D112" s="18">
        <v>7</v>
      </c>
    </row>
    <row r="113" spans="1:4" ht="18" customHeight="1" x14ac:dyDescent="0.15">
      <c r="A113" s="5">
        <v>89</v>
      </c>
      <c r="B113" s="22">
        <v>0</v>
      </c>
      <c r="C113" s="14">
        <v>0</v>
      </c>
      <c r="D113" s="18">
        <v>0</v>
      </c>
    </row>
    <row r="114" spans="1:4" ht="18" customHeight="1" x14ac:dyDescent="0.15">
      <c r="A114" s="5" t="s">
        <v>37</v>
      </c>
      <c r="B114" s="22">
        <v>6</v>
      </c>
      <c r="C114" s="14">
        <v>10</v>
      </c>
      <c r="D114" s="18">
        <v>16</v>
      </c>
    </row>
    <row r="115" spans="1:4" ht="18" customHeight="1" x14ac:dyDescent="0.15">
      <c r="A115" s="5">
        <v>90</v>
      </c>
      <c r="B115" s="22">
        <v>0</v>
      </c>
      <c r="C115" s="14">
        <v>0</v>
      </c>
      <c r="D115" s="18">
        <v>0</v>
      </c>
    </row>
    <row r="116" spans="1:4" ht="18" customHeight="1" x14ac:dyDescent="0.15">
      <c r="A116" s="5">
        <v>91</v>
      </c>
      <c r="B116" s="22">
        <v>0</v>
      </c>
      <c r="C116" s="14">
        <v>2</v>
      </c>
      <c r="D116" s="18">
        <v>2</v>
      </c>
    </row>
    <row r="117" spans="1:4" ht="18" customHeight="1" x14ac:dyDescent="0.15">
      <c r="A117" s="5">
        <v>92</v>
      </c>
      <c r="B117" s="22">
        <v>0</v>
      </c>
      <c r="C117" s="14">
        <v>0</v>
      </c>
      <c r="D117" s="18">
        <v>0</v>
      </c>
    </row>
    <row r="118" spans="1:4" ht="18" customHeight="1" x14ac:dyDescent="0.15">
      <c r="A118" s="5">
        <v>93</v>
      </c>
      <c r="B118" s="22">
        <v>0</v>
      </c>
      <c r="C118" s="14">
        <v>3</v>
      </c>
      <c r="D118" s="18">
        <v>3</v>
      </c>
    </row>
    <row r="119" spans="1:4" ht="18" customHeight="1" x14ac:dyDescent="0.15">
      <c r="A119" s="5">
        <v>94</v>
      </c>
      <c r="B119" s="22">
        <v>1</v>
      </c>
      <c r="C119" s="14">
        <v>6</v>
      </c>
      <c r="D119" s="18">
        <v>7</v>
      </c>
    </row>
    <row r="120" spans="1:4" ht="18" customHeight="1" x14ac:dyDescent="0.15">
      <c r="A120" s="5" t="s">
        <v>39</v>
      </c>
      <c r="B120" s="22">
        <v>1</v>
      </c>
      <c r="C120" s="14">
        <v>11</v>
      </c>
      <c r="D120" s="18">
        <v>12</v>
      </c>
    </row>
    <row r="121" spans="1:4" ht="18" customHeight="1" x14ac:dyDescent="0.15">
      <c r="A121" s="5">
        <v>95</v>
      </c>
      <c r="B121" s="22">
        <v>0</v>
      </c>
      <c r="C121" s="14">
        <v>0</v>
      </c>
      <c r="D121" s="18">
        <v>0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1</v>
      </c>
      <c r="C126" s="14">
        <v>2</v>
      </c>
      <c r="D126" s="18">
        <v>3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57</v>
      </c>
      <c r="C130" s="14">
        <v>69</v>
      </c>
      <c r="D130" s="18">
        <v>126</v>
      </c>
    </row>
    <row r="131" spans="1:4" ht="18" customHeight="1" x14ac:dyDescent="0.15">
      <c r="A131" s="7" t="s">
        <v>45</v>
      </c>
      <c r="B131" s="23">
        <v>100</v>
      </c>
      <c r="C131" s="15">
        <v>113</v>
      </c>
      <c r="D131" s="19">
        <v>21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Sheet1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1">
        <v>13</v>
      </c>
      <c r="C5" s="13">
        <v>7</v>
      </c>
      <c r="D5" s="17">
        <v>20</v>
      </c>
    </row>
    <row r="6" spans="1:4" ht="18" customHeight="1" x14ac:dyDescent="0.15">
      <c r="A6" s="5">
        <v>1</v>
      </c>
      <c r="B6" s="22">
        <v>8</v>
      </c>
      <c r="C6" s="14">
        <v>6</v>
      </c>
      <c r="D6" s="18">
        <v>14</v>
      </c>
    </row>
    <row r="7" spans="1:4" ht="18" customHeight="1" x14ac:dyDescent="0.15">
      <c r="A7" s="5">
        <v>2</v>
      </c>
      <c r="B7" s="22">
        <v>5</v>
      </c>
      <c r="C7" s="14">
        <v>5</v>
      </c>
      <c r="D7" s="18">
        <v>10</v>
      </c>
    </row>
    <row r="8" spans="1:4" ht="18" customHeight="1" x14ac:dyDescent="0.15">
      <c r="A8" s="5">
        <v>3</v>
      </c>
      <c r="B8" s="22">
        <v>9</v>
      </c>
      <c r="C8" s="14">
        <v>10</v>
      </c>
      <c r="D8" s="18">
        <v>19</v>
      </c>
    </row>
    <row r="9" spans="1:4" ht="18" customHeight="1" x14ac:dyDescent="0.15">
      <c r="A9" s="5">
        <v>4</v>
      </c>
      <c r="B9" s="22">
        <v>6</v>
      </c>
      <c r="C9" s="14">
        <v>8</v>
      </c>
      <c r="D9" s="18">
        <v>14</v>
      </c>
    </row>
    <row r="10" spans="1:4" ht="18" customHeight="1" x14ac:dyDescent="0.15">
      <c r="A10" s="5" t="s">
        <v>7</v>
      </c>
      <c r="B10" s="22">
        <v>41</v>
      </c>
      <c r="C10" s="14">
        <v>36</v>
      </c>
      <c r="D10" s="18">
        <v>77</v>
      </c>
    </row>
    <row r="11" spans="1:4" ht="18" customHeight="1" x14ac:dyDescent="0.15">
      <c r="A11" s="5">
        <v>5</v>
      </c>
      <c r="B11" s="22">
        <v>9</v>
      </c>
      <c r="C11" s="14">
        <v>6</v>
      </c>
      <c r="D11" s="18">
        <v>15</v>
      </c>
    </row>
    <row r="12" spans="1:4" ht="18" customHeight="1" x14ac:dyDescent="0.15">
      <c r="A12" s="5">
        <v>6</v>
      </c>
      <c r="B12" s="22">
        <v>8</v>
      </c>
      <c r="C12" s="14">
        <v>7</v>
      </c>
      <c r="D12" s="18">
        <v>15</v>
      </c>
    </row>
    <row r="13" spans="1:4" ht="18" customHeight="1" x14ac:dyDescent="0.15">
      <c r="A13" s="5">
        <v>7</v>
      </c>
      <c r="B13" s="22">
        <v>12</v>
      </c>
      <c r="C13" s="14">
        <v>8</v>
      </c>
      <c r="D13" s="18">
        <v>20</v>
      </c>
    </row>
    <row r="14" spans="1:4" ht="18" customHeight="1" x14ac:dyDescent="0.15">
      <c r="A14" s="5">
        <v>8</v>
      </c>
      <c r="B14" s="22">
        <v>3</v>
      </c>
      <c r="C14" s="14">
        <v>6</v>
      </c>
      <c r="D14" s="18">
        <v>9</v>
      </c>
    </row>
    <row r="15" spans="1:4" ht="18" customHeight="1" x14ac:dyDescent="0.15">
      <c r="A15" s="5">
        <v>9</v>
      </c>
      <c r="B15" s="22">
        <v>14</v>
      </c>
      <c r="C15" s="14">
        <v>11</v>
      </c>
      <c r="D15" s="18">
        <v>25</v>
      </c>
    </row>
    <row r="16" spans="1:4" ht="18" customHeight="1" x14ac:dyDescent="0.15">
      <c r="A16" s="5" t="s">
        <v>11</v>
      </c>
      <c r="B16" s="22">
        <v>46</v>
      </c>
      <c r="C16" s="14">
        <v>38</v>
      </c>
      <c r="D16" s="18">
        <v>84</v>
      </c>
    </row>
    <row r="17" spans="1:4" ht="18" customHeight="1" x14ac:dyDescent="0.15">
      <c r="A17" s="5">
        <v>10</v>
      </c>
      <c r="B17" s="22">
        <v>8</v>
      </c>
      <c r="C17" s="14">
        <v>9</v>
      </c>
      <c r="D17" s="18">
        <v>17</v>
      </c>
    </row>
    <row r="18" spans="1:4" ht="18" customHeight="1" x14ac:dyDescent="0.15">
      <c r="A18" s="5">
        <v>11</v>
      </c>
      <c r="B18" s="22">
        <v>7</v>
      </c>
      <c r="C18" s="14">
        <v>8</v>
      </c>
      <c r="D18" s="18">
        <v>15</v>
      </c>
    </row>
    <row r="19" spans="1:4" ht="18" customHeight="1" x14ac:dyDescent="0.15">
      <c r="A19" s="5">
        <v>12</v>
      </c>
      <c r="B19" s="22">
        <v>5</v>
      </c>
      <c r="C19" s="14">
        <v>17</v>
      </c>
      <c r="D19" s="18">
        <v>22</v>
      </c>
    </row>
    <row r="20" spans="1:4" ht="18" customHeight="1" x14ac:dyDescent="0.15">
      <c r="A20" s="5">
        <v>13</v>
      </c>
      <c r="B20" s="22">
        <v>6</v>
      </c>
      <c r="C20" s="14">
        <v>4</v>
      </c>
      <c r="D20" s="18">
        <v>10</v>
      </c>
    </row>
    <row r="21" spans="1:4" ht="18" customHeight="1" x14ac:dyDescent="0.15">
      <c r="A21" s="5">
        <v>14</v>
      </c>
      <c r="B21" s="22">
        <v>10</v>
      </c>
      <c r="C21" s="14">
        <v>5</v>
      </c>
      <c r="D21" s="18">
        <v>15</v>
      </c>
    </row>
    <row r="22" spans="1:4" ht="18" customHeight="1" x14ac:dyDescent="0.15">
      <c r="A22" s="5" t="s">
        <v>12</v>
      </c>
      <c r="B22" s="22">
        <v>36</v>
      </c>
      <c r="C22" s="14">
        <v>43</v>
      </c>
      <c r="D22" s="18">
        <v>79</v>
      </c>
    </row>
    <row r="23" spans="1:4" ht="18" customHeight="1" x14ac:dyDescent="0.15">
      <c r="A23" s="5" t="s">
        <v>6</v>
      </c>
      <c r="B23" s="22">
        <v>123</v>
      </c>
      <c r="C23" s="14">
        <v>117</v>
      </c>
      <c r="D23" s="18">
        <v>240</v>
      </c>
    </row>
    <row r="24" spans="1:4" ht="18" customHeight="1" x14ac:dyDescent="0.15">
      <c r="A24" s="5">
        <v>15</v>
      </c>
      <c r="B24" s="22">
        <v>9</v>
      </c>
      <c r="C24" s="14">
        <v>6</v>
      </c>
      <c r="D24" s="18">
        <v>15</v>
      </c>
    </row>
    <row r="25" spans="1:4" ht="18" customHeight="1" x14ac:dyDescent="0.15">
      <c r="A25" s="5">
        <v>16</v>
      </c>
      <c r="B25" s="22">
        <v>11</v>
      </c>
      <c r="C25" s="14">
        <v>11</v>
      </c>
      <c r="D25" s="18">
        <v>22</v>
      </c>
    </row>
    <row r="26" spans="1:4" ht="18" customHeight="1" x14ac:dyDescent="0.15">
      <c r="A26" s="5">
        <v>17</v>
      </c>
      <c r="B26" s="22">
        <v>11</v>
      </c>
      <c r="C26" s="14">
        <v>10</v>
      </c>
      <c r="D26" s="18">
        <v>21</v>
      </c>
    </row>
    <row r="27" spans="1:4" ht="18" customHeight="1" x14ac:dyDescent="0.15">
      <c r="A27" s="5">
        <v>18</v>
      </c>
      <c r="B27" s="22">
        <v>11</v>
      </c>
      <c r="C27" s="14">
        <v>6</v>
      </c>
      <c r="D27" s="18">
        <v>17</v>
      </c>
    </row>
    <row r="28" spans="1:4" ht="18" customHeight="1" x14ac:dyDescent="0.15">
      <c r="A28" s="5">
        <v>19</v>
      </c>
      <c r="B28" s="22">
        <v>7</v>
      </c>
      <c r="C28" s="14">
        <v>10</v>
      </c>
      <c r="D28" s="18">
        <v>17</v>
      </c>
    </row>
    <row r="29" spans="1:4" ht="18" customHeight="1" x14ac:dyDescent="0.15">
      <c r="A29" s="5" t="s">
        <v>14</v>
      </c>
      <c r="B29" s="22">
        <v>49</v>
      </c>
      <c r="C29" s="14">
        <v>43</v>
      </c>
      <c r="D29" s="18">
        <v>92</v>
      </c>
    </row>
    <row r="30" spans="1:4" ht="18" customHeight="1" x14ac:dyDescent="0.15">
      <c r="A30" s="5">
        <v>20</v>
      </c>
      <c r="B30" s="22">
        <v>5</v>
      </c>
      <c r="C30" s="14">
        <v>9</v>
      </c>
      <c r="D30" s="18">
        <v>14</v>
      </c>
    </row>
    <row r="31" spans="1:4" ht="18" customHeight="1" x14ac:dyDescent="0.15">
      <c r="A31" s="5">
        <v>21</v>
      </c>
      <c r="B31" s="22">
        <v>8</v>
      </c>
      <c r="C31" s="14">
        <v>10</v>
      </c>
      <c r="D31" s="18">
        <v>18</v>
      </c>
    </row>
    <row r="32" spans="1:4" ht="18" customHeight="1" x14ac:dyDescent="0.15">
      <c r="A32" s="5">
        <v>22</v>
      </c>
      <c r="B32" s="22">
        <v>6</v>
      </c>
      <c r="C32" s="14">
        <v>6</v>
      </c>
      <c r="D32" s="18">
        <v>12</v>
      </c>
    </row>
    <row r="33" spans="1:4" ht="18" customHeight="1" x14ac:dyDescent="0.15">
      <c r="A33" s="5">
        <v>23</v>
      </c>
      <c r="B33" s="22">
        <v>11</v>
      </c>
      <c r="C33" s="14">
        <v>7</v>
      </c>
      <c r="D33" s="18">
        <v>18</v>
      </c>
    </row>
    <row r="34" spans="1:4" ht="18" customHeight="1" x14ac:dyDescent="0.15">
      <c r="A34" s="5">
        <v>24</v>
      </c>
      <c r="B34" s="22">
        <v>12</v>
      </c>
      <c r="C34" s="14">
        <v>6</v>
      </c>
      <c r="D34" s="18">
        <v>18</v>
      </c>
    </row>
    <row r="35" spans="1:4" ht="18" customHeight="1" x14ac:dyDescent="0.15">
      <c r="A35" s="5" t="s">
        <v>9</v>
      </c>
      <c r="B35" s="22">
        <v>42</v>
      </c>
      <c r="C35" s="14">
        <v>38</v>
      </c>
      <c r="D35" s="18">
        <v>80</v>
      </c>
    </row>
    <row r="36" spans="1:4" ht="18" customHeight="1" x14ac:dyDescent="0.15">
      <c r="A36" s="5">
        <v>25</v>
      </c>
      <c r="B36" s="22">
        <v>12</v>
      </c>
      <c r="C36" s="14">
        <v>7</v>
      </c>
      <c r="D36" s="18">
        <v>19</v>
      </c>
    </row>
    <row r="37" spans="1:4" ht="18" customHeight="1" x14ac:dyDescent="0.15">
      <c r="A37" s="5">
        <v>26</v>
      </c>
      <c r="B37" s="22">
        <v>10</v>
      </c>
      <c r="C37" s="14">
        <v>10</v>
      </c>
      <c r="D37" s="18">
        <v>20</v>
      </c>
    </row>
    <row r="38" spans="1:4" ht="18" customHeight="1" x14ac:dyDescent="0.15">
      <c r="A38" s="5">
        <v>27</v>
      </c>
      <c r="B38" s="22">
        <v>4</v>
      </c>
      <c r="C38" s="14">
        <v>4</v>
      </c>
      <c r="D38" s="18">
        <v>8</v>
      </c>
    </row>
    <row r="39" spans="1:4" ht="18" customHeight="1" x14ac:dyDescent="0.15">
      <c r="A39" s="5">
        <v>28</v>
      </c>
      <c r="B39" s="22">
        <v>10</v>
      </c>
      <c r="C39" s="14">
        <v>10</v>
      </c>
      <c r="D39" s="18">
        <v>20</v>
      </c>
    </row>
    <row r="40" spans="1:4" ht="18" customHeight="1" x14ac:dyDescent="0.15">
      <c r="A40" s="5">
        <v>29</v>
      </c>
      <c r="B40" s="22">
        <v>4</v>
      </c>
      <c r="C40" s="14">
        <v>9</v>
      </c>
      <c r="D40" s="18">
        <v>13</v>
      </c>
    </row>
    <row r="41" spans="1:4" ht="18" customHeight="1" x14ac:dyDescent="0.15">
      <c r="A41" s="5" t="s">
        <v>2</v>
      </c>
      <c r="B41" s="22">
        <v>40</v>
      </c>
      <c r="C41" s="14">
        <v>40</v>
      </c>
      <c r="D41" s="18">
        <v>80</v>
      </c>
    </row>
    <row r="42" spans="1:4" ht="18" customHeight="1" x14ac:dyDescent="0.15">
      <c r="A42" s="5">
        <v>30</v>
      </c>
      <c r="B42" s="22">
        <v>10</v>
      </c>
      <c r="C42" s="14">
        <v>7</v>
      </c>
      <c r="D42" s="18">
        <v>17</v>
      </c>
    </row>
    <row r="43" spans="1:4" ht="18" customHeight="1" x14ac:dyDescent="0.15">
      <c r="A43" s="5">
        <v>31</v>
      </c>
      <c r="B43" s="22">
        <v>13</v>
      </c>
      <c r="C43" s="14">
        <v>5</v>
      </c>
      <c r="D43" s="18">
        <v>18</v>
      </c>
    </row>
    <row r="44" spans="1:4" ht="18" customHeight="1" x14ac:dyDescent="0.15">
      <c r="A44" s="5">
        <v>32</v>
      </c>
      <c r="B44" s="22">
        <v>8</v>
      </c>
      <c r="C44" s="14">
        <v>8</v>
      </c>
      <c r="D44" s="18">
        <v>16</v>
      </c>
    </row>
    <row r="45" spans="1:4" ht="18" customHeight="1" x14ac:dyDescent="0.15">
      <c r="A45" s="5">
        <v>33</v>
      </c>
      <c r="B45" s="22">
        <v>15</v>
      </c>
      <c r="C45" s="14">
        <v>14</v>
      </c>
      <c r="D45" s="18">
        <v>29</v>
      </c>
    </row>
    <row r="46" spans="1:4" ht="18" customHeight="1" x14ac:dyDescent="0.15">
      <c r="A46" s="5">
        <v>34</v>
      </c>
      <c r="B46" s="22">
        <v>6</v>
      </c>
      <c r="C46" s="14">
        <v>13</v>
      </c>
      <c r="D46" s="18">
        <v>19</v>
      </c>
    </row>
    <row r="47" spans="1:4" ht="18" customHeight="1" x14ac:dyDescent="0.15">
      <c r="A47" s="5" t="s">
        <v>15</v>
      </c>
      <c r="B47" s="22">
        <v>52</v>
      </c>
      <c r="C47" s="14">
        <v>47</v>
      </c>
      <c r="D47" s="18">
        <v>99</v>
      </c>
    </row>
    <row r="48" spans="1:4" ht="18" customHeight="1" x14ac:dyDescent="0.15">
      <c r="A48" s="5">
        <v>35</v>
      </c>
      <c r="B48" s="22">
        <v>11</v>
      </c>
      <c r="C48" s="14">
        <v>10</v>
      </c>
      <c r="D48" s="18">
        <v>21</v>
      </c>
    </row>
    <row r="49" spans="1:4" ht="18" customHeight="1" x14ac:dyDescent="0.15">
      <c r="A49" s="5">
        <v>36</v>
      </c>
      <c r="B49" s="22">
        <v>15</v>
      </c>
      <c r="C49" s="14">
        <v>10</v>
      </c>
      <c r="D49" s="18">
        <v>25</v>
      </c>
    </row>
    <row r="50" spans="1:4" ht="18" customHeight="1" x14ac:dyDescent="0.15">
      <c r="A50" s="5">
        <v>37</v>
      </c>
      <c r="B50" s="22">
        <v>11</v>
      </c>
      <c r="C50" s="14">
        <v>9</v>
      </c>
      <c r="D50" s="18">
        <v>20</v>
      </c>
    </row>
    <row r="51" spans="1:4" ht="18" customHeight="1" x14ac:dyDescent="0.15">
      <c r="A51" s="5">
        <v>38</v>
      </c>
      <c r="B51" s="22">
        <v>11</v>
      </c>
      <c r="C51" s="14">
        <v>13</v>
      </c>
      <c r="D51" s="18">
        <v>24</v>
      </c>
    </row>
    <row r="52" spans="1:4" ht="18" customHeight="1" x14ac:dyDescent="0.15">
      <c r="A52" s="5">
        <v>39</v>
      </c>
      <c r="B52" s="22">
        <v>25</v>
      </c>
      <c r="C52" s="14">
        <v>17</v>
      </c>
      <c r="D52" s="18">
        <v>42</v>
      </c>
    </row>
    <row r="53" spans="1:4" ht="18" customHeight="1" x14ac:dyDescent="0.15">
      <c r="A53" s="5" t="s">
        <v>18</v>
      </c>
      <c r="B53" s="22">
        <v>73</v>
      </c>
      <c r="C53" s="14">
        <v>59</v>
      </c>
      <c r="D53" s="18">
        <v>132</v>
      </c>
    </row>
    <row r="54" spans="1:4" ht="18" customHeight="1" x14ac:dyDescent="0.15">
      <c r="A54" s="5">
        <v>40</v>
      </c>
      <c r="B54" s="22">
        <v>9</v>
      </c>
      <c r="C54" s="14">
        <v>19</v>
      </c>
      <c r="D54" s="18">
        <v>28</v>
      </c>
    </row>
    <row r="55" spans="1:4" ht="18" customHeight="1" x14ac:dyDescent="0.15">
      <c r="A55" s="5">
        <v>41</v>
      </c>
      <c r="B55" s="22">
        <v>14</v>
      </c>
      <c r="C55" s="14">
        <v>13</v>
      </c>
      <c r="D55" s="18">
        <v>27</v>
      </c>
    </row>
    <row r="56" spans="1:4" ht="18" customHeight="1" x14ac:dyDescent="0.15">
      <c r="A56" s="5">
        <v>42</v>
      </c>
      <c r="B56" s="22">
        <v>11</v>
      </c>
      <c r="C56" s="14">
        <v>16</v>
      </c>
      <c r="D56" s="18">
        <v>27</v>
      </c>
    </row>
    <row r="57" spans="1:4" ht="18" customHeight="1" x14ac:dyDescent="0.15">
      <c r="A57" s="5">
        <v>43</v>
      </c>
      <c r="B57" s="22">
        <v>15</v>
      </c>
      <c r="C57" s="14">
        <v>17</v>
      </c>
      <c r="D57" s="18">
        <v>32</v>
      </c>
    </row>
    <row r="58" spans="1:4" ht="18" customHeight="1" x14ac:dyDescent="0.15">
      <c r="A58" s="5">
        <v>44</v>
      </c>
      <c r="B58" s="22">
        <v>17</v>
      </c>
      <c r="C58" s="14">
        <v>17</v>
      </c>
      <c r="D58" s="18">
        <v>34</v>
      </c>
    </row>
    <row r="59" spans="1:4" ht="18" customHeight="1" x14ac:dyDescent="0.15">
      <c r="A59" s="5" t="s">
        <v>21</v>
      </c>
      <c r="B59" s="22">
        <v>66</v>
      </c>
      <c r="C59" s="14">
        <v>82</v>
      </c>
      <c r="D59" s="18">
        <v>148</v>
      </c>
    </row>
    <row r="60" spans="1:4" ht="18" customHeight="1" x14ac:dyDescent="0.15">
      <c r="A60" s="5">
        <v>45</v>
      </c>
      <c r="B60" s="22">
        <v>12</v>
      </c>
      <c r="C60" s="14">
        <v>16</v>
      </c>
      <c r="D60" s="18">
        <v>28</v>
      </c>
    </row>
    <row r="61" spans="1:4" ht="18" customHeight="1" x14ac:dyDescent="0.15">
      <c r="A61" s="5">
        <v>46</v>
      </c>
      <c r="B61" s="22">
        <v>15</v>
      </c>
      <c r="C61" s="14">
        <v>10</v>
      </c>
      <c r="D61" s="18">
        <v>25</v>
      </c>
    </row>
    <row r="62" spans="1:4" ht="18" customHeight="1" x14ac:dyDescent="0.15">
      <c r="A62" s="5">
        <v>47</v>
      </c>
      <c r="B62" s="22">
        <v>14</v>
      </c>
      <c r="C62" s="14">
        <v>14</v>
      </c>
      <c r="D62" s="18">
        <v>28</v>
      </c>
    </row>
    <row r="63" spans="1:4" ht="18" customHeight="1" x14ac:dyDescent="0.15">
      <c r="A63" s="5">
        <v>48</v>
      </c>
      <c r="B63" s="22">
        <v>16</v>
      </c>
      <c r="C63" s="14">
        <v>12</v>
      </c>
      <c r="D63" s="18">
        <v>28</v>
      </c>
    </row>
    <row r="64" spans="1:4" ht="18" customHeight="1" x14ac:dyDescent="0.15">
      <c r="A64" s="5">
        <v>49</v>
      </c>
      <c r="B64" s="22">
        <v>17</v>
      </c>
      <c r="C64" s="14">
        <v>15</v>
      </c>
      <c r="D64" s="18">
        <v>32</v>
      </c>
    </row>
    <row r="65" spans="1:4" ht="18" customHeight="1" x14ac:dyDescent="0.15">
      <c r="A65" s="5" t="s">
        <v>17</v>
      </c>
      <c r="B65" s="22">
        <v>74</v>
      </c>
      <c r="C65" s="14">
        <v>67</v>
      </c>
      <c r="D65" s="18">
        <v>141</v>
      </c>
    </row>
    <row r="66" spans="1:4" ht="18" customHeight="1" x14ac:dyDescent="0.15">
      <c r="A66" s="5">
        <v>50</v>
      </c>
      <c r="B66" s="22">
        <v>18</v>
      </c>
      <c r="C66" s="14">
        <v>16</v>
      </c>
      <c r="D66" s="18">
        <v>34</v>
      </c>
    </row>
    <row r="67" spans="1:4" ht="18" customHeight="1" x14ac:dyDescent="0.15">
      <c r="A67" s="5">
        <v>51</v>
      </c>
      <c r="B67" s="22">
        <v>11</v>
      </c>
      <c r="C67" s="14">
        <v>20</v>
      </c>
      <c r="D67" s="18">
        <v>31</v>
      </c>
    </row>
    <row r="68" spans="1:4" ht="18" customHeight="1" x14ac:dyDescent="0.15">
      <c r="A68" s="5">
        <v>52</v>
      </c>
      <c r="B68" s="22">
        <v>35</v>
      </c>
      <c r="C68" s="14">
        <v>27</v>
      </c>
      <c r="D68" s="18">
        <v>62</v>
      </c>
    </row>
    <row r="69" spans="1:4" ht="18" customHeight="1" x14ac:dyDescent="0.15">
      <c r="A69" s="5">
        <v>53</v>
      </c>
      <c r="B69" s="22">
        <v>18</v>
      </c>
      <c r="C69" s="14">
        <v>19</v>
      </c>
      <c r="D69" s="18">
        <v>37</v>
      </c>
    </row>
    <row r="70" spans="1:4" ht="18" customHeight="1" x14ac:dyDescent="0.15">
      <c r="A70" s="5">
        <v>54</v>
      </c>
      <c r="B70" s="22">
        <v>25</v>
      </c>
      <c r="C70" s="14">
        <v>18</v>
      </c>
      <c r="D70" s="18">
        <v>43</v>
      </c>
    </row>
    <row r="71" spans="1:4" ht="18" customHeight="1" x14ac:dyDescent="0.15">
      <c r="A71" s="5" t="s">
        <v>22</v>
      </c>
      <c r="B71" s="22">
        <v>107</v>
      </c>
      <c r="C71" s="14">
        <v>100</v>
      </c>
      <c r="D71" s="18">
        <v>207</v>
      </c>
    </row>
    <row r="72" spans="1:4" ht="18" customHeight="1" x14ac:dyDescent="0.15">
      <c r="A72" s="5">
        <v>55</v>
      </c>
      <c r="B72" s="22">
        <v>27</v>
      </c>
      <c r="C72" s="14">
        <v>20</v>
      </c>
      <c r="D72" s="18">
        <v>47</v>
      </c>
    </row>
    <row r="73" spans="1:4" ht="18" customHeight="1" x14ac:dyDescent="0.15">
      <c r="A73" s="5">
        <v>56</v>
      </c>
      <c r="B73" s="22">
        <v>23</v>
      </c>
      <c r="C73" s="14">
        <v>23</v>
      </c>
      <c r="D73" s="18">
        <v>46</v>
      </c>
    </row>
    <row r="74" spans="1:4" ht="18" customHeight="1" x14ac:dyDescent="0.15">
      <c r="A74" s="5">
        <v>57</v>
      </c>
      <c r="B74" s="22">
        <v>20</v>
      </c>
      <c r="C74" s="14">
        <v>15</v>
      </c>
      <c r="D74" s="18">
        <v>35</v>
      </c>
    </row>
    <row r="75" spans="1:4" ht="18" customHeight="1" x14ac:dyDescent="0.15">
      <c r="A75" s="5">
        <v>58</v>
      </c>
      <c r="B75" s="22">
        <v>22</v>
      </c>
      <c r="C75" s="14">
        <v>13</v>
      </c>
      <c r="D75" s="18">
        <v>35</v>
      </c>
    </row>
    <row r="76" spans="1:4" ht="18" customHeight="1" x14ac:dyDescent="0.15">
      <c r="A76" s="5">
        <v>59</v>
      </c>
      <c r="B76" s="22">
        <v>17</v>
      </c>
      <c r="C76" s="14">
        <v>19</v>
      </c>
      <c r="D76" s="18">
        <v>36</v>
      </c>
    </row>
    <row r="77" spans="1:4" ht="18" customHeight="1" x14ac:dyDescent="0.15">
      <c r="A77" s="5" t="s">
        <v>27</v>
      </c>
      <c r="B77" s="22">
        <v>109</v>
      </c>
      <c r="C77" s="14">
        <v>90</v>
      </c>
      <c r="D77" s="18">
        <v>199</v>
      </c>
    </row>
    <row r="78" spans="1:4" ht="18" customHeight="1" x14ac:dyDescent="0.15">
      <c r="A78" s="5">
        <v>60</v>
      </c>
      <c r="B78" s="22">
        <v>20</v>
      </c>
      <c r="C78" s="14">
        <v>21</v>
      </c>
      <c r="D78" s="18">
        <v>41</v>
      </c>
    </row>
    <row r="79" spans="1:4" ht="18" customHeight="1" x14ac:dyDescent="0.15">
      <c r="A79" s="5">
        <v>61</v>
      </c>
      <c r="B79" s="22">
        <v>14</v>
      </c>
      <c r="C79" s="14">
        <v>29</v>
      </c>
      <c r="D79" s="18">
        <v>43</v>
      </c>
    </row>
    <row r="80" spans="1:4" ht="18" customHeight="1" x14ac:dyDescent="0.15">
      <c r="A80" s="5">
        <v>62</v>
      </c>
      <c r="B80" s="22">
        <v>19</v>
      </c>
      <c r="C80" s="14">
        <v>10</v>
      </c>
      <c r="D80" s="18">
        <v>29</v>
      </c>
    </row>
    <row r="81" spans="1:4" ht="18" customHeight="1" x14ac:dyDescent="0.15">
      <c r="A81" s="5">
        <v>63</v>
      </c>
      <c r="B81" s="22">
        <v>18</v>
      </c>
      <c r="C81" s="14">
        <v>12</v>
      </c>
      <c r="D81" s="18">
        <v>30</v>
      </c>
    </row>
    <row r="82" spans="1:4" ht="18" customHeight="1" x14ac:dyDescent="0.15">
      <c r="A82" s="5">
        <v>64</v>
      </c>
      <c r="B82" s="22">
        <v>13</v>
      </c>
      <c r="C82" s="14">
        <v>16</v>
      </c>
      <c r="D82" s="18">
        <v>29</v>
      </c>
    </row>
    <row r="83" spans="1:4" ht="18" customHeight="1" x14ac:dyDescent="0.15">
      <c r="A83" s="5" t="s">
        <v>28</v>
      </c>
      <c r="B83" s="22">
        <v>84</v>
      </c>
      <c r="C83" s="14">
        <v>88</v>
      </c>
      <c r="D83" s="18">
        <v>172</v>
      </c>
    </row>
    <row r="84" spans="1:4" ht="18" customHeight="1" x14ac:dyDescent="0.15">
      <c r="A84" s="5" t="s">
        <v>31</v>
      </c>
      <c r="B84" s="22">
        <v>696</v>
      </c>
      <c r="C84" s="14">
        <v>654</v>
      </c>
      <c r="D84" s="18">
        <v>1350</v>
      </c>
    </row>
    <row r="85" spans="1:4" ht="18" customHeight="1" x14ac:dyDescent="0.15">
      <c r="A85" s="5">
        <v>65</v>
      </c>
      <c r="B85" s="22">
        <v>22</v>
      </c>
      <c r="C85" s="14">
        <v>16</v>
      </c>
      <c r="D85" s="18">
        <v>38</v>
      </c>
    </row>
    <row r="86" spans="1:4" ht="18" customHeight="1" x14ac:dyDescent="0.15">
      <c r="A86" s="5">
        <v>66</v>
      </c>
      <c r="B86" s="22">
        <v>16</v>
      </c>
      <c r="C86" s="14">
        <v>19</v>
      </c>
      <c r="D86" s="18">
        <v>35</v>
      </c>
    </row>
    <row r="87" spans="1:4" ht="18" customHeight="1" x14ac:dyDescent="0.15">
      <c r="A87" s="5">
        <v>67</v>
      </c>
      <c r="B87" s="22">
        <v>13</v>
      </c>
      <c r="C87" s="14">
        <v>22</v>
      </c>
      <c r="D87" s="18">
        <v>35</v>
      </c>
    </row>
    <row r="88" spans="1:4" ht="18" customHeight="1" x14ac:dyDescent="0.15">
      <c r="A88" s="5">
        <v>68</v>
      </c>
      <c r="B88" s="22">
        <v>14</v>
      </c>
      <c r="C88" s="14">
        <v>16</v>
      </c>
      <c r="D88" s="18">
        <v>30</v>
      </c>
    </row>
    <row r="89" spans="1:4" ht="18" customHeight="1" x14ac:dyDescent="0.15">
      <c r="A89" s="5">
        <v>69</v>
      </c>
      <c r="B89" s="22">
        <v>16</v>
      </c>
      <c r="C89" s="14">
        <v>14</v>
      </c>
      <c r="D89" s="18">
        <v>30</v>
      </c>
    </row>
    <row r="90" spans="1:4" ht="18" customHeight="1" x14ac:dyDescent="0.15">
      <c r="A90" s="5" t="s">
        <v>20</v>
      </c>
      <c r="B90" s="22">
        <v>81</v>
      </c>
      <c r="C90" s="14">
        <v>87</v>
      </c>
      <c r="D90" s="18">
        <v>168</v>
      </c>
    </row>
    <row r="91" spans="1:4" ht="18" customHeight="1" x14ac:dyDescent="0.15">
      <c r="A91" s="5">
        <v>70</v>
      </c>
      <c r="B91" s="22">
        <v>18</v>
      </c>
      <c r="C91" s="14">
        <v>23</v>
      </c>
      <c r="D91" s="18">
        <v>41</v>
      </c>
    </row>
    <row r="92" spans="1:4" ht="18" customHeight="1" x14ac:dyDescent="0.15">
      <c r="A92" s="5">
        <v>71</v>
      </c>
      <c r="B92" s="22">
        <v>18</v>
      </c>
      <c r="C92" s="14">
        <v>15</v>
      </c>
      <c r="D92" s="18">
        <v>33</v>
      </c>
    </row>
    <row r="93" spans="1:4" ht="18" customHeight="1" x14ac:dyDescent="0.15">
      <c r="A93" s="5">
        <v>72</v>
      </c>
      <c r="B93" s="22">
        <v>13</v>
      </c>
      <c r="C93" s="14">
        <v>18</v>
      </c>
      <c r="D93" s="18">
        <v>31</v>
      </c>
    </row>
    <row r="94" spans="1:4" ht="18" customHeight="1" x14ac:dyDescent="0.15">
      <c r="A94" s="5">
        <v>73</v>
      </c>
      <c r="B94" s="22">
        <v>17</v>
      </c>
      <c r="C94" s="14">
        <v>19</v>
      </c>
      <c r="D94" s="18">
        <v>36</v>
      </c>
    </row>
    <row r="95" spans="1:4" ht="18" customHeight="1" x14ac:dyDescent="0.15">
      <c r="A95" s="5">
        <v>74</v>
      </c>
      <c r="B95" s="22">
        <v>16</v>
      </c>
      <c r="C95" s="14">
        <v>13</v>
      </c>
      <c r="D95" s="18">
        <v>29</v>
      </c>
    </row>
    <row r="96" spans="1:4" ht="18" customHeight="1" x14ac:dyDescent="0.15">
      <c r="A96" s="5" t="s">
        <v>33</v>
      </c>
      <c r="B96" s="22">
        <v>82</v>
      </c>
      <c r="C96" s="14">
        <v>88</v>
      </c>
      <c r="D96" s="18">
        <v>170</v>
      </c>
    </row>
    <row r="97" spans="1:4" ht="18" customHeight="1" x14ac:dyDescent="0.15">
      <c r="A97" s="5">
        <v>75</v>
      </c>
      <c r="B97" s="22">
        <v>15</v>
      </c>
      <c r="C97" s="14">
        <v>19</v>
      </c>
      <c r="D97" s="18">
        <v>34</v>
      </c>
    </row>
    <row r="98" spans="1:4" ht="18" customHeight="1" x14ac:dyDescent="0.15">
      <c r="A98" s="5">
        <v>76</v>
      </c>
      <c r="B98" s="22">
        <v>23</v>
      </c>
      <c r="C98" s="14">
        <v>27</v>
      </c>
      <c r="D98" s="18">
        <v>50</v>
      </c>
    </row>
    <row r="99" spans="1:4" ht="18" customHeight="1" x14ac:dyDescent="0.15">
      <c r="A99" s="5">
        <v>77</v>
      </c>
      <c r="B99" s="22">
        <v>15</v>
      </c>
      <c r="C99" s="14">
        <v>27</v>
      </c>
      <c r="D99" s="18">
        <v>42</v>
      </c>
    </row>
    <row r="100" spans="1:4" ht="18" customHeight="1" x14ac:dyDescent="0.15">
      <c r="A100" s="5">
        <v>78</v>
      </c>
      <c r="B100" s="22">
        <v>21</v>
      </c>
      <c r="C100" s="14">
        <v>29</v>
      </c>
      <c r="D100" s="18">
        <v>50</v>
      </c>
    </row>
    <row r="101" spans="1:4" ht="18" customHeight="1" x14ac:dyDescent="0.15">
      <c r="A101" s="5">
        <v>79</v>
      </c>
      <c r="B101" s="22">
        <v>23</v>
      </c>
      <c r="C101" s="14">
        <v>28</v>
      </c>
      <c r="D101" s="18">
        <v>51</v>
      </c>
    </row>
    <row r="102" spans="1:4" ht="18" customHeight="1" x14ac:dyDescent="0.15">
      <c r="A102" s="5" t="s">
        <v>0</v>
      </c>
      <c r="B102" s="22">
        <v>97</v>
      </c>
      <c r="C102" s="14">
        <v>130</v>
      </c>
      <c r="D102" s="18">
        <v>227</v>
      </c>
    </row>
    <row r="103" spans="1:4" ht="18" customHeight="1" x14ac:dyDescent="0.15">
      <c r="A103" s="5">
        <v>80</v>
      </c>
      <c r="B103" s="22">
        <v>13</v>
      </c>
      <c r="C103" s="14">
        <v>11</v>
      </c>
      <c r="D103" s="18">
        <v>24</v>
      </c>
    </row>
    <row r="104" spans="1:4" ht="18" customHeight="1" x14ac:dyDescent="0.15">
      <c r="A104" s="5">
        <v>81</v>
      </c>
      <c r="B104" s="22">
        <v>14</v>
      </c>
      <c r="C104" s="14">
        <v>20</v>
      </c>
      <c r="D104" s="18">
        <v>34</v>
      </c>
    </row>
    <row r="105" spans="1:4" ht="18" customHeight="1" x14ac:dyDescent="0.15">
      <c r="A105" s="5">
        <v>82</v>
      </c>
      <c r="B105" s="22">
        <v>10</v>
      </c>
      <c r="C105" s="14">
        <v>22</v>
      </c>
      <c r="D105" s="18">
        <v>32</v>
      </c>
    </row>
    <row r="106" spans="1:4" ht="18" customHeight="1" x14ac:dyDescent="0.15">
      <c r="A106" s="5">
        <v>83</v>
      </c>
      <c r="B106" s="22">
        <v>13</v>
      </c>
      <c r="C106" s="14">
        <v>18</v>
      </c>
      <c r="D106" s="18">
        <v>31</v>
      </c>
    </row>
    <row r="107" spans="1:4" ht="18" customHeight="1" x14ac:dyDescent="0.15">
      <c r="A107" s="5">
        <v>84</v>
      </c>
      <c r="B107" s="22">
        <v>13</v>
      </c>
      <c r="C107" s="14">
        <v>15</v>
      </c>
      <c r="D107" s="18">
        <v>28</v>
      </c>
    </row>
    <row r="108" spans="1:4" ht="18" customHeight="1" x14ac:dyDescent="0.15">
      <c r="A108" s="5" t="s">
        <v>35</v>
      </c>
      <c r="B108" s="22">
        <v>63</v>
      </c>
      <c r="C108" s="14">
        <v>86</v>
      </c>
      <c r="D108" s="18">
        <v>149</v>
      </c>
    </row>
    <row r="109" spans="1:4" ht="18" customHeight="1" x14ac:dyDescent="0.15">
      <c r="A109" s="5">
        <v>85</v>
      </c>
      <c r="B109" s="22">
        <v>14</v>
      </c>
      <c r="C109" s="14">
        <v>17</v>
      </c>
      <c r="D109" s="18">
        <v>31</v>
      </c>
    </row>
    <row r="110" spans="1:4" ht="18" customHeight="1" x14ac:dyDescent="0.15">
      <c r="A110" s="5">
        <v>86</v>
      </c>
      <c r="B110" s="22">
        <v>10</v>
      </c>
      <c r="C110" s="14">
        <v>10</v>
      </c>
      <c r="D110" s="18">
        <v>20</v>
      </c>
    </row>
    <row r="111" spans="1:4" ht="18" customHeight="1" x14ac:dyDescent="0.15">
      <c r="A111" s="5">
        <v>87</v>
      </c>
      <c r="B111" s="22">
        <v>8</v>
      </c>
      <c r="C111" s="14">
        <v>13</v>
      </c>
      <c r="D111" s="18">
        <v>21</v>
      </c>
    </row>
    <row r="112" spans="1:4" ht="18" customHeight="1" x14ac:dyDescent="0.15">
      <c r="A112" s="5">
        <v>88</v>
      </c>
      <c r="B112" s="22">
        <v>5</v>
      </c>
      <c r="C112" s="14">
        <v>11</v>
      </c>
      <c r="D112" s="18">
        <v>16</v>
      </c>
    </row>
    <row r="113" spans="1:4" ht="18" customHeight="1" x14ac:dyDescent="0.15">
      <c r="A113" s="5">
        <v>89</v>
      </c>
      <c r="B113" s="22">
        <v>10</v>
      </c>
      <c r="C113" s="14">
        <v>20</v>
      </c>
      <c r="D113" s="18">
        <v>30</v>
      </c>
    </row>
    <row r="114" spans="1:4" ht="18" customHeight="1" x14ac:dyDescent="0.15">
      <c r="A114" s="5" t="s">
        <v>37</v>
      </c>
      <c r="B114" s="22">
        <v>47</v>
      </c>
      <c r="C114" s="14">
        <v>71</v>
      </c>
      <c r="D114" s="18">
        <v>118</v>
      </c>
    </row>
    <row r="115" spans="1:4" ht="18" customHeight="1" x14ac:dyDescent="0.15">
      <c r="A115" s="5">
        <v>90</v>
      </c>
      <c r="B115" s="22">
        <v>7</v>
      </c>
      <c r="C115" s="14">
        <v>12</v>
      </c>
      <c r="D115" s="18">
        <v>19</v>
      </c>
    </row>
    <row r="116" spans="1:4" ht="18" customHeight="1" x14ac:dyDescent="0.15">
      <c r="A116" s="5">
        <v>91</v>
      </c>
      <c r="B116" s="22">
        <v>5</v>
      </c>
      <c r="C116" s="14">
        <v>7</v>
      </c>
      <c r="D116" s="18">
        <v>12</v>
      </c>
    </row>
    <row r="117" spans="1:4" ht="18" customHeight="1" x14ac:dyDescent="0.15">
      <c r="A117" s="5">
        <v>92</v>
      </c>
      <c r="B117" s="22">
        <v>6</v>
      </c>
      <c r="C117" s="14">
        <v>11</v>
      </c>
      <c r="D117" s="18">
        <v>17</v>
      </c>
    </row>
    <row r="118" spans="1:4" ht="18" customHeight="1" x14ac:dyDescent="0.15">
      <c r="A118" s="5">
        <v>93</v>
      </c>
      <c r="B118" s="22">
        <v>1</v>
      </c>
      <c r="C118" s="14">
        <v>13</v>
      </c>
      <c r="D118" s="18">
        <v>14</v>
      </c>
    </row>
    <row r="119" spans="1:4" ht="18" customHeight="1" x14ac:dyDescent="0.15">
      <c r="A119" s="5">
        <v>94</v>
      </c>
      <c r="B119" s="22">
        <v>0</v>
      </c>
      <c r="C119" s="14">
        <v>7</v>
      </c>
      <c r="D119" s="18">
        <v>7</v>
      </c>
    </row>
    <row r="120" spans="1:4" ht="18" customHeight="1" x14ac:dyDescent="0.15">
      <c r="A120" s="5" t="s">
        <v>39</v>
      </c>
      <c r="B120" s="22">
        <v>19</v>
      </c>
      <c r="C120" s="14">
        <v>50</v>
      </c>
      <c r="D120" s="18">
        <v>69</v>
      </c>
    </row>
    <row r="121" spans="1:4" ht="18" customHeight="1" x14ac:dyDescent="0.15">
      <c r="A121" s="5">
        <v>95</v>
      </c>
      <c r="B121" s="22">
        <v>3</v>
      </c>
      <c r="C121" s="14">
        <v>3</v>
      </c>
      <c r="D121" s="18">
        <v>6</v>
      </c>
    </row>
    <row r="122" spans="1:4" ht="18" customHeight="1" x14ac:dyDescent="0.15">
      <c r="A122" s="5">
        <v>96</v>
      </c>
      <c r="B122" s="22">
        <v>3</v>
      </c>
      <c r="C122" s="14">
        <v>5</v>
      </c>
      <c r="D122" s="18">
        <v>8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2</v>
      </c>
      <c r="C124" s="14">
        <v>1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4</v>
      </c>
      <c r="D125" s="18">
        <v>4</v>
      </c>
    </row>
    <row r="126" spans="1:4" ht="18" customHeight="1" x14ac:dyDescent="0.15">
      <c r="A126" s="5" t="s">
        <v>40</v>
      </c>
      <c r="B126" s="22">
        <v>8</v>
      </c>
      <c r="C126" s="14">
        <v>14</v>
      </c>
      <c r="D126" s="18">
        <v>22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397</v>
      </c>
      <c r="C130" s="14">
        <v>530</v>
      </c>
      <c r="D130" s="18">
        <v>927</v>
      </c>
    </row>
    <row r="131" spans="1:4" ht="18" customHeight="1" x14ac:dyDescent="0.15">
      <c r="A131" s="7" t="s">
        <v>45</v>
      </c>
      <c r="B131" s="23">
        <v>1216</v>
      </c>
      <c r="C131" s="15">
        <v>1301</v>
      </c>
      <c r="D131" s="19">
        <v>251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800-000000000000}">
  <sheetPr codeName="Sheet10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119</v>
      </c>
      <c r="C3" s="45"/>
      <c r="D3" s="45"/>
    </row>
    <row r="4" spans="1:4" ht="18" customHeight="1" x14ac:dyDescent="0.15">
      <c r="A4" s="3" t="s">
        <v>4</v>
      </c>
      <c r="B4" s="20" t="s">
        <v>47</v>
      </c>
      <c r="C4" s="24" t="s">
        <v>50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0</v>
      </c>
      <c r="D5" s="31">
        <v>1</v>
      </c>
    </row>
    <row r="6" spans="1:4" ht="18" customHeight="1" x14ac:dyDescent="0.15">
      <c r="A6" s="5">
        <v>1</v>
      </c>
      <c r="B6" s="27">
        <v>1</v>
      </c>
      <c r="C6" s="14">
        <v>2</v>
      </c>
      <c r="D6" s="18">
        <v>3</v>
      </c>
    </row>
    <row r="7" spans="1:4" ht="18" customHeight="1" x14ac:dyDescent="0.15">
      <c r="A7" s="5">
        <v>2</v>
      </c>
      <c r="B7" s="27">
        <v>2</v>
      </c>
      <c r="C7" s="14">
        <v>2</v>
      </c>
      <c r="D7" s="18">
        <v>4</v>
      </c>
    </row>
    <row r="8" spans="1:4" ht="18" customHeight="1" x14ac:dyDescent="0.15">
      <c r="A8" s="5">
        <v>3</v>
      </c>
      <c r="B8" s="27">
        <v>1</v>
      </c>
      <c r="C8" s="14">
        <v>2</v>
      </c>
      <c r="D8" s="18">
        <v>3</v>
      </c>
    </row>
    <row r="9" spans="1:4" ht="18" customHeight="1" x14ac:dyDescent="0.15">
      <c r="A9" s="5">
        <v>4</v>
      </c>
      <c r="B9" s="28">
        <v>1</v>
      </c>
      <c r="C9" s="30">
        <v>2</v>
      </c>
      <c r="D9" s="32">
        <v>3</v>
      </c>
    </row>
    <row r="10" spans="1:4" ht="18" customHeight="1" x14ac:dyDescent="0.15">
      <c r="A10" s="5" t="s">
        <v>7</v>
      </c>
      <c r="B10" s="22">
        <v>6</v>
      </c>
      <c r="C10" s="14">
        <v>8</v>
      </c>
      <c r="D10" s="18">
        <v>14</v>
      </c>
    </row>
    <row r="11" spans="1:4" ht="18" customHeight="1" x14ac:dyDescent="0.15">
      <c r="A11" s="5">
        <v>5</v>
      </c>
      <c r="B11" s="27">
        <v>2</v>
      </c>
      <c r="C11" s="14">
        <v>5</v>
      </c>
      <c r="D11" s="18">
        <v>7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1</v>
      </c>
      <c r="C13" s="14">
        <v>3</v>
      </c>
      <c r="D13" s="18">
        <v>4</v>
      </c>
    </row>
    <row r="14" spans="1:4" ht="18" customHeight="1" x14ac:dyDescent="0.15">
      <c r="A14" s="5">
        <v>8</v>
      </c>
      <c r="B14" s="27">
        <v>1</v>
      </c>
      <c r="C14" s="14">
        <v>2</v>
      </c>
      <c r="D14" s="18">
        <v>3</v>
      </c>
    </row>
    <row r="15" spans="1:4" ht="18" customHeight="1" x14ac:dyDescent="0.15">
      <c r="A15" s="5">
        <v>9</v>
      </c>
      <c r="B15" s="27">
        <v>3</v>
      </c>
      <c r="C15" s="14">
        <v>0</v>
      </c>
      <c r="D15" s="18">
        <v>3</v>
      </c>
    </row>
    <row r="16" spans="1:4" ht="18" customHeight="1" x14ac:dyDescent="0.15">
      <c r="A16" s="5" t="s">
        <v>11</v>
      </c>
      <c r="B16" s="22">
        <v>7</v>
      </c>
      <c r="C16" s="14">
        <v>10</v>
      </c>
      <c r="D16" s="18">
        <v>17</v>
      </c>
    </row>
    <row r="17" spans="1:4" ht="18" customHeight="1" x14ac:dyDescent="0.15">
      <c r="A17" s="5">
        <v>10</v>
      </c>
      <c r="B17" s="22">
        <v>1</v>
      </c>
      <c r="C17" s="14">
        <v>2</v>
      </c>
      <c r="D17" s="18">
        <v>3</v>
      </c>
    </row>
    <row r="18" spans="1:4" ht="18" customHeight="1" x14ac:dyDescent="0.15">
      <c r="A18" s="5">
        <v>11</v>
      </c>
      <c r="B18" s="22">
        <v>3</v>
      </c>
      <c r="C18" s="14">
        <v>4</v>
      </c>
      <c r="D18" s="18">
        <v>7</v>
      </c>
    </row>
    <row r="19" spans="1:4" ht="18" customHeight="1" x14ac:dyDescent="0.15">
      <c r="A19" s="5">
        <v>12</v>
      </c>
      <c r="B19" s="22">
        <v>1</v>
      </c>
      <c r="C19" s="14">
        <v>1</v>
      </c>
      <c r="D19" s="18">
        <v>2</v>
      </c>
    </row>
    <row r="20" spans="1:4" ht="18" customHeight="1" x14ac:dyDescent="0.15">
      <c r="A20" s="5">
        <v>13</v>
      </c>
      <c r="B20" s="22">
        <v>3</v>
      </c>
      <c r="C20" s="14">
        <v>2</v>
      </c>
      <c r="D20" s="18">
        <v>5</v>
      </c>
    </row>
    <row r="21" spans="1:4" ht="18" customHeight="1" x14ac:dyDescent="0.15">
      <c r="A21" s="5">
        <v>14</v>
      </c>
      <c r="B21" s="22">
        <v>5</v>
      </c>
      <c r="C21" s="14">
        <v>2</v>
      </c>
      <c r="D21" s="18">
        <v>7</v>
      </c>
    </row>
    <row r="22" spans="1:4" ht="18" customHeight="1" x14ac:dyDescent="0.15">
      <c r="A22" s="5" t="s">
        <v>12</v>
      </c>
      <c r="B22" s="22">
        <v>13</v>
      </c>
      <c r="C22" s="14">
        <v>11</v>
      </c>
      <c r="D22" s="18">
        <v>24</v>
      </c>
    </row>
    <row r="23" spans="1:4" ht="18" customHeight="1" x14ac:dyDescent="0.15">
      <c r="A23" s="5" t="s">
        <v>6</v>
      </c>
      <c r="B23" s="22">
        <v>26</v>
      </c>
      <c r="C23" s="14">
        <v>29</v>
      </c>
      <c r="D23" s="18">
        <v>55</v>
      </c>
    </row>
    <row r="24" spans="1:4" ht="18" customHeight="1" x14ac:dyDescent="0.15">
      <c r="A24" s="5">
        <v>15</v>
      </c>
      <c r="B24" s="22">
        <v>9</v>
      </c>
      <c r="C24" s="14">
        <v>1</v>
      </c>
      <c r="D24" s="18">
        <v>10</v>
      </c>
    </row>
    <row r="25" spans="1:4" ht="18" customHeight="1" x14ac:dyDescent="0.15">
      <c r="A25" s="5">
        <v>16</v>
      </c>
      <c r="B25" s="22">
        <v>6</v>
      </c>
      <c r="C25" s="14">
        <v>0</v>
      </c>
      <c r="D25" s="18">
        <v>6</v>
      </c>
    </row>
    <row r="26" spans="1:4" ht="18" customHeight="1" x14ac:dyDescent="0.15">
      <c r="A26" s="5">
        <v>17</v>
      </c>
      <c r="B26" s="22">
        <v>5</v>
      </c>
      <c r="C26" s="14">
        <v>4</v>
      </c>
      <c r="D26" s="18">
        <v>9</v>
      </c>
    </row>
    <row r="27" spans="1:4" ht="18" customHeight="1" x14ac:dyDescent="0.15">
      <c r="A27" s="5">
        <v>18</v>
      </c>
      <c r="B27" s="22">
        <v>2</v>
      </c>
      <c r="C27" s="14">
        <v>2</v>
      </c>
      <c r="D27" s="18">
        <v>4</v>
      </c>
    </row>
    <row r="28" spans="1:4" ht="18" customHeight="1" x14ac:dyDescent="0.15">
      <c r="A28" s="5">
        <v>19</v>
      </c>
      <c r="B28" s="22">
        <v>11</v>
      </c>
      <c r="C28" s="14">
        <v>4</v>
      </c>
      <c r="D28" s="18">
        <v>15</v>
      </c>
    </row>
    <row r="29" spans="1:4" ht="18" customHeight="1" x14ac:dyDescent="0.15">
      <c r="A29" s="5" t="s">
        <v>14</v>
      </c>
      <c r="B29" s="22">
        <v>33</v>
      </c>
      <c r="C29" s="14">
        <v>11</v>
      </c>
      <c r="D29" s="18">
        <v>44</v>
      </c>
    </row>
    <row r="30" spans="1:4" ht="18" customHeight="1" x14ac:dyDescent="0.15">
      <c r="A30" s="5">
        <v>20</v>
      </c>
      <c r="B30" s="22">
        <v>7</v>
      </c>
      <c r="C30" s="14">
        <v>4</v>
      </c>
      <c r="D30" s="18">
        <v>11</v>
      </c>
    </row>
    <row r="31" spans="1:4" ht="18" customHeight="1" x14ac:dyDescent="0.15">
      <c r="A31" s="5">
        <v>21</v>
      </c>
      <c r="B31" s="22">
        <v>5</v>
      </c>
      <c r="C31" s="14">
        <v>4</v>
      </c>
      <c r="D31" s="18">
        <v>9</v>
      </c>
    </row>
    <row r="32" spans="1:4" ht="18" customHeight="1" x14ac:dyDescent="0.15">
      <c r="A32" s="5">
        <v>22</v>
      </c>
      <c r="B32" s="22">
        <v>6</v>
      </c>
      <c r="C32" s="14">
        <v>8</v>
      </c>
      <c r="D32" s="18">
        <v>14</v>
      </c>
    </row>
    <row r="33" spans="1:4" ht="18" customHeight="1" x14ac:dyDescent="0.15">
      <c r="A33" s="5">
        <v>23</v>
      </c>
      <c r="B33" s="22">
        <v>2</v>
      </c>
      <c r="C33" s="14">
        <v>3</v>
      </c>
      <c r="D33" s="18">
        <v>5</v>
      </c>
    </row>
    <row r="34" spans="1:4" ht="18" customHeight="1" x14ac:dyDescent="0.15">
      <c r="A34" s="5">
        <v>24</v>
      </c>
      <c r="B34" s="22">
        <v>1</v>
      </c>
      <c r="C34" s="14">
        <v>4</v>
      </c>
      <c r="D34" s="18">
        <v>5</v>
      </c>
    </row>
    <row r="35" spans="1:4" ht="18" customHeight="1" x14ac:dyDescent="0.15">
      <c r="A35" s="5" t="s">
        <v>9</v>
      </c>
      <c r="B35" s="22">
        <v>21</v>
      </c>
      <c r="C35" s="14">
        <v>23</v>
      </c>
      <c r="D35" s="18">
        <v>44</v>
      </c>
    </row>
    <row r="36" spans="1:4" ht="18" customHeight="1" x14ac:dyDescent="0.15">
      <c r="A36" s="5">
        <v>25</v>
      </c>
      <c r="B36" s="22">
        <v>4</v>
      </c>
      <c r="C36" s="14">
        <v>3</v>
      </c>
      <c r="D36" s="18">
        <v>7</v>
      </c>
    </row>
    <row r="37" spans="1:4" ht="18" customHeight="1" x14ac:dyDescent="0.15">
      <c r="A37" s="5">
        <v>26</v>
      </c>
      <c r="B37" s="22">
        <v>2</v>
      </c>
      <c r="C37" s="14">
        <v>1</v>
      </c>
      <c r="D37" s="18">
        <v>3</v>
      </c>
    </row>
    <row r="38" spans="1:4" ht="18" customHeight="1" x14ac:dyDescent="0.15">
      <c r="A38" s="5">
        <v>27</v>
      </c>
      <c r="B38" s="22">
        <v>3</v>
      </c>
      <c r="C38" s="14">
        <v>2</v>
      </c>
      <c r="D38" s="18">
        <v>5</v>
      </c>
    </row>
    <row r="39" spans="1:4" ht="18" customHeight="1" x14ac:dyDescent="0.15">
      <c r="A39" s="5">
        <v>28</v>
      </c>
      <c r="B39" s="22">
        <v>6</v>
      </c>
      <c r="C39" s="14">
        <v>2</v>
      </c>
      <c r="D39" s="18">
        <v>8</v>
      </c>
    </row>
    <row r="40" spans="1:4" ht="18" customHeight="1" x14ac:dyDescent="0.15">
      <c r="A40" s="5">
        <v>29</v>
      </c>
      <c r="B40" s="22">
        <v>3</v>
      </c>
      <c r="C40" s="14">
        <v>2</v>
      </c>
      <c r="D40" s="18">
        <v>5</v>
      </c>
    </row>
    <row r="41" spans="1:4" ht="18" customHeight="1" x14ac:dyDescent="0.15">
      <c r="A41" s="5" t="s">
        <v>2</v>
      </c>
      <c r="B41" s="22">
        <v>18</v>
      </c>
      <c r="C41" s="14">
        <v>10</v>
      </c>
      <c r="D41" s="18">
        <v>28</v>
      </c>
    </row>
    <row r="42" spans="1:4" ht="18" customHeight="1" x14ac:dyDescent="0.15">
      <c r="A42" s="5">
        <v>30</v>
      </c>
      <c r="B42" s="22">
        <v>3</v>
      </c>
      <c r="C42" s="14">
        <v>6</v>
      </c>
      <c r="D42" s="18">
        <v>9</v>
      </c>
    </row>
    <row r="43" spans="1:4" ht="18" customHeight="1" x14ac:dyDescent="0.15">
      <c r="A43" s="5">
        <v>31</v>
      </c>
      <c r="B43" s="22">
        <v>4</v>
      </c>
      <c r="C43" s="14">
        <v>3</v>
      </c>
      <c r="D43" s="18">
        <v>7</v>
      </c>
    </row>
    <row r="44" spans="1:4" ht="18" customHeight="1" x14ac:dyDescent="0.15">
      <c r="A44" s="5">
        <v>32</v>
      </c>
      <c r="B44" s="22">
        <v>1</v>
      </c>
      <c r="C44" s="14">
        <v>5</v>
      </c>
      <c r="D44" s="18">
        <v>6</v>
      </c>
    </row>
    <row r="45" spans="1:4" ht="18" customHeight="1" x14ac:dyDescent="0.15">
      <c r="A45" s="5">
        <v>33</v>
      </c>
      <c r="B45" s="22">
        <v>2</v>
      </c>
      <c r="C45" s="14">
        <v>3</v>
      </c>
      <c r="D45" s="18">
        <v>5</v>
      </c>
    </row>
    <row r="46" spans="1:4" ht="18" customHeight="1" x14ac:dyDescent="0.15">
      <c r="A46" s="5">
        <v>34</v>
      </c>
      <c r="B46" s="22">
        <v>5</v>
      </c>
      <c r="C46" s="14">
        <v>3</v>
      </c>
      <c r="D46" s="18">
        <v>8</v>
      </c>
    </row>
    <row r="47" spans="1:4" ht="18" customHeight="1" x14ac:dyDescent="0.15">
      <c r="A47" s="5" t="s">
        <v>15</v>
      </c>
      <c r="B47" s="22">
        <v>15</v>
      </c>
      <c r="C47" s="14">
        <v>20</v>
      </c>
      <c r="D47" s="18">
        <v>35</v>
      </c>
    </row>
    <row r="48" spans="1:4" ht="18" customHeight="1" x14ac:dyDescent="0.15">
      <c r="A48" s="5">
        <v>35</v>
      </c>
      <c r="B48" s="22">
        <v>6</v>
      </c>
      <c r="C48" s="14">
        <v>1</v>
      </c>
      <c r="D48" s="18">
        <v>7</v>
      </c>
    </row>
    <row r="49" spans="1:4" ht="18" customHeight="1" x14ac:dyDescent="0.15">
      <c r="A49" s="5">
        <v>36</v>
      </c>
      <c r="B49" s="22">
        <v>2</v>
      </c>
      <c r="C49" s="14">
        <v>1</v>
      </c>
      <c r="D49" s="18">
        <v>3</v>
      </c>
    </row>
    <row r="50" spans="1:4" ht="18" customHeight="1" x14ac:dyDescent="0.15">
      <c r="A50" s="5">
        <v>37</v>
      </c>
      <c r="B50" s="22">
        <v>3</v>
      </c>
      <c r="C50" s="14">
        <v>5</v>
      </c>
      <c r="D50" s="18">
        <v>8</v>
      </c>
    </row>
    <row r="51" spans="1:4" ht="18" customHeight="1" x14ac:dyDescent="0.15">
      <c r="A51" s="5">
        <v>38</v>
      </c>
      <c r="B51" s="22">
        <v>3</v>
      </c>
      <c r="C51" s="14">
        <v>0</v>
      </c>
      <c r="D51" s="18">
        <v>3</v>
      </c>
    </row>
    <row r="52" spans="1:4" ht="18" customHeight="1" x14ac:dyDescent="0.15">
      <c r="A52" s="5">
        <v>39</v>
      </c>
      <c r="B52" s="22">
        <v>4</v>
      </c>
      <c r="C52" s="14">
        <v>4</v>
      </c>
      <c r="D52" s="18">
        <v>8</v>
      </c>
    </row>
    <row r="53" spans="1:4" ht="18" customHeight="1" x14ac:dyDescent="0.15">
      <c r="A53" s="5" t="s">
        <v>18</v>
      </c>
      <c r="B53" s="22">
        <v>18</v>
      </c>
      <c r="C53" s="14">
        <v>11</v>
      </c>
      <c r="D53" s="18">
        <v>29</v>
      </c>
    </row>
    <row r="54" spans="1:4" ht="18" customHeight="1" x14ac:dyDescent="0.15">
      <c r="A54" s="5">
        <v>40</v>
      </c>
      <c r="B54" s="22">
        <v>6</v>
      </c>
      <c r="C54" s="14">
        <v>5</v>
      </c>
      <c r="D54" s="18">
        <v>11</v>
      </c>
    </row>
    <row r="55" spans="1:4" ht="18" customHeight="1" x14ac:dyDescent="0.15">
      <c r="A55" s="5">
        <v>41</v>
      </c>
      <c r="B55" s="22">
        <v>3</v>
      </c>
      <c r="C55" s="14">
        <v>6</v>
      </c>
      <c r="D55" s="18">
        <v>9</v>
      </c>
    </row>
    <row r="56" spans="1:4" ht="18" customHeight="1" x14ac:dyDescent="0.15">
      <c r="A56" s="5">
        <v>42</v>
      </c>
      <c r="B56" s="22">
        <v>8</v>
      </c>
      <c r="C56" s="14">
        <v>1</v>
      </c>
      <c r="D56" s="18">
        <v>9</v>
      </c>
    </row>
    <row r="57" spans="1:4" ht="18" customHeight="1" x14ac:dyDescent="0.15">
      <c r="A57" s="5">
        <v>43</v>
      </c>
      <c r="B57" s="22">
        <v>6</v>
      </c>
      <c r="C57" s="14">
        <v>0</v>
      </c>
      <c r="D57" s="18">
        <v>6</v>
      </c>
    </row>
    <row r="58" spans="1:4" ht="18" customHeight="1" x14ac:dyDescent="0.15">
      <c r="A58" s="5">
        <v>44</v>
      </c>
      <c r="B58" s="22">
        <v>6</v>
      </c>
      <c r="C58" s="14">
        <v>3</v>
      </c>
      <c r="D58" s="18">
        <v>9</v>
      </c>
    </row>
    <row r="59" spans="1:4" ht="18" customHeight="1" x14ac:dyDescent="0.15">
      <c r="A59" s="5" t="s">
        <v>21</v>
      </c>
      <c r="B59" s="22">
        <v>29</v>
      </c>
      <c r="C59" s="14">
        <v>15</v>
      </c>
      <c r="D59" s="18">
        <v>44</v>
      </c>
    </row>
    <row r="60" spans="1:4" ht="18" customHeight="1" x14ac:dyDescent="0.15">
      <c r="A60" s="5">
        <v>45</v>
      </c>
      <c r="B60" s="22">
        <v>1</v>
      </c>
      <c r="C60" s="14">
        <v>6</v>
      </c>
      <c r="D60" s="18">
        <v>7</v>
      </c>
    </row>
    <row r="61" spans="1:4" ht="18" customHeight="1" x14ac:dyDescent="0.15">
      <c r="A61" s="5">
        <v>46</v>
      </c>
      <c r="B61" s="22">
        <v>8</v>
      </c>
      <c r="C61" s="14">
        <v>6</v>
      </c>
      <c r="D61" s="18">
        <v>14</v>
      </c>
    </row>
    <row r="62" spans="1:4" ht="18" customHeight="1" x14ac:dyDescent="0.15">
      <c r="A62" s="5">
        <v>47</v>
      </c>
      <c r="B62" s="22">
        <v>5</v>
      </c>
      <c r="C62" s="14">
        <v>6</v>
      </c>
      <c r="D62" s="18">
        <v>11</v>
      </c>
    </row>
    <row r="63" spans="1:4" ht="18" customHeight="1" x14ac:dyDescent="0.15">
      <c r="A63" s="5">
        <v>48</v>
      </c>
      <c r="B63" s="22">
        <v>6</v>
      </c>
      <c r="C63" s="14">
        <v>2</v>
      </c>
      <c r="D63" s="18">
        <v>8</v>
      </c>
    </row>
    <row r="64" spans="1:4" ht="18" customHeight="1" x14ac:dyDescent="0.15">
      <c r="A64" s="5">
        <v>49</v>
      </c>
      <c r="B64" s="22">
        <v>11</v>
      </c>
      <c r="C64" s="14">
        <v>3</v>
      </c>
      <c r="D64" s="18">
        <v>14</v>
      </c>
    </row>
    <row r="65" spans="1:4" ht="18" customHeight="1" x14ac:dyDescent="0.15">
      <c r="A65" s="5" t="s">
        <v>17</v>
      </c>
      <c r="B65" s="22">
        <v>31</v>
      </c>
      <c r="C65" s="14">
        <v>23</v>
      </c>
      <c r="D65" s="18">
        <v>54</v>
      </c>
    </row>
    <row r="66" spans="1:4" ht="18" customHeight="1" x14ac:dyDescent="0.15">
      <c r="A66" s="5">
        <v>50</v>
      </c>
      <c r="B66" s="22">
        <v>7</v>
      </c>
      <c r="C66" s="14">
        <v>8</v>
      </c>
      <c r="D66" s="18">
        <v>15</v>
      </c>
    </row>
    <row r="67" spans="1:4" ht="18" customHeight="1" x14ac:dyDescent="0.15">
      <c r="A67" s="5">
        <v>51</v>
      </c>
      <c r="B67" s="22">
        <v>11</v>
      </c>
      <c r="C67" s="14">
        <v>6</v>
      </c>
      <c r="D67" s="18">
        <v>17</v>
      </c>
    </row>
    <row r="68" spans="1:4" ht="18" customHeight="1" x14ac:dyDescent="0.15">
      <c r="A68" s="5">
        <v>52</v>
      </c>
      <c r="B68" s="22">
        <v>4</v>
      </c>
      <c r="C68" s="14">
        <v>11</v>
      </c>
      <c r="D68" s="18">
        <v>15</v>
      </c>
    </row>
    <row r="69" spans="1:4" ht="18" customHeight="1" x14ac:dyDescent="0.15">
      <c r="A69" s="5">
        <v>53</v>
      </c>
      <c r="B69" s="22">
        <v>12</v>
      </c>
      <c r="C69" s="14">
        <v>7</v>
      </c>
      <c r="D69" s="18">
        <v>19</v>
      </c>
    </row>
    <row r="70" spans="1:4" ht="18" customHeight="1" x14ac:dyDescent="0.15">
      <c r="A70" s="5">
        <v>54</v>
      </c>
      <c r="B70" s="22">
        <v>5</v>
      </c>
      <c r="C70" s="14">
        <v>9</v>
      </c>
      <c r="D70" s="18">
        <v>14</v>
      </c>
    </row>
    <row r="71" spans="1:4" ht="18" customHeight="1" x14ac:dyDescent="0.15">
      <c r="A71" s="5" t="s">
        <v>22</v>
      </c>
      <c r="B71" s="22">
        <v>39</v>
      </c>
      <c r="C71" s="14">
        <v>41</v>
      </c>
      <c r="D71" s="18">
        <v>80</v>
      </c>
    </row>
    <row r="72" spans="1:4" ht="18" customHeight="1" x14ac:dyDescent="0.15">
      <c r="A72" s="5">
        <v>55</v>
      </c>
      <c r="B72" s="22">
        <v>6</v>
      </c>
      <c r="C72" s="14">
        <v>13</v>
      </c>
      <c r="D72" s="18">
        <v>19</v>
      </c>
    </row>
    <row r="73" spans="1:4" ht="18" customHeight="1" x14ac:dyDescent="0.15">
      <c r="A73" s="5">
        <v>56</v>
      </c>
      <c r="B73" s="22">
        <v>10</v>
      </c>
      <c r="C73" s="14">
        <v>8</v>
      </c>
      <c r="D73" s="18">
        <v>18</v>
      </c>
    </row>
    <row r="74" spans="1:4" ht="18" customHeight="1" x14ac:dyDescent="0.15">
      <c r="A74" s="5">
        <v>57</v>
      </c>
      <c r="B74" s="22">
        <v>5</v>
      </c>
      <c r="C74" s="14">
        <v>7</v>
      </c>
      <c r="D74" s="18">
        <v>12</v>
      </c>
    </row>
    <row r="75" spans="1:4" ht="18" customHeight="1" x14ac:dyDescent="0.15">
      <c r="A75" s="5">
        <v>58</v>
      </c>
      <c r="B75" s="22">
        <v>7</v>
      </c>
      <c r="C75" s="14">
        <v>8</v>
      </c>
      <c r="D75" s="18">
        <v>15</v>
      </c>
    </row>
    <row r="76" spans="1:4" ht="18" customHeight="1" x14ac:dyDescent="0.15">
      <c r="A76" s="5">
        <v>59</v>
      </c>
      <c r="B76" s="22">
        <v>6</v>
      </c>
      <c r="C76" s="14">
        <v>8</v>
      </c>
      <c r="D76" s="18">
        <v>14</v>
      </c>
    </row>
    <row r="77" spans="1:4" ht="18" customHeight="1" x14ac:dyDescent="0.15">
      <c r="A77" s="5" t="s">
        <v>27</v>
      </c>
      <c r="B77" s="22">
        <v>34</v>
      </c>
      <c r="C77" s="14">
        <v>44</v>
      </c>
      <c r="D77" s="18">
        <v>78</v>
      </c>
    </row>
    <row r="78" spans="1:4" ht="18" customHeight="1" x14ac:dyDescent="0.15">
      <c r="A78" s="5">
        <v>60</v>
      </c>
      <c r="B78" s="22">
        <v>4</v>
      </c>
      <c r="C78" s="14">
        <v>7</v>
      </c>
      <c r="D78" s="18">
        <v>11</v>
      </c>
    </row>
    <row r="79" spans="1:4" ht="18" customHeight="1" x14ac:dyDescent="0.15">
      <c r="A79" s="5">
        <v>61</v>
      </c>
      <c r="B79" s="22">
        <v>2</v>
      </c>
      <c r="C79" s="14">
        <v>6</v>
      </c>
      <c r="D79" s="18">
        <v>8</v>
      </c>
    </row>
    <row r="80" spans="1:4" ht="18" customHeight="1" x14ac:dyDescent="0.15">
      <c r="A80" s="5">
        <v>62</v>
      </c>
      <c r="B80" s="22">
        <v>12</v>
      </c>
      <c r="C80" s="14">
        <v>9</v>
      </c>
      <c r="D80" s="18">
        <v>21</v>
      </c>
    </row>
    <row r="81" spans="1:4" ht="18" customHeight="1" x14ac:dyDescent="0.15">
      <c r="A81" s="5">
        <v>63</v>
      </c>
      <c r="B81" s="22">
        <v>5</v>
      </c>
      <c r="C81" s="14">
        <v>5</v>
      </c>
      <c r="D81" s="18">
        <v>10</v>
      </c>
    </row>
    <row r="82" spans="1:4" ht="18" customHeight="1" x14ac:dyDescent="0.15">
      <c r="A82" s="5">
        <v>64</v>
      </c>
      <c r="B82" s="22">
        <v>5</v>
      </c>
      <c r="C82" s="14">
        <v>5</v>
      </c>
      <c r="D82" s="18">
        <v>10</v>
      </c>
    </row>
    <row r="83" spans="1:4" ht="18" customHeight="1" x14ac:dyDescent="0.15">
      <c r="A83" s="5" t="s">
        <v>28</v>
      </c>
      <c r="B83" s="22">
        <v>28</v>
      </c>
      <c r="C83" s="14">
        <v>32</v>
      </c>
      <c r="D83" s="18">
        <v>60</v>
      </c>
    </row>
    <row r="84" spans="1:4" ht="18" customHeight="1" x14ac:dyDescent="0.15">
      <c r="A84" s="5" t="s">
        <v>31</v>
      </c>
      <c r="B84" s="22">
        <v>266</v>
      </c>
      <c r="C84" s="14">
        <v>230</v>
      </c>
      <c r="D84" s="18">
        <v>496</v>
      </c>
    </row>
    <row r="85" spans="1:4" ht="18" customHeight="1" x14ac:dyDescent="0.15">
      <c r="A85" s="5">
        <v>65</v>
      </c>
      <c r="B85" s="22">
        <v>9</v>
      </c>
      <c r="C85" s="14">
        <v>8</v>
      </c>
      <c r="D85" s="18">
        <v>17</v>
      </c>
    </row>
    <row r="86" spans="1:4" ht="18" customHeight="1" x14ac:dyDescent="0.15">
      <c r="A86" s="5">
        <v>66</v>
      </c>
      <c r="B86" s="22">
        <v>5</v>
      </c>
      <c r="C86" s="14">
        <v>8</v>
      </c>
      <c r="D86" s="18">
        <v>13</v>
      </c>
    </row>
    <row r="87" spans="1:4" ht="18" customHeight="1" x14ac:dyDescent="0.15">
      <c r="A87" s="5">
        <v>67</v>
      </c>
      <c r="B87" s="22">
        <v>8</v>
      </c>
      <c r="C87" s="14">
        <v>12</v>
      </c>
      <c r="D87" s="18">
        <v>20</v>
      </c>
    </row>
    <row r="88" spans="1:4" ht="18" customHeight="1" x14ac:dyDescent="0.15">
      <c r="A88" s="5">
        <v>68</v>
      </c>
      <c r="B88" s="22">
        <v>9</v>
      </c>
      <c r="C88" s="14">
        <v>7</v>
      </c>
      <c r="D88" s="18">
        <v>16</v>
      </c>
    </row>
    <row r="89" spans="1:4" ht="18" customHeight="1" x14ac:dyDescent="0.15">
      <c r="A89" s="5">
        <v>69</v>
      </c>
      <c r="B89" s="22">
        <v>6</v>
      </c>
      <c r="C89" s="14">
        <v>5</v>
      </c>
      <c r="D89" s="18">
        <v>11</v>
      </c>
    </row>
    <row r="90" spans="1:4" ht="18" customHeight="1" x14ac:dyDescent="0.15">
      <c r="A90" s="5" t="s">
        <v>20</v>
      </c>
      <c r="B90" s="22">
        <v>37</v>
      </c>
      <c r="C90" s="14">
        <v>40</v>
      </c>
      <c r="D90" s="18">
        <v>77</v>
      </c>
    </row>
    <row r="91" spans="1:4" ht="18" customHeight="1" x14ac:dyDescent="0.15">
      <c r="A91" s="5">
        <v>70</v>
      </c>
      <c r="B91" s="22">
        <v>6</v>
      </c>
      <c r="C91" s="14">
        <v>12</v>
      </c>
      <c r="D91" s="18">
        <v>18</v>
      </c>
    </row>
    <row r="92" spans="1:4" ht="18" customHeight="1" x14ac:dyDescent="0.15">
      <c r="A92" s="5">
        <v>71</v>
      </c>
      <c r="B92" s="22">
        <v>11</v>
      </c>
      <c r="C92" s="14">
        <v>10</v>
      </c>
      <c r="D92" s="18">
        <v>21</v>
      </c>
    </row>
    <row r="93" spans="1:4" ht="18" customHeight="1" x14ac:dyDescent="0.15">
      <c r="A93" s="5">
        <v>72</v>
      </c>
      <c r="B93" s="22">
        <v>16</v>
      </c>
      <c r="C93" s="14">
        <v>12</v>
      </c>
      <c r="D93" s="18">
        <v>28</v>
      </c>
    </row>
    <row r="94" spans="1:4" ht="18" customHeight="1" x14ac:dyDescent="0.15">
      <c r="A94" s="5">
        <v>73</v>
      </c>
      <c r="B94" s="22">
        <v>9</v>
      </c>
      <c r="C94" s="14">
        <v>5</v>
      </c>
      <c r="D94" s="18">
        <v>14</v>
      </c>
    </row>
    <row r="95" spans="1:4" ht="18" customHeight="1" x14ac:dyDescent="0.15">
      <c r="A95" s="5">
        <v>74</v>
      </c>
      <c r="B95" s="22">
        <v>13</v>
      </c>
      <c r="C95" s="14">
        <v>11</v>
      </c>
      <c r="D95" s="18">
        <v>24</v>
      </c>
    </row>
    <row r="96" spans="1:4" ht="18" customHeight="1" x14ac:dyDescent="0.15">
      <c r="A96" s="5" t="s">
        <v>33</v>
      </c>
      <c r="B96" s="22">
        <v>55</v>
      </c>
      <c r="C96" s="14">
        <v>50</v>
      </c>
      <c r="D96" s="18">
        <v>105</v>
      </c>
    </row>
    <row r="97" spans="1:4" ht="18" customHeight="1" x14ac:dyDescent="0.15">
      <c r="A97" s="5">
        <v>75</v>
      </c>
      <c r="B97" s="22">
        <v>8</v>
      </c>
      <c r="C97" s="14">
        <v>11</v>
      </c>
      <c r="D97" s="18">
        <v>19</v>
      </c>
    </row>
    <row r="98" spans="1:4" ht="18" customHeight="1" x14ac:dyDescent="0.15">
      <c r="A98" s="5">
        <v>76</v>
      </c>
      <c r="B98" s="22">
        <v>11</v>
      </c>
      <c r="C98" s="14">
        <v>15</v>
      </c>
      <c r="D98" s="18">
        <v>26</v>
      </c>
    </row>
    <row r="99" spans="1:4" ht="18" customHeight="1" x14ac:dyDescent="0.15">
      <c r="A99" s="5">
        <v>77</v>
      </c>
      <c r="B99" s="22">
        <v>12</v>
      </c>
      <c r="C99" s="14">
        <v>18</v>
      </c>
      <c r="D99" s="18">
        <v>30</v>
      </c>
    </row>
    <row r="100" spans="1:4" ht="18" customHeight="1" x14ac:dyDescent="0.15">
      <c r="A100" s="5">
        <v>78</v>
      </c>
      <c r="B100" s="22">
        <v>11</v>
      </c>
      <c r="C100" s="14">
        <v>15</v>
      </c>
      <c r="D100" s="18">
        <v>26</v>
      </c>
    </row>
    <row r="101" spans="1:4" ht="18" customHeight="1" x14ac:dyDescent="0.15">
      <c r="A101" s="5">
        <v>79</v>
      </c>
      <c r="B101" s="22">
        <v>9</v>
      </c>
      <c r="C101" s="14">
        <v>16</v>
      </c>
      <c r="D101" s="18">
        <v>25</v>
      </c>
    </row>
    <row r="102" spans="1:4" ht="18" customHeight="1" x14ac:dyDescent="0.15">
      <c r="A102" s="5" t="s">
        <v>0</v>
      </c>
      <c r="B102" s="22">
        <v>51</v>
      </c>
      <c r="C102" s="14">
        <v>75</v>
      </c>
      <c r="D102" s="18">
        <v>126</v>
      </c>
    </row>
    <row r="103" spans="1:4" ht="18" customHeight="1" x14ac:dyDescent="0.15">
      <c r="A103" s="5">
        <v>80</v>
      </c>
      <c r="B103" s="22">
        <v>10</v>
      </c>
      <c r="C103" s="14">
        <v>7</v>
      </c>
      <c r="D103" s="18">
        <v>17</v>
      </c>
    </row>
    <row r="104" spans="1:4" ht="18" customHeight="1" x14ac:dyDescent="0.15">
      <c r="A104" s="5">
        <v>81</v>
      </c>
      <c r="B104" s="22">
        <v>12</v>
      </c>
      <c r="C104" s="14">
        <v>5</v>
      </c>
      <c r="D104" s="18">
        <v>17</v>
      </c>
    </row>
    <row r="105" spans="1:4" ht="18" customHeight="1" x14ac:dyDescent="0.15">
      <c r="A105" s="5">
        <v>82</v>
      </c>
      <c r="B105" s="22">
        <v>6</v>
      </c>
      <c r="C105" s="14">
        <v>16</v>
      </c>
      <c r="D105" s="18">
        <v>22</v>
      </c>
    </row>
    <row r="106" spans="1:4" ht="18" customHeight="1" x14ac:dyDescent="0.15">
      <c r="A106" s="5">
        <v>83</v>
      </c>
      <c r="B106" s="22">
        <v>9</v>
      </c>
      <c r="C106" s="14">
        <v>7</v>
      </c>
      <c r="D106" s="18">
        <v>16</v>
      </c>
    </row>
    <row r="107" spans="1:4" ht="18" customHeight="1" x14ac:dyDescent="0.15">
      <c r="A107" s="5">
        <v>84</v>
      </c>
      <c r="B107" s="22">
        <v>5</v>
      </c>
      <c r="C107" s="14">
        <v>10</v>
      </c>
      <c r="D107" s="18">
        <v>15</v>
      </c>
    </row>
    <row r="108" spans="1:4" ht="18" customHeight="1" x14ac:dyDescent="0.15">
      <c r="A108" s="5" t="s">
        <v>35</v>
      </c>
      <c r="B108" s="22">
        <v>42</v>
      </c>
      <c r="C108" s="14">
        <v>45</v>
      </c>
      <c r="D108" s="18">
        <v>87</v>
      </c>
    </row>
    <row r="109" spans="1:4" ht="18" customHeight="1" x14ac:dyDescent="0.15">
      <c r="A109" s="5">
        <v>85</v>
      </c>
      <c r="B109" s="22">
        <v>3</v>
      </c>
      <c r="C109" s="14">
        <v>4</v>
      </c>
      <c r="D109" s="18">
        <v>7</v>
      </c>
    </row>
    <row r="110" spans="1:4" ht="18" customHeight="1" x14ac:dyDescent="0.15">
      <c r="A110" s="5">
        <v>86</v>
      </c>
      <c r="B110" s="22">
        <v>2</v>
      </c>
      <c r="C110" s="14">
        <v>9</v>
      </c>
      <c r="D110" s="18">
        <v>11</v>
      </c>
    </row>
    <row r="111" spans="1:4" ht="18" customHeight="1" x14ac:dyDescent="0.15">
      <c r="A111" s="5">
        <v>87</v>
      </c>
      <c r="B111" s="22">
        <v>3</v>
      </c>
      <c r="C111" s="14">
        <v>9</v>
      </c>
      <c r="D111" s="18">
        <v>12</v>
      </c>
    </row>
    <row r="112" spans="1:4" ht="18" customHeight="1" x14ac:dyDescent="0.15">
      <c r="A112" s="5">
        <v>88</v>
      </c>
      <c r="B112" s="22">
        <v>6</v>
      </c>
      <c r="C112" s="14">
        <v>8</v>
      </c>
      <c r="D112" s="18">
        <v>14</v>
      </c>
    </row>
    <row r="113" spans="1:4" ht="18" customHeight="1" x14ac:dyDescent="0.15">
      <c r="A113" s="5">
        <v>89</v>
      </c>
      <c r="B113" s="22">
        <v>2</v>
      </c>
      <c r="C113" s="14">
        <v>2</v>
      </c>
      <c r="D113" s="18">
        <v>4</v>
      </c>
    </row>
    <row r="114" spans="1:4" ht="18" customHeight="1" x14ac:dyDescent="0.15">
      <c r="A114" s="5" t="s">
        <v>37</v>
      </c>
      <c r="B114" s="22">
        <v>16</v>
      </c>
      <c r="C114" s="14">
        <v>32</v>
      </c>
      <c r="D114" s="18">
        <v>48</v>
      </c>
    </row>
    <row r="115" spans="1:4" ht="18" customHeight="1" x14ac:dyDescent="0.15">
      <c r="A115" s="5">
        <v>90</v>
      </c>
      <c r="B115" s="22">
        <v>3</v>
      </c>
      <c r="C115" s="14">
        <v>8</v>
      </c>
      <c r="D115" s="18">
        <v>11</v>
      </c>
    </row>
    <row r="116" spans="1:4" ht="18" customHeight="1" x14ac:dyDescent="0.15">
      <c r="A116" s="5">
        <v>91</v>
      </c>
      <c r="B116" s="22">
        <v>3</v>
      </c>
      <c r="C116" s="14">
        <v>5</v>
      </c>
      <c r="D116" s="18">
        <v>8</v>
      </c>
    </row>
    <row r="117" spans="1:4" ht="18" customHeight="1" x14ac:dyDescent="0.15">
      <c r="A117" s="5">
        <v>92</v>
      </c>
      <c r="B117" s="22">
        <v>2</v>
      </c>
      <c r="C117" s="14">
        <v>1</v>
      </c>
      <c r="D117" s="18">
        <v>3</v>
      </c>
    </row>
    <row r="118" spans="1:4" ht="18" customHeight="1" x14ac:dyDescent="0.15">
      <c r="A118" s="5">
        <v>93</v>
      </c>
      <c r="B118" s="22">
        <v>2</v>
      </c>
      <c r="C118" s="14">
        <v>5</v>
      </c>
      <c r="D118" s="18">
        <v>7</v>
      </c>
    </row>
    <row r="119" spans="1:4" ht="18" customHeight="1" x14ac:dyDescent="0.15">
      <c r="A119" s="5">
        <v>94</v>
      </c>
      <c r="B119" s="22">
        <v>1</v>
      </c>
      <c r="C119" s="14">
        <v>10</v>
      </c>
      <c r="D119" s="18">
        <v>11</v>
      </c>
    </row>
    <row r="120" spans="1:4" ht="18" customHeight="1" x14ac:dyDescent="0.15">
      <c r="A120" s="5" t="s">
        <v>39</v>
      </c>
      <c r="B120" s="22">
        <v>11</v>
      </c>
      <c r="C120" s="14">
        <v>29</v>
      </c>
      <c r="D120" s="18">
        <v>40</v>
      </c>
    </row>
    <row r="121" spans="1:4" ht="18" customHeight="1" x14ac:dyDescent="0.15">
      <c r="A121" s="5">
        <v>95</v>
      </c>
      <c r="B121" s="22">
        <v>1</v>
      </c>
      <c r="C121" s="14">
        <v>3</v>
      </c>
      <c r="D121" s="18">
        <v>4</v>
      </c>
    </row>
    <row r="122" spans="1:4" ht="18" customHeight="1" x14ac:dyDescent="0.15">
      <c r="A122" s="5">
        <v>96</v>
      </c>
      <c r="B122" s="22">
        <v>0</v>
      </c>
      <c r="C122" s="14">
        <v>4</v>
      </c>
      <c r="D122" s="18">
        <v>4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3</v>
      </c>
      <c r="C126" s="14">
        <v>10</v>
      </c>
      <c r="D126" s="18">
        <v>13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215</v>
      </c>
      <c r="C130" s="14">
        <v>282</v>
      </c>
      <c r="D130" s="18">
        <v>497</v>
      </c>
    </row>
    <row r="131" spans="1:4" ht="18" customHeight="1" x14ac:dyDescent="0.15">
      <c r="A131" s="7" t="s">
        <v>45</v>
      </c>
      <c r="B131" s="23">
        <v>507</v>
      </c>
      <c r="C131" s="15">
        <v>541</v>
      </c>
      <c r="D131" s="19">
        <v>104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0</vt:i4>
      </vt:variant>
      <vt:variant>
        <vt:lpstr>名前付き一覧</vt:lpstr>
      </vt:variant>
      <vt:variant>
        <vt:i4>89</vt:i4>
      </vt:variant>
    </vt:vector>
  </HeadingPairs>
  <TitlesOfParts>
    <vt:vector size="179" baseType="lpstr">
      <vt:lpstr>目次</vt:lpstr>
      <vt:lpstr>年齢別・性別人口(01総曲輪)</vt:lpstr>
      <vt:lpstr>年齢別・性別人口(02愛宕)</vt:lpstr>
      <vt:lpstr>年齢別・性別人口(03安野屋)</vt:lpstr>
      <vt:lpstr>年齢別・性別人口(04八人町)</vt:lpstr>
      <vt:lpstr>年齢別・性別人口(05五番町)</vt:lpstr>
      <vt:lpstr>年齢別・性別人口(06柳町)</vt:lpstr>
      <vt:lpstr>年齢別・性別人口(07清水町)</vt:lpstr>
      <vt:lpstr>年齢別・性別人口(08星井町)</vt:lpstr>
      <vt:lpstr>年齢別・性別人口(09西田地方)</vt:lpstr>
      <vt:lpstr>年齢別・性別人口(10堀川)</vt:lpstr>
      <vt:lpstr>年齢別・性別人口(11堀川南)</vt:lpstr>
      <vt:lpstr>年齢別・性別人口(12東部)</vt:lpstr>
      <vt:lpstr>年齢別・性別人口(13奥田)</vt:lpstr>
      <vt:lpstr>年齢別・性別人口(14奥田北)</vt:lpstr>
      <vt:lpstr>年齢別・性別人口(15桜谷)</vt:lpstr>
      <vt:lpstr>年齢別・性別人口(16五福)</vt:lpstr>
      <vt:lpstr>年齢別・性別人口(17神明)</vt:lpstr>
      <vt:lpstr>年齢別・性別人口(18岩瀬)</vt:lpstr>
      <vt:lpstr>年齢別・性別人口(19萩浦)</vt:lpstr>
      <vt:lpstr>年齢別・性別人口(20大広田)</vt:lpstr>
      <vt:lpstr>年齢別・性別人口(21浜黒崎)</vt:lpstr>
      <vt:lpstr>年齢別・性別人口(22針原)</vt:lpstr>
      <vt:lpstr>年齢別・性別人口(23豊田)</vt:lpstr>
      <vt:lpstr>年齢別・性別人口(24広田)</vt:lpstr>
      <vt:lpstr>年齢別・性別人口(25新庄)</vt:lpstr>
      <vt:lpstr>年齢別・性別人口(26藤ノ木)</vt:lpstr>
      <vt:lpstr>年齢別・性別人口(27山室)</vt:lpstr>
      <vt:lpstr>年齢別・性別人口(28山室中部)</vt:lpstr>
      <vt:lpstr>年齢別・性別人口(29太田)</vt:lpstr>
      <vt:lpstr>年齢別・性別人口(30蜷川)</vt:lpstr>
      <vt:lpstr>年齢別・性別人口(31新保)</vt:lpstr>
      <vt:lpstr>年齢別・性別人口(32熊野)</vt:lpstr>
      <vt:lpstr>年齢別・性別人口(33月岡)</vt:lpstr>
      <vt:lpstr>年齢別・性別人口(34四方)</vt:lpstr>
      <vt:lpstr>年齢別・性別人口(35八幡)</vt:lpstr>
      <vt:lpstr>年齢別・性別人口(36草島)</vt:lpstr>
      <vt:lpstr>年齢別・性別人口(37倉垣)</vt:lpstr>
      <vt:lpstr>年齢別・性別人口(38呉羽)</vt:lpstr>
      <vt:lpstr>年齢別・性別人口(39長岡)</vt:lpstr>
      <vt:lpstr>年齢別・性別人口(40寒江)</vt:lpstr>
      <vt:lpstr>年齢別・性別人口(41古沢)</vt:lpstr>
      <vt:lpstr>年齢別・性別人口(42老田)</vt:lpstr>
      <vt:lpstr>年齢別・性別人口(43池多)</vt:lpstr>
      <vt:lpstr>年齢別・性別人口(44水橋中部)</vt:lpstr>
      <vt:lpstr>年齢別・性別人口(45水橋西部)</vt:lpstr>
      <vt:lpstr>年齢別・性別人口(46水橋東部)</vt:lpstr>
      <vt:lpstr>年齢別・性別人口(47三郷)</vt:lpstr>
      <vt:lpstr>年齢別・性別人口(48上条)</vt:lpstr>
      <vt:lpstr>年齢別・性別人口(49光陽)</vt:lpstr>
      <vt:lpstr>年齢別・性別人口(50新庄北）</vt:lpstr>
      <vt:lpstr>年齢別・性別人口(0099富山地域)</vt:lpstr>
      <vt:lpstr>年齢別・性別人口0101下タ)</vt:lpstr>
      <vt:lpstr>年齢別・性別人口(0102小羽)</vt:lpstr>
      <vt:lpstr>年齢別・性別人口(0103船峅)</vt:lpstr>
      <vt:lpstr>年齢別・性別人口(0104大沢野)</vt:lpstr>
      <vt:lpstr>年齢別・性別人口(0105大久保)</vt:lpstr>
      <vt:lpstr>年齢別・性別人口(0199大沢野地域)</vt:lpstr>
      <vt:lpstr>年齢別・性別人口(0201上滝)</vt:lpstr>
      <vt:lpstr>年齢別・性別人口(0202大山)</vt:lpstr>
      <vt:lpstr>年齢別・性別人口(0203大庄)</vt:lpstr>
      <vt:lpstr>年齢別・性別人口(0204福沢)</vt:lpstr>
      <vt:lpstr>年齢別・性別人口(0299大山地域)</vt:lpstr>
      <vt:lpstr>年齢別・性別人口(0301八尾)</vt:lpstr>
      <vt:lpstr>年齢別・性別人口(0302保内)</vt:lpstr>
      <vt:lpstr>年齢別・性別人口(0303杉原)</vt:lpstr>
      <vt:lpstr>年齢別・性別人口(0304卯花)</vt:lpstr>
      <vt:lpstr>年齢別・性別人口(0305室牧)</vt:lpstr>
      <vt:lpstr>年齢別・性別人口(0306黒瀬谷)</vt:lpstr>
      <vt:lpstr>年齢別・性別人口(0307野積)</vt:lpstr>
      <vt:lpstr>年齢別・性別人口(0308仁歩)</vt:lpstr>
      <vt:lpstr>年齢別・性別人口(0309大長谷)</vt:lpstr>
      <vt:lpstr>年齢別・性別人口(0399八尾地域)</vt:lpstr>
      <vt:lpstr>年齢別・性別人口(0401速星)</vt:lpstr>
      <vt:lpstr>年齢別・性別人口(0402鵜坂)</vt:lpstr>
      <vt:lpstr>年齢別・性別人口(0403朝日)</vt:lpstr>
      <vt:lpstr>年齢別・性別人口(0404宮川)</vt:lpstr>
      <vt:lpstr>年齢別・性別人口(0405婦中熊野)</vt:lpstr>
      <vt:lpstr>年齢別・性別人口(0406古里)</vt:lpstr>
      <vt:lpstr>年齢別・性別人口(0407音川)</vt:lpstr>
      <vt:lpstr>年齢別・性別人口(0408神保)</vt:lpstr>
      <vt:lpstr>年齢別・性別人口(0499婦中地域)</vt:lpstr>
      <vt:lpstr>年齢別・性別人口(0501山田南部)</vt:lpstr>
      <vt:lpstr>年齢別・性別人口(0502山田中部)</vt:lpstr>
      <vt:lpstr>年齢別・性別人口(0503山田西部)</vt:lpstr>
      <vt:lpstr>年齢別・性別人口(0504山田東部)</vt:lpstr>
      <vt:lpstr>年齢別・性別人口(0599山田地域)</vt:lpstr>
      <vt:lpstr>年齢別・性別人口(0601細入北部)</vt:lpstr>
      <vt:lpstr>年齢別・性別人口(0602細入南部)</vt:lpstr>
      <vt:lpstr>年齢別・性別人口(0699細入地域)</vt:lpstr>
      <vt:lpstr>'年齢別・性別人口(0099富山地域)'!Print_Titles</vt:lpstr>
      <vt:lpstr>'年齢別・性別人口(0102小羽)'!Print_Titles</vt:lpstr>
      <vt:lpstr>'年齢別・性別人口(0103船峅)'!Print_Titles</vt:lpstr>
      <vt:lpstr>'年齢別・性別人口(0104大沢野)'!Print_Titles</vt:lpstr>
      <vt:lpstr>'年齢別・性別人口(0105大久保)'!Print_Titles</vt:lpstr>
      <vt:lpstr>'年齢別・性別人口(0199大沢野地域)'!Print_Titles</vt:lpstr>
      <vt:lpstr>'年齢別・性別人口(01総曲輪)'!Print_Titles</vt:lpstr>
      <vt:lpstr>'年齢別・性別人口(0201上滝)'!Print_Titles</vt:lpstr>
      <vt:lpstr>'年齢別・性別人口(0202大山)'!Print_Titles</vt:lpstr>
      <vt:lpstr>'年齢別・性別人口(0203大庄)'!Print_Titles</vt:lpstr>
      <vt:lpstr>'年齢別・性別人口(0204福沢)'!Print_Titles</vt:lpstr>
      <vt:lpstr>'年齢別・性別人口(0299大山地域)'!Print_Titles</vt:lpstr>
      <vt:lpstr>'年齢別・性別人口(02愛宕)'!Print_Titles</vt:lpstr>
      <vt:lpstr>'年齢別・性別人口(0301八尾)'!Print_Titles</vt:lpstr>
      <vt:lpstr>'年齢別・性別人口(0302保内)'!Print_Titles</vt:lpstr>
      <vt:lpstr>'年齢別・性別人口(0303杉原)'!Print_Titles</vt:lpstr>
      <vt:lpstr>'年齢別・性別人口(0304卯花)'!Print_Titles</vt:lpstr>
      <vt:lpstr>'年齢別・性別人口(0305室牧)'!Print_Titles</vt:lpstr>
      <vt:lpstr>'年齢別・性別人口(0306黒瀬谷)'!Print_Titles</vt:lpstr>
      <vt:lpstr>'年齢別・性別人口(0307野積)'!Print_Titles</vt:lpstr>
      <vt:lpstr>'年齢別・性別人口(0308仁歩)'!Print_Titles</vt:lpstr>
      <vt:lpstr>'年齢別・性別人口(0309大長谷)'!Print_Titles</vt:lpstr>
      <vt:lpstr>'年齢別・性別人口(0399八尾地域)'!Print_Titles</vt:lpstr>
      <vt:lpstr>'年齢別・性別人口(03安野屋)'!Print_Titles</vt:lpstr>
      <vt:lpstr>'年齢別・性別人口(0401速星)'!Print_Titles</vt:lpstr>
      <vt:lpstr>'年齢別・性別人口(0402鵜坂)'!Print_Titles</vt:lpstr>
      <vt:lpstr>'年齢別・性別人口(0403朝日)'!Print_Titles</vt:lpstr>
      <vt:lpstr>'年齢別・性別人口(0404宮川)'!Print_Titles</vt:lpstr>
      <vt:lpstr>'年齢別・性別人口(0405婦中熊野)'!Print_Titles</vt:lpstr>
      <vt:lpstr>'年齢別・性別人口(0406古里)'!Print_Titles</vt:lpstr>
      <vt:lpstr>'年齢別・性別人口(0407音川)'!Print_Titles</vt:lpstr>
      <vt:lpstr>'年齢別・性別人口(0408神保)'!Print_Titles</vt:lpstr>
      <vt:lpstr>'年齢別・性別人口(0499婦中地域)'!Print_Titles</vt:lpstr>
      <vt:lpstr>'年齢別・性別人口(04八人町)'!Print_Titles</vt:lpstr>
      <vt:lpstr>'年齢別・性別人口(0501山田南部)'!Print_Titles</vt:lpstr>
      <vt:lpstr>'年齢別・性別人口(0502山田中部)'!Print_Titles</vt:lpstr>
      <vt:lpstr>'年齢別・性別人口(0503山田西部)'!Print_Titles</vt:lpstr>
      <vt:lpstr>'年齢別・性別人口(0504山田東部)'!Print_Titles</vt:lpstr>
      <vt:lpstr>'年齢別・性別人口(0599山田地域)'!Print_Titles</vt:lpstr>
      <vt:lpstr>'年齢別・性別人口(05五番町)'!Print_Titles</vt:lpstr>
      <vt:lpstr>'年齢別・性別人口(0601細入北部)'!Print_Titles</vt:lpstr>
      <vt:lpstr>'年齢別・性別人口(0602細入南部)'!Print_Titles</vt:lpstr>
      <vt:lpstr>'年齢別・性別人口(0699細入地域)'!Print_Titles</vt:lpstr>
      <vt:lpstr>'年齢別・性別人口(06柳町)'!Print_Titles</vt:lpstr>
      <vt:lpstr>'年齢別・性別人口(07清水町)'!Print_Titles</vt:lpstr>
      <vt:lpstr>'年齢別・性別人口(08星井町)'!Print_Titles</vt:lpstr>
      <vt:lpstr>'年齢別・性別人口(09西田地方)'!Print_Titles</vt:lpstr>
      <vt:lpstr>'年齢別・性別人口(10堀川)'!Print_Titles</vt:lpstr>
      <vt:lpstr>'年齢別・性別人口(11堀川南)'!Print_Titles</vt:lpstr>
      <vt:lpstr>'年齢別・性別人口(12東部)'!Print_Titles</vt:lpstr>
      <vt:lpstr>'年齢別・性別人口(13奥田)'!Print_Titles</vt:lpstr>
      <vt:lpstr>'年齢別・性別人口(14奥田北)'!Print_Titles</vt:lpstr>
      <vt:lpstr>'年齢別・性別人口(15桜谷)'!Print_Titles</vt:lpstr>
      <vt:lpstr>'年齢別・性別人口(16五福)'!Print_Titles</vt:lpstr>
      <vt:lpstr>'年齢別・性別人口(17神明)'!Print_Titles</vt:lpstr>
      <vt:lpstr>'年齢別・性別人口(18岩瀬)'!Print_Titles</vt:lpstr>
      <vt:lpstr>'年齢別・性別人口(19萩浦)'!Print_Titles</vt:lpstr>
      <vt:lpstr>'年齢別・性別人口(20大広田)'!Print_Titles</vt:lpstr>
      <vt:lpstr>'年齢別・性別人口(21浜黒崎)'!Print_Titles</vt:lpstr>
      <vt:lpstr>'年齢別・性別人口(22針原)'!Print_Titles</vt:lpstr>
      <vt:lpstr>'年齢別・性別人口(23豊田)'!Print_Titles</vt:lpstr>
      <vt:lpstr>'年齢別・性別人口(24広田)'!Print_Titles</vt:lpstr>
      <vt:lpstr>'年齢別・性別人口(25新庄)'!Print_Titles</vt:lpstr>
      <vt:lpstr>'年齢別・性別人口(26藤ノ木)'!Print_Titles</vt:lpstr>
      <vt:lpstr>'年齢別・性別人口(27山室)'!Print_Titles</vt:lpstr>
      <vt:lpstr>'年齢別・性別人口(28山室中部)'!Print_Titles</vt:lpstr>
      <vt:lpstr>'年齢別・性別人口(29太田)'!Print_Titles</vt:lpstr>
      <vt:lpstr>'年齢別・性別人口(30蜷川)'!Print_Titles</vt:lpstr>
      <vt:lpstr>'年齢別・性別人口(31新保)'!Print_Titles</vt:lpstr>
      <vt:lpstr>'年齢別・性別人口(32熊野)'!Print_Titles</vt:lpstr>
      <vt:lpstr>'年齢別・性別人口(33月岡)'!Print_Titles</vt:lpstr>
      <vt:lpstr>'年齢別・性別人口(34四方)'!Print_Titles</vt:lpstr>
      <vt:lpstr>'年齢別・性別人口(35八幡)'!Print_Titles</vt:lpstr>
      <vt:lpstr>'年齢別・性別人口(36草島)'!Print_Titles</vt:lpstr>
      <vt:lpstr>'年齢別・性別人口(37倉垣)'!Print_Titles</vt:lpstr>
      <vt:lpstr>'年齢別・性別人口(38呉羽)'!Print_Titles</vt:lpstr>
      <vt:lpstr>'年齢別・性別人口(39長岡)'!Print_Titles</vt:lpstr>
      <vt:lpstr>'年齢別・性別人口(40寒江)'!Print_Titles</vt:lpstr>
      <vt:lpstr>'年齢別・性別人口(41古沢)'!Print_Titles</vt:lpstr>
      <vt:lpstr>'年齢別・性別人口(42老田)'!Print_Titles</vt:lpstr>
      <vt:lpstr>'年齢別・性別人口(43池多)'!Print_Titles</vt:lpstr>
      <vt:lpstr>'年齢別・性別人口(44水橋中部)'!Print_Titles</vt:lpstr>
      <vt:lpstr>'年齢別・性別人口(45水橋西部)'!Print_Titles</vt:lpstr>
      <vt:lpstr>'年齢別・性別人口(46水橋東部)'!Print_Titles</vt:lpstr>
      <vt:lpstr>'年齢別・性別人口(47三郷)'!Print_Titles</vt:lpstr>
      <vt:lpstr>'年齢別・性別人口(48上条)'!Print_Titles</vt:lpstr>
      <vt:lpstr>'年齢別・性別人口(49光陽)'!Print_Titles</vt:lpstr>
      <vt:lpstr>'年齢別・性別人口(50新庄北）'!Print_Titles</vt:lpstr>
      <vt:lpstr>'年齢別・性別人口0101下タ)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4-03T00:27:14Z</dcterms:created>
  <dcterms:modified xsi:type="dcterms:W3CDTF">2026-04-03T00:36:2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6-04-03T00:27:14Z</vt:filetime>
  </property>
</Properties>
</file>